
<file path=[Content_Types].xml><?xml version="1.0" encoding="utf-8"?>
<Types xmlns="http://schemas.openxmlformats.org/package/2006/content-types">
  <Override PartName="/xl/styles.xml" ContentType="application/vnd.openxmlformats-officedocument.spreadsheetml.styles+xml"/>
  <Default Extension="png" ContentType="image/png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drawings/drawing1.xml" ContentType="application/vnd.openxmlformats-officedocument.drawing+xml"/>
  <Override PartName="/xl/worksheets/sheet1.xml" ContentType="application/vnd.openxmlformats-officedocument.spreadsheetml.worksheet+xml"/>
  <Override PartName="/xl/comments1.xml" ContentType="application/vnd.openxmlformats-officedocument.spreadsheetml.comments+xml"/>
  <Override PartName="/xl/drawings/vmlDrawing1.vml" ContentType="application/vnd.openxmlformats-officedocument.vmlDrawing"/>
  <Override PartName="/xl/sharedStrings.xml" ContentType="application/vnd.openxmlformats-officedocument.spreadsheetml.sharedStrings+xml"/>
</Types>
</file>

<file path=_rels/.rels>&#65279;<?xml version="1.0" encoding="UTF-8" standalone="yes"?>
<Relationships xmlns="http://schemas.openxmlformats.org/package/2006/relationships">
	<Relationship Id="rId1" Type="http://schemas.openxmlformats.org/officeDocument/2006/relationships/officeDocument" Target="xl/workbook.xml"/>
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4" lowestEdited="4" rupBuild="4505"/>
  <workbookPr defaultThemeVersion="124226"/>
  <bookViews>
    <workbookView xWindow="0" yWindow="0" windowWidth="11400" windowHeight="5895" tabRatio="0"/>
  </bookViews>
  <sheets>
    <sheet name="TDSheet" sheetId="1" r:id="rId1"/>
  </sheets>
  <calcPr calcId="124519" refMode="R1C1"/>
</workbook>
</file>

<file path=xl/comments1.xml><?xml version="1.0" encoding="utf-8"?>
<comments xmlns="http://schemas.openxmlformats.org/spreadsheetml/2006/main">
  <authors>
    <author/>
  </authors>
  <commentList/>
</comments>
</file>

<file path=xl/sharedStrings.xml><?xml version="1.0" encoding="utf-8"?>
<sst xmlns="http://schemas.openxmlformats.org/spreadsheetml/2006/main" count="7156" uniqueCount="7156">
  <si>
    <t>Прайс лист от 20 мая 2024 г.</t>
  </si>
  <si>
    <t>Наименование</t>
  </si>
  <si>
    <t>Опт</t>
  </si>
  <si>
    <t>Розница</t>
  </si>
  <si>
    <t>В наличии</t>
  </si>
  <si>
    <t>Заказ</t>
  </si>
  <si>
    <t xml:space="preserve"> Аксессуары</t>
  </si>
  <si>
    <t xml:space="preserve">      POWER BANK</t>
  </si>
  <si>
    <t>POWER BANK 10.000 mAh BOROFONE BJ27 (в ассортименте)</t>
  </si>
  <si>
    <t>725</t>
  </si>
  <si>
    <t>1 150</t>
  </si>
  <si>
    <t>1</t>
  </si>
  <si>
    <t>POWER BANK 10.000 mAh HOCO J111</t>
  </si>
  <si>
    <t>750</t>
  </si>
  <si>
    <t>1 100</t>
  </si>
  <si>
    <t>4</t>
  </si>
  <si>
    <t>POWER BANK 2.200 mAh SMARTBUY (IPhone)</t>
  </si>
  <si>
    <t>264</t>
  </si>
  <si>
    <t>540</t>
  </si>
  <si>
    <t>POWER BANK 2.600 mAh Remax</t>
  </si>
  <si>
    <t>168</t>
  </si>
  <si>
    <t>360</t>
  </si>
  <si>
    <t>POWER BANK 20.000 mAh BOROFONE BJ1A QC3.0</t>
  </si>
  <si>
    <t>1 600</t>
  </si>
  <si>
    <t>2 500</t>
  </si>
  <si>
    <t>POWER BANK 20.000 mAh BOROFONE BJ20A</t>
  </si>
  <si>
    <t>2</t>
  </si>
  <si>
    <t>POWER BANK 20.000 mAh BOROFONE DBT15A</t>
  </si>
  <si>
    <t>1 250</t>
  </si>
  <si>
    <t>2 000</t>
  </si>
  <si>
    <t>POWER BANK 20.000 mAh HOCO B31 2USB</t>
  </si>
  <si>
    <t>1 794</t>
  </si>
  <si>
    <t>POWER BANK 20.000 mAh HOCO J100A 2USB</t>
  </si>
  <si>
    <t>1 170</t>
  </si>
  <si>
    <t>1 950</t>
  </si>
  <si>
    <t>POWER BANK 20.000 mAh HOCO J91A Micro-USB / Type-C вход ,2USB 2A выхода</t>
  </si>
  <si>
    <t>1 300</t>
  </si>
  <si>
    <t>POWER BANK 30.000 mAh Hoco J101B PD3.0/QC3.0 </t>
  </si>
  <si>
    <t>1 755</t>
  </si>
  <si>
    <t>2 700</t>
  </si>
  <si>
    <t>3</t>
  </si>
  <si>
    <t>POWER BANK 30000 mAh Eplutus EB-304Q</t>
  </si>
  <si>
    <t>1 500</t>
  </si>
  <si>
    <t>2 200</t>
  </si>
  <si>
    <t xml:space="preserve">      USB флешки</t>
  </si>
  <si>
    <t xml:space="preserve">           USB флеш 128 GB</t>
  </si>
  <si>
    <t>USB флешка 128 GB SMART BUY Glossy USB 3.0 (цвет в ассорт.)</t>
  </si>
  <si>
    <t>800</t>
  </si>
  <si>
    <t xml:space="preserve">           USB флеш 4 GB</t>
  </si>
  <si>
    <t>USB флешка 4 GB MIREX SWIVEL USB 2.0 (цвет в ассортименте)</t>
  </si>
  <si>
    <t>220</t>
  </si>
  <si>
    <t>350</t>
  </si>
  <si>
    <t>USB флешка 4 GB SMART BUY CLUE USB 2.0 (цвет в ассорт.)</t>
  </si>
  <si>
    <t>225</t>
  </si>
  <si>
    <t>USB флешка 4 GB SMART BUY CROWN SERIES USB 2.0 (цвет в ассорт.)</t>
  </si>
  <si>
    <t>240</t>
  </si>
  <si>
    <t>USB флешка 4 GB SMART BUY QUARTZ С КОЛПАЧКОМ USB 2.0 (цвет в ассорт.)</t>
  </si>
  <si>
    <t>5</t>
  </si>
  <si>
    <t>USB флешка 4 GB SMART BUY V-Cut USB 2.0 (цвет в ассорт.)</t>
  </si>
  <si>
    <t xml:space="preserve">           USB флеш 8 GB</t>
  </si>
  <si>
    <t>USB флешка 8 GB SMART BUY CLIK  USB 2.0 (цвет в ассорт.)</t>
  </si>
  <si>
    <t>260</t>
  </si>
  <si>
    <t>400</t>
  </si>
  <si>
    <t>USB флешка 8 GB SMART BUY CLUE USB 2.0 (цвет в ассорт.)</t>
  </si>
  <si>
    <t>265</t>
  </si>
  <si>
    <t>USB флешка 8 GB SMART BUY GLOSSY SERIES USB 2.0 (цвет в ассорт.)</t>
  </si>
  <si>
    <t>270</t>
  </si>
  <si>
    <t>USB флешка 8 GB SMART BUY QUARTZ SERIES с колпачком USB 2.0 (цвет в ассорт.)</t>
  </si>
  <si>
    <t>8</t>
  </si>
  <si>
    <t>USB флешка 8 GB SMART BUY V-Cut с колпачком USB 2.0 (цвет в ассорт.)</t>
  </si>
  <si>
    <t xml:space="preserve">           USB флеш. 16 GB</t>
  </si>
  <si>
    <t>USB флешка 16 GB SMART BUY QUARTZ С КОЛПАЧКОМ USB 2.0 (цвет в ассорт.)</t>
  </si>
  <si>
    <t>300</t>
  </si>
  <si>
    <t>450</t>
  </si>
  <si>
    <t>USB флешка 16 GB SMART BUY V-Cut (цвет в ассорт.)</t>
  </si>
  <si>
    <t xml:space="preserve">           USB флеш. 32 GB</t>
  </si>
  <si>
    <t>USB флешка 32 GB SMART BUY CLUE USB 2.0 (цвет в ассорт.)</t>
  </si>
  <si>
    <t>330</t>
  </si>
  <si>
    <t>550</t>
  </si>
  <si>
    <t>USB флешка 32 GB SMART BUY CROWN SERIES USB 2.0 (цвет в ассорт.)</t>
  </si>
  <si>
    <t>600</t>
  </si>
  <si>
    <t>USB флешка 32 GB SMART BUY CROWN SERIES USB 3.0 (цвет в ассорт.)</t>
  </si>
  <si>
    <t>390</t>
  </si>
  <si>
    <t>700</t>
  </si>
  <si>
    <t>USB флешка 32 GB SMART BUY QUARTZ С КОЛПАЧКОМ USB 2.0 (цвет в ассорт.)</t>
  </si>
  <si>
    <t>355</t>
  </si>
  <si>
    <t>USB флешка 32 GB SMART BUY V-Cut USB 2.0 (цвет в ассорт.)</t>
  </si>
  <si>
    <t>370</t>
  </si>
  <si>
    <t xml:space="preserve">           USB флеш. 64 GB</t>
  </si>
  <si>
    <t>USB флешка 64 GB SMART BUY FASHION USB 3.0 (цвет в ассорт.)</t>
  </si>
  <si>
    <t>445</t>
  </si>
  <si>
    <t>USB флешка 64 GB SMART BUY GROWN SERIES USB2.0 (цвет в ассорт.)</t>
  </si>
  <si>
    <t>435</t>
  </si>
  <si>
    <t>USB флешка 64 GB SMART BUY GROWN SERIES USB3.0 (цвет в ассорт.)</t>
  </si>
  <si>
    <t>USB флешка 64 GB SMART BUY QUARTZ USB 2.0 (цвет в ассорт.)</t>
  </si>
  <si>
    <t xml:space="preserve">      АЗУ</t>
  </si>
  <si>
    <t xml:space="preserve">           USB автомобильное з.у.</t>
  </si>
  <si>
    <t>USB автомобильное з.у. 1000 mAh (цвета в ассортименте)</t>
  </si>
  <si>
    <t>37</t>
  </si>
  <si>
    <t>120</t>
  </si>
  <si>
    <t>10</t>
  </si>
  <si>
    <t>USB автомобильное з.у. 2 порта 1А+2.1А пакет (цвета в ассортименте)</t>
  </si>
  <si>
    <t>83</t>
  </si>
  <si>
    <t>150</t>
  </si>
  <si>
    <t>USB автомобильное з.у. BOROFONE BZ12A QC3.0 3A</t>
  </si>
  <si>
    <t>185</t>
  </si>
  <si>
    <t>USB автомобильное з.у. BOROFONE BZ14A PD20W+USB QC3.0 3A</t>
  </si>
  <si>
    <t>USB автомобильное з.у. BOROFONE BZ18 QC3.0 .18W</t>
  </si>
  <si>
    <t>USB автомобильное з.у. BOROFONE BZ19 2,4A .2USB</t>
  </si>
  <si>
    <t>USB автомобильное з.у. BOROFONE BZ19A QC3.0. 18W</t>
  </si>
  <si>
    <t>170</t>
  </si>
  <si>
    <t>USB автомобильное з.у. BOROFONE BZ22 PD30W+USB 18W QC3.0 </t>
  </si>
  <si>
    <t>290</t>
  </si>
  <si>
    <t>USB автомобильное з.у. BOROFONE BZ25 PD20W+USB18W QC3.0</t>
  </si>
  <si>
    <t>195</t>
  </si>
  <si>
    <t>USB автомобильное з.у. DREAM C058 QC3.0 2 USB 2.4A</t>
  </si>
  <si>
    <t>255</t>
  </si>
  <si>
    <t>USB автомобильное з.у. DREAM CH17 PD Charger USB 3A</t>
  </si>
  <si>
    <t>325</t>
  </si>
  <si>
    <t>USB автомобильное з.у. DREAM CH18 PD Charger USB 3A</t>
  </si>
  <si>
    <t>145</t>
  </si>
  <si>
    <t>USB автомобильное з.у. DREAM CH21 PD Charger USB 3A</t>
  </si>
  <si>
    <t>175</t>
  </si>
  <si>
    <t>6</t>
  </si>
  <si>
    <t>USB автомобильное з.у. DREAM CH7 1 USB 2A (в ассортименте) LED индикатор </t>
  </si>
  <si>
    <t>USB автомобильное з.у. DREAM HM01 2.4 USB 2A</t>
  </si>
  <si>
    <t>130</t>
  </si>
  <si>
    <t>250</t>
  </si>
  <si>
    <t>USB автомобильное з.у. DREAM SM02 2 USB 3.1A QC3.0</t>
  </si>
  <si>
    <t>165</t>
  </si>
  <si>
    <t>USB автомобильное з.у. DREAM SM03 2.4A QS3.0</t>
  </si>
  <si>
    <t>105</t>
  </si>
  <si>
    <t>USB автомобильное з.у. DREAM SM06 2 USB 2.4A QS3.0</t>
  </si>
  <si>
    <t>USB автомобильное з.у. DREAM SM09 2 USB 2.4A </t>
  </si>
  <si>
    <t>USB автомобильное з.у. EPLUTUS CU-502 2 USB 2.4A Удлинённое</t>
  </si>
  <si>
    <t>USB автомобильное з.у. Огонь BL-LC601 2 USB 3A Удлинённое</t>
  </si>
  <si>
    <t>110</t>
  </si>
  <si>
    <t xml:space="preserve">           АЗУ iPhone</t>
  </si>
  <si>
    <t>АЗУ iPhone 3,4 GS (100)</t>
  </si>
  <si>
    <t>69</t>
  </si>
  <si>
    <t>АЗУ iPhone 3,4 GS (150)</t>
  </si>
  <si>
    <t>90</t>
  </si>
  <si>
    <t>180</t>
  </si>
  <si>
    <t>АЗУ iPhone 3,4 GS (IZOOMA)</t>
  </si>
  <si>
    <t>АЗУ iPhone 5 + Usb</t>
  </si>
  <si>
    <t>144</t>
  </si>
  <si>
    <t xml:space="preserve">           АЗУ LG</t>
  </si>
  <si>
    <t>АЗУ LG 7000/7020/8000</t>
  </si>
  <si>
    <t>52</t>
  </si>
  <si>
    <t>100</t>
  </si>
  <si>
    <t>АЗУ LG KG 800 (120)</t>
  </si>
  <si>
    <t>58</t>
  </si>
  <si>
    <t>АЗУ LG KG 800 Topstar</t>
  </si>
  <si>
    <t>АЗУ LG KG 800 Wenergy</t>
  </si>
  <si>
    <t>63</t>
  </si>
  <si>
    <t>160</t>
  </si>
  <si>
    <t xml:space="preserve">           АЗУ Micro USB</t>
  </si>
  <si>
    <t>АЗУ Micro USB 1 A INKAX CD-13</t>
  </si>
  <si>
    <t>АЗУ Micro USB 1 A Partner (раздельная)</t>
  </si>
  <si>
    <t>АЗУ Micro USB 1.5 A</t>
  </si>
  <si>
    <t>АЗУ Micro USB 2 A</t>
  </si>
  <si>
    <t>АЗУ Micro USB BOROFONE BZ12 2USB,2.4A ,1M,(ORIG)</t>
  </si>
  <si>
    <t>АЗУ Micro USB DREAM 5V 800 mAh 3.5 м.</t>
  </si>
  <si>
    <t>138</t>
  </si>
  <si>
    <t>АЗУ Micro USB Eplutus 5V 2A</t>
  </si>
  <si>
    <t>13</t>
  </si>
  <si>
    <t>АЗУ Micro USB Stark CCST-01</t>
  </si>
  <si>
    <t>40</t>
  </si>
  <si>
    <t>АЗУ Micro USB VOLTZ</t>
  </si>
  <si>
    <t>67</t>
  </si>
  <si>
    <t xml:space="preserve">           АЗУ Mini USB</t>
  </si>
  <si>
    <t>АЗУ Mini USB </t>
  </si>
  <si>
    <t>75</t>
  </si>
  <si>
    <t>АЗУ Mini USB Eplutus + USB 5V 2A</t>
  </si>
  <si>
    <t>166</t>
  </si>
  <si>
    <t>АЗУ Mini USB VOLTZ</t>
  </si>
  <si>
    <t>15</t>
  </si>
  <si>
    <t xml:space="preserve">           АЗУ Motorolla</t>
  </si>
  <si>
    <t>АЗУ Motorolla C350/T180/T280</t>
  </si>
  <si>
    <t>АЗУ Motorolla T191/C200/C115</t>
  </si>
  <si>
    <t>АЗУ Motorolla V66/70/300 </t>
  </si>
  <si>
    <t xml:space="preserve">           АЗУ Nokia</t>
  </si>
  <si>
    <t>АЗУ Nokia 6101 VOLTZ</t>
  </si>
  <si>
    <t>АЗУ Nokia 8800/Билайн A100</t>
  </si>
  <si>
    <t>7</t>
  </si>
  <si>
    <t xml:space="preserve">           АЗУ Samsung</t>
  </si>
  <si>
    <t>АЗУ Samsung C 130/160 </t>
  </si>
  <si>
    <t>81</t>
  </si>
  <si>
    <t>140</t>
  </si>
  <si>
    <t>АЗУ Samsung C 130/160 (100)</t>
  </si>
  <si>
    <t>АЗУ Samsung D 800</t>
  </si>
  <si>
    <t>АЗУ Samsung D 800 (140)</t>
  </si>
  <si>
    <t>АЗУ Samsung D 880 Maverick</t>
  </si>
  <si>
    <t>92</t>
  </si>
  <si>
    <t>АЗУ Samsung D 880 Stark</t>
  </si>
  <si>
    <t>18</t>
  </si>
  <si>
    <t>АЗУ Samsung D 880 Topstar</t>
  </si>
  <si>
    <t>45</t>
  </si>
  <si>
    <t>АЗУ Samsung E530</t>
  </si>
  <si>
    <t>АЗУ Samsung Galaxy Tab "TRELLA"</t>
  </si>
  <si>
    <t>118</t>
  </si>
  <si>
    <t>АЗУ Samsung Galaxy Tab 2.1 A </t>
  </si>
  <si>
    <t>АЗУ Samsung X100/C100</t>
  </si>
  <si>
    <t>АЗУ Samsung X100/C100 (100)</t>
  </si>
  <si>
    <t xml:space="preserve">           АЗУ Siemens</t>
  </si>
  <si>
    <t>АЗУ Siemens A31,35/ S 68</t>
  </si>
  <si>
    <t>АЗУ Siemens A31,35/ S 68 (140)</t>
  </si>
  <si>
    <t>АЗУ Siemens C25/C35/C45/S45</t>
  </si>
  <si>
    <t>АЗУ Siemens C55</t>
  </si>
  <si>
    <t xml:space="preserve">           АЗУ Sony Ericsson</t>
  </si>
  <si>
    <t>АЗУ Sony Ericsson K 700 (100)</t>
  </si>
  <si>
    <t>АЗУ Sony Ericsson K 700 (140)</t>
  </si>
  <si>
    <t>АЗУ Sony Ericsson K 750</t>
  </si>
  <si>
    <t>АЗУ Sony Ericsson K 750 (100)</t>
  </si>
  <si>
    <t>АЗУ Sony Ericsson K 750 (140)</t>
  </si>
  <si>
    <t xml:space="preserve">           АЗУ Планшет/Регистратор</t>
  </si>
  <si>
    <t>АЗУ  планшет пальчик 2,5 мм.(5V-2A)</t>
  </si>
  <si>
    <t>АЗУ для видеорегистратора угловое Micro USB (3,5 МЕТРА)</t>
  </si>
  <si>
    <t>АЗУ для видеорегистратора штырь</t>
  </si>
  <si>
    <t>200</t>
  </si>
  <si>
    <t>АЗУ планшет/регистратор/навигатор пальчик 3,5 мм.</t>
  </si>
  <si>
    <t>198</t>
  </si>
  <si>
    <t xml:space="preserve">           АЗУ Универсальные</t>
  </si>
  <si>
    <t>АЗУ Eplutus i5/micro usb/mini 5V 2A (3 в1)</t>
  </si>
  <si>
    <t>АЗУ Универсальное (автомобильное)</t>
  </si>
  <si>
    <t>80</t>
  </si>
  <si>
    <t>АЗУ Универсальное с USB разъёмом - DALESH</t>
  </si>
  <si>
    <t xml:space="preserve">      Аксессуары автомобильные</t>
  </si>
  <si>
    <t xml:space="preserve">           MP3 FM модуляторы (трансмиттеры)</t>
  </si>
  <si>
    <t>MP3 FM модулятор (трансмиттер) (MP4)</t>
  </si>
  <si>
    <t>420</t>
  </si>
  <si>
    <t>MP3 FM модулятор (трансмиттер) DREAM A3 BLUETOOTH (2USB, HF, LED)  </t>
  </si>
  <si>
    <t>480</t>
  </si>
  <si>
    <t>MP3 FM модулятор (трансмиттер) DREAM G7-01 BLUETOOTH (SDHC, USB, AUX) черный </t>
  </si>
  <si>
    <t>MP3 FM модулятор (трансмиттер) DREAM X25 BLUETOOTH 2USB 3.1A (LED,TF Card) черный</t>
  </si>
  <si>
    <t>500</t>
  </si>
  <si>
    <t>MP3 FM модулятор (трансмиттер) DREAM X27 BLUETOOTH 2USB 3.1A (LED,TF Card) черный</t>
  </si>
  <si>
    <t>305</t>
  </si>
  <si>
    <t>MP3 FM модулятор (трансмиттер) FaizFull FS24</t>
  </si>
  <si>
    <t xml:space="preserve">           Автовизитки</t>
  </si>
  <si>
    <t>Автовизитка JK-433 DREAM</t>
  </si>
  <si>
    <t>Автовизитка VC1 DREAM/TH021</t>
  </si>
  <si>
    <t>60</t>
  </si>
  <si>
    <t>Автовизитка с подсветкой AV55</t>
  </si>
  <si>
    <t xml:space="preserve">           Автомобильный разветвитель IN CAR</t>
  </si>
  <si>
    <t>Автомобильный разветвитель (IN-CAR) 320</t>
  </si>
  <si>
    <t>Автомобильный разветвитель DREAM BM-003 1A 0.6M (2 гнезда, 2USB) черный </t>
  </si>
  <si>
    <t>Автомобильный разветвитель DREAM WF-096 1A 0.6M (3 гнезда, USB) черный </t>
  </si>
  <si>
    <t>Автомобильный разветвитель DREAM WF-0963 3A 0.6M (3 гнезда, 2USB) синий </t>
  </si>
  <si>
    <t>Автомобильный разветвитель DREAM WF-0966 3A 0.6M (3 гнезда, 2USB) черный </t>
  </si>
  <si>
    <t>Автомобильный разветвитель DREAM WF-102 3A 0.6M (2 гнезда, 2USB) черный </t>
  </si>
  <si>
    <t>295</t>
  </si>
  <si>
    <t>Автомобильный разветвитель DREAM WF-1204 2A 0.6M (4 гнезда, 2USB) черный </t>
  </si>
  <si>
    <t>310</t>
  </si>
  <si>
    <t>Автомобильный разветвитель WF-0096 (IN-CAR)</t>
  </si>
  <si>
    <t xml:space="preserve">           Алкотестер</t>
  </si>
  <si>
    <t>Алкотестер</t>
  </si>
  <si>
    <t>219</t>
  </si>
  <si>
    <t xml:space="preserve">           Антибликовый козырек</t>
  </si>
  <si>
    <t>Антибликовый козырек VISOR</t>
  </si>
  <si>
    <t>332</t>
  </si>
  <si>
    <t xml:space="preserve">           Видеорегистраторы</t>
  </si>
  <si>
    <t>Видеорегистратор DREAM C007 (960p, угол обзора 270, AVI) черный </t>
  </si>
  <si>
    <t>1 215</t>
  </si>
  <si>
    <t>1 680</t>
  </si>
  <si>
    <t xml:space="preserve">                Видеорегистратор зеркало</t>
  </si>
  <si>
    <t>Видеорегистратор зеркало заднего вида XPX ZX848/849 (2 камеры)</t>
  </si>
  <si>
    <t>2 600</t>
  </si>
  <si>
    <t>3 900</t>
  </si>
  <si>
    <t xml:space="preserve">           Камера заднего вида/Мониторы</t>
  </si>
  <si>
    <t>Bluetooth для камеры заднего вида EML327</t>
  </si>
  <si>
    <t>975</t>
  </si>
  <si>
    <t>1 400</t>
  </si>
  <si>
    <t>Зеркало заднего вида HS-5S ( монитор)</t>
  </si>
  <si>
    <t>1 800</t>
  </si>
  <si>
    <t>Камера заднего вида  JMK C236 / C320</t>
  </si>
  <si>
    <t>9</t>
  </si>
  <si>
    <t>Камера заднего вида  XPX-T204L</t>
  </si>
  <si>
    <t>759</t>
  </si>
  <si>
    <t>1 200</t>
  </si>
  <si>
    <t xml:space="preserve">           Коврик липучка в авто</t>
  </si>
  <si>
    <t>Коврик липучка в авто (птички)</t>
  </si>
  <si>
    <t>Коврик липучка в авто DREAM D1 (180 mm x 120 mm)</t>
  </si>
  <si>
    <t>95</t>
  </si>
  <si>
    <t xml:space="preserve">           Парктроник</t>
  </si>
  <si>
    <t>Парктроник SHO-ME Y-2616 серебро</t>
  </si>
  <si>
    <t>1 720</t>
  </si>
  <si>
    <t xml:space="preserve">           Подставки автомобильные/подставки-наклейки</t>
  </si>
  <si>
    <t>Держатель для телефона мото и велосипеды Borofone BH72</t>
  </si>
  <si>
    <t>380</t>
  </si>
  <si>
    <t>650</t>
  </si>
  <si>
    <t>Держатель для телефона мото и велосипеды Earldom EH-210</t>
  </si>
  <si>
    <t>340</t>
  </si>
  <si>
    <t>Держатель для телефона мото и велосипеды Earldom ET-EH186</t>
  </si>
  <si>
    <t>Держатель для телефона на велосипед BY-551</t>
  </si>
  <si>
    <t>Держатель коврик SN1 черный DREAM</t>
  </si>
  <si>
    <t>50</t>
  </si>
  <si>
    <t>Держатель коврик SN3 черный DREAM</t>
  </si>
  <si>
    <t>152</t>
  </si>
  <si>
    <t>Держатель ПОПСОКЕТ Кристалл 3D</t>
  </si>
  <si>
    <t>55</t>
  </si>
  <si>
    <t>Держатель ПОПСОКЕТ с кольцом Мишка</t>
  </si>
  <si>
    <t>70</t>
  </si>
  <si>
    <t>Держатель ПОПСОКЕТ универсальный (D 40mm) белый - серебро UNIPHA</t>
  </si>
  <si>
    <t>Держатель-кольцо + подставка (цвет в ассортименте)</t>
  </si>
  <si>
    <t>Держатель-кольцо BESTBUY серебро</t>
  </si>
  <si>
    <t>Держатель-кольцо имитация часы (цвет в ассортименте)</t>
  </si>
  <si>
    <t>Держатель-кольцо металический квадрат (в ассортименте)</t>
  </si>
  <si>
    <t>65</t>
  </si>
  <si>
    <t>Набор пластин для магнитных держателей (2шт) DREAM CP1/CP2</t>
  </si>
  <si>
    <t>Пластина для держателя на присоске DREAM RD09</t>
  </si>
  <si>
    <t>Пластина для магнитного держателя круглая (38mm) ТЕХПАК (MR)</t>
  </si>
  <si>
    <t>46</t>
  </si>
  <si>
    <t>Подставка автомобильная автодержатель противоскользящий А-805</t>
  </si>
  <si>
    <t>178</t>
  </si>
  <si>
    <t>Подставка автомобильная для Samsung i9300/9220/N7100</t>
  </si>
  <si>
    <t>780</t>
  </si>
  <si>
    <t>Подставка автомобильная для видеорегистратора (закрутка)</t>
  </si>
  <si>
    <t>72</t>
  </si>
  <si>
    <t>Подставка автомобильная для видеорегистратора (закрутка) DREAM BC2</t>
  </si>
  <si>
    <t>Подставка автомобильная для видеорегистратора (защёлка)</t>
  </si>
  <si>
    <t>Подставка автомобильная для видеорегистратора (резиновые держатели) DREAM PP1</t>
  </si>
  <si>
    <t>56</t>
  </si>
  <si>
    <t>Подставка автомобильная для с/т. Baseus SUYL-XPOS</t>
  </si>
  <si>
    <t>520</t>
  </si>
  <si>
    <t>850</t>
  </si>
  <si>
    <t>Подставка автомобильная для с/т. Borofone BH11</t>
  </si>
  <si>
    <t>Подставка автомобильная для с/т. Borofone BH39</t>
  </si>
  <si>
    <t>335</t>
  </si>
  <si>
    <t>Подставка автомобильная для с/т. Borofone BH52</t>
  </si>
  <si>
    <t>Подставка автомобильная для с/т. Borofone BH61</t>
  </si>
  <si>
    <t>Подставка автомобильная для с/т. Borofone BH76 в решётку</t>
  </si>
  <si>
    <t>Подставка автомобильная для с/т. CARMOUNT в решётку </t>
  </si>
  <si>
    <t>173</t>
  </si>
  <si>
    <t>Подставка автомобильная для с/т. CARMOUNT в решётку (с магнитом)</t>
  </si>
  <si>
    <t>Подставка автомобильная для с/т. DREAM BB зажим на присоске</t>
  </si>
  <si>
    <t>Подставка автомобильная для с/т. DREAM CH114</t>
  </si>
  <si>
    <t>Подставка автомобильная для с/т. DREAM CM23 на руль.</t>
  </si>
  <si>
    <t>Подставка автомобильная для с/т. DREAM GP01 (подставка+наклейка)</t>
  </si>
  <si>
    <t>104</t>
  </si>
  <si>
    <t>Подставка автомобильная для с/т. DREAM XP293 зажим</t>
  </si>
  <si>
    <t>230</t>
  </si>
  <si>
    <t>Подставка автомобильная для с/т. FaizFULL F76</t>
  </si>
  <si>
    <t>235</t>
  </si>
  <si>
    <t>Подставка автомобильная для с/т. Hoco CA58</t>
  </si>
  <si>
    <t>495</t>
  </si>
  <si>
    <t>Подставка автомобильная для с/т. HOLDER (на ножке)</t>
  </si>
  <si>
    <t>221</t>
  </si>
  <si>
    <t>Подставка автомобильная для с/т. Maimi Z14 в решётку</t>
  </si>
  <si>
    <t>Подставка автомобильная для с/т. Perfeo PH-506 ( прищепка)</t>
  </si>
  <si>
    <t>210</t>
  </si>
  <si>
    <t>Подставка автомобильная для с/т. Perfeo PH-522 ( прищепка большая)</t>
  </si>
  <si>
    <t>304</t>
  </si>
  <si>
    <t>Подставка автомобильная для с/т. в ассортименте (100)</t>
  </si>
  <si>
    <t>Подставка автомобильная для с/т. Магнитная BH36 BOROFONE</t>
  </si>
  <si>
    <t>Подставка автомобильная для с/т. Магнитная BH47 BOROFONE</t>
  </si>
  <si>
    <t>Подставка автомобильная для с/т. Магнитная BH7 BOROFONE</t>
  </si>
  <si>
    <t>Подставка автомобильная для с/т. Магнитная DREAM CH112 </t>
  </si>
  <si>
    <t>Подставка автомобильная для с/т. Магнитная DREAM CH118</t>
  </si>
  <si>
    <t>Подставка автомобильная для с/т. Магнитная DREAM D2</t>
  </si>
  <si>
    <t>Подставка автомобильная для с/т. Магнитная DREAM D3</t>
  </si>
  <si>
    <t>Подставка автомобильная для с/т. Магнитная DREAM KT334</t>
  </si>
  <si>
    <t>Подставка автомобильная для с/т. Магнитная DREAM KT336</t>
  </si>
  <si>
    <t>Подставка автомобильная для с/т. Магнитная DREAM RD-07 </t>
  </si>
  <si>
    <t>190</t>
  </si>
  <si>
    <t>Подставка автомобильная для с/т. Магнитная DREAM RD-08 </t>
  </si>
  <si>
    <t>199</t>
  </si>
  <si>
    <t>Подставка автомобильная для с/т. Магнитная DREAM XP-344</t>
  </si>
  <si>
    <t>Подставка автомобильная для с/т. Магнитная DREAM XP-345</t>
  </si>
  <si>
    <t>430</t>
  </si>
  <si>
    <t>Подставка автомобильная для с/т. Магнитная DREAM XP703</t>
  </si>
  <si>
    <t>280</t>
  </si>
  <si>
    <t>Подставка автомобильная для с/т. Магнитная DREAM XP704</t>
  </si>
  <si>
    <t>649</t>
  </si>
  <si>
    <t>920</t>
  </si>
  <si>
    <t>Подставка автомобильная для с/т. Магнитная DREAM XP705</t>
  </si>
  <si>
    <t>215</t>
  </si>
  <si>
    <t>Подставка автомобильная для с/т. Магнитная DREAM XP706</t>
  </si>
  <si>
    <t>Подставка автомобильная для с/т. Магнитная DRM- JHD307-01 DREAM черный</t>
  </si>
  <si>
    <t>320</t>
  </si>
  <si>
    <t>Подставка автомобильная для с/т. Магнитная DRM-G157-01 DREAM </t>
  </si>
  <si>
    <t>Подставка автомобильная для с/т. Магнитная DRM-G158-01 DREAM </t>
  </si>
  <si>
    <t>Подставка автомобильная для с/т. Магнитная HOCO CA66</t>
  </si>
  <si>
    <t>Подставка автомобильная для с/т. на руль QY</t>
  </si>
  <si>
    <t>111</t>
  </si>
  <si>
    <t xml:space="preserve">                Подставки автомобильные/подставки-наклейки (для планшета)</t>
  </si>
  <si>
    <t>Подставка автомобильная для планшета PG 3Q  6-13" (на сиденье, подголовник)</t>
  </si>
  <si>
    <t>Подставка автомобильная для планшета PG 3Q, 7-10.1" (в решётку)</t>
  </si>
  <si>
    <t>276</t>
  </si>
  <si>
    <t>Подставка автомобильная для планшета PG 3Q, 7-10.1" (на сиденье, подголовник)</t>
  </si>
  <si>
    <t>318</t>
  </si>
  <si>
    <t>440</t>
  </si>
  <si>
    <t>Подставка автомобильная для планшета S2206E-F (на сиденье, подголовник)</t>
  </si>
  <si>
    <t>Подставка автомобильная под планшет Dream</t>
  </si>
  <si>
    <t>352</t>
  </si>
  <si>
    <t>Подставка автомобильная под планшет HOLDER 110</t>
  </si>
  <si>
    <t xml:space="preserve">           Преобразователи тока: (220W-12V/12V-220W) (*)</t>
  </si>
  <si>
    <t>Преобразователь тока 12V-220W (авто-сеть)</t>
  </si>
  <si>
    <t>Преобразователь тока 220W-12V (сеть-авто)</t>
  </si>
  <si>
    <t>148</t>
  </si>
  <si>
    <t>14</t>
  </si>
  <si>
    <t xml:space="preserve">           Ресивер Bluetooth автомобильный</t>
  </si>
  <si>
    <t>Автомобильный ресивер Bluetooth DREAM B01 (AUX/MIC/Кабель USB) </t>
  </si>
  <si>
    <t>155</t>
  </si>
  <si>
    <t>Автомобильный ресивер Bluetooth DREAM B02 (AUX) </t>
  </si>
  <si>
    <t>Автомобильный ресивер Bluetooth DREAM B09 (AUX, Mic, LED-индикатор, кабель microUSB) </t>
  </si>
  <si>
    <t>Автомобильный ресивер Bluetooth DREAM BT-12 (USB)</t>
  </si>
  <si>
    <t>Автомобильный ресивер Bluetooth DREAM BT-128 (USB) </t>
  </si>
  <si>
    <t>239</t>
  </si>
  <si>
    <t>Автомобильный ресивер Bluetooth DREAM BT-16 (USB,AUX)</t>
  </si>
  <si>
    <t>Автомобильный ресивер Bluetooth Earldom ET-M40</t>
  </si>
  <si>
    <t>Автомобильный ресивер Bluetooth Earldom M72</t>
  </si>
  <si>
    <t>Ресивер Bluetooth BT-520 (AUX, TF Card, MicroUSB)</t>
  </si>
  <si>
    <t>297</t>
  </si>
  <si>
    <t>Ресивер Bluetooth DREAM BT560</t>
  </si>
  <si>
    <t>Трансивер Bluetooth DREAM BT500 (прием и передача,AUX, MicroUSB)</t>
  </si>
  <si>
    <t>Трансмиттер  Bluetooth DREAM BT490 (передача,AUX, USB)</t>
  </si>
  <si>
    <t xml:space="preserve">      Аксессуары для моб.телефонов</t>
  </si>
  <si>
    <t xml:space="preserve">           Bluetooth гарнитуры/адаптеры/трубки/громкая связь</t>
  </si>
  <si>
    <t>Bluetooth гарнитура  Celebrat A20 белый (спорт)</t>
  </si>
  <si>
    <t>Bluetooth гарнитура Awei A920BL (спорт)</t>
  </si>
  <si>
    <t>900</t>
  </si>
  <si>
    <t>Bluetooth гарнитура BOROFONE B020 серый (ORIG) полноразмерная</t>
  </si>
  <si>
    <t>955</t>
  </si>
  <si>
    <t>Bluetooth гарнитура BOROFONE BE56 красный (ORIG) Sport</t>
  </si>
  <si>
    <t>Bluetooth гарнитура CAT-SNT-28 синий (детская с ушками.полноразмерная)</t>
  </si>
  <si>
    <t>Bluetooth гарнитура DREAM CL EEB8759B (с заушинами) черный </t>
  </si>
  <si>
    <t>Bluetooth гарнитура Hoco ES67 (спорт)</t>
  </si>
  <si>
    <t>460</t>
  </si>
  <si>
    <t>Bluetooth гарнитура Hoco ES70 (спорт)</t>
  </si>
  <si>
    <t>1 000</t>
  </si>
  <si>
    <t>Bluetooth гарнитура Kin KL-02 (спорт) белый</t>
  </si>
  <si>
    <t>Bluetooth гарнитура Kin KL-23 (спорт) белый</t>
  </si>
  <si>
    <t>Bluetooth гарнитура MIVO MT-04 / 04 PRO TWS 5.0</t>
  </si>
  <si>
    <t>Bluetooth гарнитура MIVO MT-07 TWS 5.0</t>
  </si>
  <si>
    <t>Bluetooth гарнитура MIVO MT-35 TWS 5.3</t>
  </si>
  <si>
    <t>970</t>
  </si>
  <si>
    <t xml:space="preserve">           POWER CASE</t>
  </si>
  <si>
    <t>POWER CASE iPhone 5/5S/5C (2.200 mAh)</t>
  </si>
  <si>
    <t>897</t>
  </si>
  <si>
    <t>1 380</t>
  </si>
  <si>
    <t>POWER CASE iPhone 6 Plus (4200mah) чёрный</t>
  </si>
  <si>
    <t>1 345</t>
  </si>
  <si>
    <t>1 620</t>
  </si>
  <si>
    <t xml:space="preserve">           Адаптеры для сим карт</t>
  </si>
  <si>
    <t>Адаптеры для сим 3в1 DREAM</t>
  </si>
  <si>
    <t>20</t>
  </si>
  <si>
    <t>Адаптеры для сим карт nano Noosy</t>
  </si>
  <si>
    <t>25</t>
  </si>
  <si>
    <t xml:space="preserve">           Брелоки</t>
  </si>
  <si>
    <t>Брелок собака (в ассортименте)</t>
  </si>
  <si>
    <t>102</t>
  </si>
  <si>
    <t>Брелок-кольцо</t>
  </si>
  <si>
    <t>24</t>
  </si>
  <si>
    <t>27</t>
  </si>
  <si>
    <t>Брелоки автомобильные ( в ассортименте )</t>
  </si>
  <si>
    <t>82</t>
  </si>
  <si>
    <t>Брелоки в ассортименте (100)</t>
  </si>
  <si>
    <t>48</t>
  </si>
  <si>
    <t>Брелоки в ассортименте (30)</t>
  </si>
  <si>
    <t>16</t>
  </si>
  <si>
    <t>Брелоки в ассортименте (80)</t>
  </si>
  <si>
    <t xml:space="preserve">           Гарнитуры</t>
  </si>
  <si>
    <t xml:space="preserve">                Гарнитуры " Borofone / Awei"</t>
  </si>
  <si>
    <t>Гарнитура Awei ES-Q7 (чёрная)</t>
  </si>
  <si>
    <t>Гарнитура Awei L5 (чёрная)</t>
  </si>
  <si>
    <t>Гарнитура Awei PC-1 (чёрная)</t>
  </si>
  <si>
    <t>Гарнитура Awei PC-2 (чёрная)</t>
  </si>
  <si>
    <t>Гарнитура Awei PC-20 (чёрная)</t>
  </si>
  <si>
    <t>Гарнитура Awei PC-21 (чёрная)</t>
  </si>
  <si>
    <t>Гарнитура Awei Q5i (чёрная)</t>
  </si>
  <si>
    <t>410</t>
  </si>
  <si>
    <t>Гарнитура Borofone B05 полноразмерная (чёрная)</t>
  </si>
  <si>
    <t>Гарнитура Borofone BM39 (белая)</t>
  </si>
  <si>
    <t>Гарнитура Borofone BM40 (чёрная)</t>
  </si>
  <si>
    <t>Гарнитура Borofone BM45 (белая)</t>
  </si>
  <si>
    <t>Гарнитура Borofone BM52 (серебро)</t>
  </si>
  <si>
    <t>Гарнитура Borofone BM80 (чёрная)</t>
  </si>
  <si>
    <t>125</t>
  </si>
  <si>
    <t xml:space="preserve">                Гарнитуры " Dream/Celebrat / Aroma "</t>
  </si>
  <si>
    <t>Гарнитура CELEBRAT D13 белая,Type-C</t>
  </si>
  <si>
    <t>Гарнитура CELEBRAT D13 чёрная,Type-C</t>
  </si>
  <si>
    <t>Гарнитура CELEBRAT G19 (белая)</t>
  </si>
  <si>
    <t>Гарнитура DREAM K68 черный (угловой штекер)</t>
  </si>
  <si>
    <t>Гарнитура DREAM L29 белый</t>
  </si>
  <si>
    <t>Гарнитура DREAM L29 черный</t>
  </si>
  <si>
    <t>Гарнитура DREAM Y1 белый </t>
  </si>
  <si>
    <t xml:space="preserve">                Гарнитуры " Hoco / REMAX / MLD / Perfeo"</t>
  </si>
  <si>
    <t>Гарнитура HOCO M1 EAR PODS белый (MR)</t>
  </si>
  <si>
    <t>Гарнитура HOCO M1 EAR PODS чёрный (MR)</t>
  </si>
  <si>
    <t>Гарнитура Hoco M101 MAX Белый</t>
  </si>
  <si>
    <t>Гарнитура Hoco M101 MAX Черный</t>
  </si>
  <si>
    <t>Гарнитура Hoco M101 Белый</t>
  </si>
  <si>
    <t>Гарнитура HOCO M102 (белая)</t>
  </si>
  <si>
    <t>135</t>
  </si>
  <si>
    <t>Гарнитура HOCO M102 (чёрная)</t>
  </si>
  <si>
    <t>Гарнитура HOCO M104 (белая)</t>
  </si>
  <si>
    <t>Гарнитура HOCO M16 (Золото)</t>
  </si>
  <si>
    <t>Гарнитура HOCO M34 (белая)</t>
  </si>
  <si>
    <t>Гарнитура HOCO M34 (чёрная)</t>
  </si>
  <si>
    <t>Гарнитура HOCO M59 Magnificent (белая)</t>
  </si>
  <si>
    <t>245</t>
  </si>
  <si>
    <t>Гарнитура HOCO M60 (белая) </t>
  </si>
  <si>
    <t>Гарнитура HOCO M60 (чёрная) </t>
  </si>
  <si>
    <t>Гарнитура HOCO M61 (моно наушник) черный (ORIG)</t>
  </si>
  <si>
    <t>Гарнитура HOCO M79 (белая)</t>
  </si>
  <si>
    <t>Гарнитура HOCO M98 (белая)</t>
  </si>
  <si>
    <t>Гарнитура HOCO M99 (белая)</t>
  </si>
  <si>
    <t xml:space="preserve">                Гарнитуры " HTC / Motorolla "</t>
  </si>
  <si>
    <t>Гарнитура HTC P 3300</t>
  </si>
  <si>
    <t>Гарнитура Motorolla L6/L7 ...</t>
  </si>
  <si>
    <t>Гарнитура Siemens C55/M55/A55</t>
  </si>
  <si>
    <t>Гарнитура Sony Ericsson K 700</t>
  </si>
  <si>
    <t>Гарнитура Sony Ericsson K 750</t>
  </si>
  <si>
    <t>Гарнитура Sony Ericsson K 750 (HPM-70)</t>
  </si>
  <si>
    <t xml:space="preserve">                Гарнитуры " iPhone "</t>
  </si>
  <si>
    <t>Гарнитура iPhone 5 (голубая) </t>
  </si>
  <si>
    <t>Гарнитура iPhone 5 (жёлтая) AA</t>
  </si>
  <si>
    <t>Гарнитура iPhone 5 (розовая) AA</t>
  </si>
  <si>
    <t>115</t>
  </si>
  <si>
    <t>Гарнитура iPhone 5 (светло-розовая) AA</t>
  </si>
  <si>
    <t xml:space="preserve">                Гарнитуры " Nokia "</t>
  </si>
  <si>
    <t>Гарнитура Nokia 6300/5300/3110/5200 AA</t>
  </si>
  <si>
    <t>Гарнитура Nokia 8600</t>
  </si>
  <si>
    <t>Гарнитура Nokia 8600.</t>
  </si>
  <si>
    <t>101</t>
  </si>
  <si>
    <t>Гарнитура Nokia N95/N96/N78/5800 </t>
  </si>
  <si>
    <t>87</t>
  </si>
  <si>
    <t>Гарнитура Nokia N95/N96/N78/5800 оригинал (WH-205) белый</t>
  </si>
  <si>
    <t>Гарнитура Nokia N95/N96/N78/5800 оригинал (WH-205) чёрн. блистер</t>
  </si>
  <si>
    <t xml:space="preserve">                Гарнитуры " Samsung "</t>
  </si>
  <si>
    <t>Гарнитура Samsung 3.5 mm Galaxy S4/Note 3 (белая)</t>
  </si>
  <si>
    <t>49</t>
  </si>
  <si>
    <t>Гарнитура Samsung A800,E100,E700,N500,S500,S100 (2.5 mm)</t>
  </si>
  <si>
    <t>Гарнитура Samsung D 500</t>
  </si>
  <si>
    <t>Гарнитура Samsung D 800</t>
  </si>
  <si>
    <t>Гарнитура Samsung D 800 (200)</t>
  </si>
  <si>
    <t xml:space="preserve">           Защитные плёнки</t>
  </si>
  <si>
    <t xml:space="preserve">                Защитные плёнки Huawei</t>
  </si>
  <si>
    <t>З/п. Huawei P 6</t>
  </si>
  <si>
    <t>26</t>
  </si>
  <si>
    <t xml:space="preserve">                Защитные плёнки iPhone</t>
  </si>
  <si>
    <t>З/п. iPhone 4 (3в1)</t>
  </si>
  <si>
    <t>З/п. iPhone 4 глянцевая (100)</t>
  </si>
  <si>
    <t>З/п. iPhone 4 глянцевая(2в1)</t>
  </si>
  <si>
    <t>54</t>
  </si>
  <si>
    <t>З/п. iPhone 5 VISION защита глаз</t>
  </si>
  <si>
    <t>32</t>
  </si>
  <si>
    <t>З/п. iPhone 6 (3в1)</t>
  </si>
  <si>
    <t>З/п. iPhone 6 plus матовая</t>
  </si>
  <si>
    <t>З\п. iPhone X/Xs/11 Pro Черная ( силикон )</t>
  </si>
  <si>
    <t>35</t>
  </si>
  <si>
    <t xml:space="preserve">                Защитные плёнки Lenovo</t>
  </si>
  <si>
    <t>З/п. Lenovo P770</t>
  </si>
  <si>
    <t xml:space="preserve">                Защитные плёнки LG</t>
  </si>
  <si>
    <t>З/п. LG E 612</t>
  </si>
  <si>
    <t>З/п. LG P 705</t>
  </si>
  <si>
    <t>З/п. LG P 715</t>
  </si>
  <si>
    <t xml:space="preserve">                Защитные плёнки Nokia</t>
  </si>
  <si>
    <t>З/п. Nokia 610</t>
  </si>
  <si>
    <t xml:space="preserve">                Защитные плёнки Samsung</t>
  </si>
  <si>
    <t>З/п. Samsung A515 (A51) гидрогелевая</t>
  </si>
  <si>
    <t>З/п. Samsung B 7722</t>
  </si>
  <si>
    <t>З/п. Samsung i 9300/ S3</t>
  </si>
  <si>
    <t>З/п. Samsung N 7100.</t>
  </si>
  <si>
    <t>З/п. Samsung S 7262</t>
  </si>
  <si>
    <t>З/п. Samsung T 210</t>
  </si>
  <si>
    <t xml:space="preserve">                Защитные плёнки Sony</t>
  </si>
  <si>
    <t>З/п. Sony LT26w</t>
  </si>
  <si>
    <t>З/п. Sony X 10</t>
  </si>
  <si>
    <t xml:space="preserve">                Защитные плёнки универсальные</t>
  </si>
  <si>
    <t>З/п. Универсальная  7 дюймов VOLTZ (с миллиметровкой)</t>
  </si>
  <si>
    <t>29</t>
  </si>
  <si>
    <t>З/п. Универсальная 5 дюймов</t>
  </si>
  <si>
    <t>30</t>
  </si>
  <si>
    <t xml:space="preserve">           Защитные стекла</t>
  </si>
  <si>
    <t xml:space="preserve">                Защитное стекло Alcatel</t>
  </si>
  <si>
    <t>Защитное стекло Alcatel 5052D тех.упак</t>
  </si>
  <si>
    <t>Защитное стекло Alcatel 6045Y тех.упак</t>
  </si>
  <si>
    <t xml:space="preserve">                Защитное стекло Asus</t>
  </si>
  <si>
    <t>Защитное стекло Asus ZB555KL (ZenFone Max M1)</t>
  </si>
  <si>
    <t>Защитное стекло Asus ZE520KL (ZenFone 3)</t>
  </si>
  <si>
    <t>Защитное стекло Asus ZE550ML/ZE551ML (ZenFone 2)</t>
  </si>
  <si>
    <t xml:space="preserve">                Защитные стекла HTC</t>
  </si>
  <si>
    <t>Защитное стекло HTC Desire 816 (тех. упаковка)</t>
  </si>
  <si>
    <t>Защитное стекло HTC One (A9) (тех. упаковка)</t>
  </si>
  <si>
    <t>Защитное стекло HTC One (E9+) (тех. упаковка)</t>
  </si>
  <si>
    <t xml:space="preserve">                Защитные стекла Huawei</t>
  </si>
  <si>
    <t>Защитное стекло Huawei Honor 10 Lite/Honor 10i Черное Премиум</t>
  </si>
  <si>
    <t>Защитное стекло Huawei Honor 10 Lite/Honor 10i/20e/P Smart 2019 Черное</t>
  </si>
  <si>
    <t>Защитное стекло Huawei Honor 10 Черное</t>
  </si>
  <si>
    <t>Защитное стекло Huawei Honor 10X Lite/P Smart 2021 Черное</t>
  </si>
  <si>
    <t>Защитное стекло Huawei Honor 20i Чёрное тех.упак.</t>
  </si>
  <si>
    <t>Защитное стекло Huawei Honor 4C</t>
  </si>
  <si>
    <t>Защитное стекло Huawei Honor 4C Pro/Y6 Pro тех.упак.</t>
  </si>
  <si>
    <t>Защитное стекло Huawei Honor 6C</t>
  </si>
  <si>
    <t>Защитное стекло Huawei Honor 6C Pro Белое тех.упак.</t>
  </si>
  <si>
    <t>Защитное стекло Huawei Honor 8 Черное</t>
  </si>
  <si>
    <t>Защитное стекло Huawei Honor 8A/8A Pro/Y6 2019  Премиум Черное тех.упак.</t>
  </si>
  <si>
    <t>Защитное стекло Huawei Honor 8A/8A Pro/Y6 2019  Черное тех.упак.</t>
  </si>
  <si>
    <t>Защитное стекло Huawei Honor 8C</t>
  </si>
  <si>
    <t>Защитное стекло Huawei Honor 8C Чёрное</t>
  </si>
  <si>
    <t>Защитное стекло Huawei Honor 8X/9X Lite чёрное тех.упак.</t>
  </si>
  <si>
    <t>Защитное стекло Huawei Honor 9 Lite Чёрное тех.упак.</t>
  </si>
  <si>
    <t>Защитное стекло Huawei Honor 9A/Y6p Черное</t>
  </si>
  <si>
    <t>Защитное стекло Huawei Honor 9A/Y6p Черное премиум</t>
  </si>
  <si>
    <t>Защитное стекло Huawei Honor 9S/Y5p Черное</t>
  </si>
  <si>
    <t>Защитное стекло Huawei Honor V10 (картон)</t>
  </si>
  <si>
    <t>Защитное стекло Huawei Mate 20 5D чёрный (картон)</t>
  </si>
  <si>
    <t>Защитное стекло Huawei Nova 2i Черное</t>
  </si>
  <si>
    <t>Защитное стекло Huawei Nova 3i / Nova 3i чёрный</t>
  </si>
  <si>
    <t>Защитное стекло Huawei P Smart 2019 </t>
  </si>
  <si>
    <t>Защитное стекло Huawei P Smart 2019 Черное</t>
  </si>
  <si>
    <t>Защитное стекло Huawei P Smart Z/Honor 9X/Honor 9X Premium/Y9s Черное</t>
  </si>
  <si>
    <t>Защитное стекло Huawei P10 Lite Белое тех.упак.</t>
  </si>
  <si>
    <t>Защитное стекло Huawei P20 2.5D чёрный (картон)</t>
  </si>
  <si>
    <t>Защитное стекло Huawei P20 Lite Премиум ,черное </t>
  </si>
  <si>
    <t>Защитное стекло Huawei P40 Lite/Honor 9c Черное</t>
  </si>
  <si>
    <t>Защитное стекло Huawei P40 Lite/Honor 9c Черное Премиум</t>
  </si>
  <si>
    <t>Защитное стекло Huawei P9 Lite  тех.упак.</t>
  </si>
  <si>
    <t>Защитное стекло Huawei Y5 2017</t>
  </si>
  <si>
    <t>Защитное стекло Huawei Y5 2018/Y5 Prime 2018/Honor 7A Черное тех.упак.</t>
  </si>
  <si>
    <t>Защитное стекло Huawei Y6 2018/Y6 Prime 2018/Honor 7A Pro/Honor 7C тех.упак.</t>
  </si>
  <si>
    <t>Защитное стекло Huawei Y7 Prime (картон)</t>
  </si>
  <si>
    <t>Защитное стекло Huawei Y8p/Honor 30i Черное</t>
  </si>
  <si>
    <t xml:space="preserve">                Защитные стекла iPAD</t>
  </si>
  <si>
    <t>Защитное стекло iPAD 2,3,4 GLASS</t>
  </si>
  <si>
    <t>Защитное стекло iPAD MINI 4 (тех. упаковка)</t>
  </si>
  <si>
    <t xml:space="preserve">                Защитные стекла iPhone</t>
  </si>
  <si>
    <t>Защитное стекло iPhone 11 / i XR ( картон)</t>
  </si>
  <si>
    <t>Защитное стекло iPhone 11 / i XR (тех. упаковка)</t>
  </si>
  <si>
    <t>Защитное стекло iPhone 11 / i XR 5D чёрный (тех упаковка)</t>
  </si>
  <si>
    <t>Защитное стекло iPhone 11 / i XR 6D чёрный </t>
  </si>
  <si>
    <t>Защитное стекло iPhone 11 / i XR 9D (Закалённое, полное покрытие) чёрный</t>
  </si>
  <si>
    <t>Защитное стекло iPhone 11 / i XR 9D чёрное (тех. упаковка)</t>
  </si>
  <si>
    <t>Защитное стекло iPhone 11 PRO MAX / XS MAX  (тех. упаковка)</t>
  </si>
  <si>
    <t>Защитное стекло iPhone 11 PRO MAX / XS MAX 10D чёрное (тех. упаковка)</t>
  </si>
  <si>
    <t>Защитное стекло iPhone 11 PRO MAX / XS MAX 10D чёрный (картон)</t>
  </si>
  <si>
    <t>Защитное стекло iPhone 11 Pro/ X/ XS (картон)</t>
  </si>
  <si>
    <t>23</t>
  </si>
  <si>
    <t>Защитное стекло iPhone 11 Pro/ X/ XS (тех. упаковка)</t>
  </si>
  <si>
    <t>Защитное стекло iPhone 11 Pro/ X/ XS 10D чёрное (картон)</t>
  </si>
  <si>
    <t>Защитное стекло iPhone 11 Pro/ X/ XS 10D чёрный (картон)</t>
  </si>
  <si>
    <t>Защитное стекло iPhone 11 Pro/ X/ XS 10D чёрный (тех упаковка)</t>
  </si>
  <si>
    <t>11</t>
  </si>
  <si>
    <t>Защитное стекло iPhone 11 Pro/ X/ XS 5D чёрный (тех. упаковка)</t>
  </si>
  <si>
    <t>Защитное стекло iPhone 12 mini (тех.упак.)</t>
  </si>
  <si>
    <t>Защитное стекло iPhone 12 mini D2+ чёрное (тех упаковка)</t>
  </si>
  <si>
    <t>Защитное стекло iPhone 12 PRO MAX D2+ чёрное (тех упаковка)</t>
  </si>
  <si>
    <t>Защитное стекло iPhone 12/12 PRO </t>
  </si>
  <si>
    <t>Защитное стекло iPhone 12/12 PRO чёрное (тех упаковка)</t>
  </si>
  <si>
    <t>Защитное стекло iPhone 13 mini "Антишпион" Черное (Закалённое, полное покрытие)</t>
  </si>
  <si>
    <t>Защитное стекло iPhone 13 Pro Max/14 Plus 5D Черное Тех.упак.</t>
  </si>
  <si>
    <t>Защитное стекло iPhone 13 Pro Max/14 Plus Черное (Закалённое, полное покрытие)</t>
  </si>
  <si>
    <t>Защитное стекло iPhone 13/13 Pro/14 Черное (Закалённое, полное покрытие)</t>
  </si>
  <si>
    <t>Защитное стекло iPhone 4 (250)</t>
  </si>
  <si>
    <t>Защитное стекло iPhone 4 (картон)</t>
  </si>
  <si>
    <t>Защитное стекло iPhone 4 (тех. упаковка)</t>
  </si>
  <si>
    <t>38</t>
  </si>
  <si>
    <t>Защитное стекло iPhone 4 бронированное</t>
  </si>
  <si>
    <t>Защитное стекло iPhone 5/5S (2в1) Золотое</t>
  </si>
  <si>
    <t>Защитное стекло iPhone 5/5S (2в1) картинки 3D</t>
  </si>
  <si>
    <t>Защитное стекло iPhone 5/5S (2в1) Серебряное</t>
  </si>
  <si>
    <t>Защитное стекло iPhone 5/5S/5C (тех. упаковка)</t>
  </si>
  <si>
    <t>41</t>
  </si>
  <si>
    <t>Защитное стекло iPhone 5/SE D белое ( тех. упаковка)</t>
  </si>
  <si>
    <t>Защитное стекло iPhone 5/SE D чёрное</t>
  </si>
  <si>
    <t>Защитное стекло iPhone 6 (бронированное)</t>
  </si>
  <si>
    <t>53</t>
  </si>
  <si>
    <t>Защитное стекло iPhone 6 (тех. упаковка)</t>
  </si>
  <si>
    <t>Защитное стекло iPhone 6 10D белое (тех.упаковка)</t>
  </si>
  <si>
    <t>Защитное стекло iPhone 6 10D белый (картон)</t>
  </si>
  <si>
    <t>Защитное стекло iPhone 6 10D чёрный (картон)</t>
  </si>
  <si>
    <t>Защитное стекло iPhone 6 11D белое (тех.упаковка)</t>
  </si>
  <si>
    <t>12</t>
  </si>
  <si>
    <t>Защитное стекло iPhone 6 2+D белое (тех. упаковка)</t>
  </si>
  <si>
    <t>Защитное стекло iPhone 6 3D белый (КАТО)</t>
  </si>
  <si>
    <t>Защитное стекло iPhone 6 Plus (тех. упаковка)</t>
  </si>
  <si>
    <t>19</t>
  </si>
  <si>
    <t>Защитное стекло iPhone 6 Plus 10D белый (тех упаковка)</t>
  </si>
  <si>
    <t>Защитное стекло iPhone 6 Plus 10D чёрный (тех упаковка)</t>
  </si>
  <si>
    <t>Защитное стекло iPhone 6 Plus 11D белый (тех упаковка)</t>
  </si>
  <si>
    <t>Защитное стекло iPhone 6 Plus 2+D белое (тех. упаковка)</t>
  </si>
  <si>
    <t>Защитное стекло iPhone 6 Plus 2+D чёрное (тех. упаковка)</t>
  </si>
  <si>
    <t>Защитное стекло iPhone 6 Plus 3D белый</t>
  </si>
  <si>
    <t>Защитное стекло iPhone 6 Plus 3D белый (тех упаковка)</t>
  </si>
  <si>
    <t>Защитное стекло iPhone 6 Plus 3D черный (картон)</t>
  </si>
  <si>
    <t>Защитное стекло iPhone 6 Plus 5D черный (тех. упаковка)</t>
  </si>
  <si>
    <t>Защитное стекло iPhone 6/7/8 10/9D чёрный ( тех. упаковка)</t>
  </si>
  <si>
    <t>Защитное стекло iPhone 6/7/8/SE (2020) (тех. упаковка)</t>
  </si>
  <si>
    <t>Защитное стекло iPhone 7 PLUS / 8 PLUS ( тех упаковка)</t>
  </si>
  <si>
    <t>Защитное стекло iPhone 7 Plus / 8 Plus 6D белый (тех упаковка)</t>
  </si>
  <si>
    <t>Защитное стекло iPhone 7 Plus/ 8 PLUS 3D белый (тех упаковка)</t>
  </si>
  <si>
    <t>Защитное стекло iPhone 7 Plus/ 8 PLUS 5D белый (тех упаковка)</t>
  </si>
  <si>
    <t>Защитное стекло iPhone 7 PLUS/8 PLUS 11 D белый (картон)</t>
  </si>
  <si>
    <t>Защитное стекло iPhone 7 PLUS/8 PLUS 11 D белый (тех упаковка)</t>
  </si>
  <si>
    <t>Защитное стекло iPhone 7 PLUS/8 PLUS 11 D черный (картон)</t>
  </si>
  <si>
    <t>Защитное стекло iPhone 7 PLUS/8 PLUS 5D черный (тех упаковка)</t>
  </si>
  <si>
    <t>Защитное стекло iPhone 7 PLUS/8 PLUS D2+ белый (тех. упаковка)</t>
  </si>
  <si>
    <t>Защитное стекло iPhone 7 PLUS/8 PLUSMatt platted перед/зад(цвет в ассорт.)</t>
  </si>
  <si>
    <t>Защитное стекло iPhone 7/7S/8 (UBIK)</t>
  </si>
  <si>
    <t>Защитное стекло iPhone 7/8 ( с алюминиевой рамкой) золото</t>
  </si>
  <si>
    <t>Защитное стекло iPhone 7/8 ( с алюминиевой рамкой) серебро</t>
  </si>
  <si>
    <t>Защитное стекло iPhone 7/8 ( с алюминиевой рамкой) черное</t>
  </si>
  <si>
    <t>Защитное стекло iPhone 7/8 (GLASS)</t>
  </si>
  <si>
    <t>Защитное стекло iPhone 7/8 10D белое (тех. упаковка)</t>
  </si>
  <si>
    <t>Защитное стекло iPhone 7/8 10D белый (картон)</t>
  </si>
  <si>
    <t>Защитное стекло iPhone 7/8 3D  черный (полностью закрывают стекло)</t>
  </si>
  <si>
    <t>Защитное стекло iPhone 7/8 3D 2 в 1 (Осколки)</t>
  </si>
  <si>
    <t>Защитное стекло iPhone 7/8 3D черный (КАТО) </t>
  </si>
  <si>
    <t>Защитное стекло iPhone 7/8 5D черный GLASS</t>
  </si>
  <si>
    <t>Защитное стекло iPhone 7/8 9D белое (тех. упаковка) гибкое CERAMICS (MR)</t>
  </si>
  <si>
    <t>Защитное стекло iPhone 7/8 9D белое матовое (тех. упаковка) гибкое CERAMICS (MR)</t>
  </si>
  <si>
    <t>Защитное стекло iPhone 7/8 9D чёрное (тех. упаковка) гибкое CERAMICS (MR)</t>
  </si>
  <si>
    <t>Защитное стекло iPhone 7/8 9D чёрное матовое (тех. упаковка) гибкое CERAMICS (MR)</t>
  </si>
  <si>
    <t>Защитное стекло iPhone 7/8/SE (2020) Черное Оптима (Закалённое, полное покрытие)</t>
  </si>
  <si>
    <t>Защитное стекло iPhone SE 2020 5D чёрное  ( тех. упаковка)</t>
  </si>
  <si>
    <t>Защитное стекло iPhone SE 2020 6D Super Glass чёрное </t>
  </si>
  <si>
    <t xml:space="preserve">                Защитные стекла LG</t>
  </si>
  <si>
    <t>Защитное стекло LG D 325 (2SIM)</t>
  </si>
  <si>
    <t>Защитное стекло LG D 380 (2SIM)</t>
  </si>
  <si>
    <t>Защитное стекло LG D 618 G2mini </t>
  </si>
  <si>
    <t>Защитное стекло LG D 802/G2</t>
  </si>
  <si>
    <t>Защитное стекло LG D 855</t>
  </si>
  <si>
    <t>Защитное стекло LG K10 2017</t>
  </si>
  <si>
    <t>34</t>
  </si>
  <si>
    <t>Защитное стекло LG K7 2017</t>
  </si>
  <si>
    <t xml:space="preserve">                Защитные стекла Meizu</t>
  </si>
  <si>
    <t>Защитные стекло Meizu M5 (тех. упаковка)</t>
  </si>
  <si>
    <t>Защитные стекло Meizu M5 Note черное (тех. упаковка)</t>
  </si>
  <si>
    <t>Защитные стекло Meizu M5s (тех. упаковка)</t>
  </si>
  <si>
    <t xml:space="preserve">                Защитные стекла Nokia</t>
  </si>
  <si>
    <t>Защитное стекло Nokia 3 </t>
  </si>
  <si>
    <t>Защитное стекло Nokia 3 .1 Plus Чёрное </t>
  </si>
  <si>
    <t>Защитное стекло Nokia 5,1 3D черное 2018</t>
  </si>
  <si>
    <t>Защитное стекло Nokia 5,1 Plus черное</t>
  </si>
  <si>
    <t>Защитное стекло Nokia 535</t>
  </si>
  <si>
    <t>Защитное стекло Nokia 6</t>
  </si>
  <si>
    <t>Защитное стекло Nokia 6 3D черное 2018</t>
  </si>
  <si>
    <t>Защитное стекло Nokia 640 XL Dual (тех. упаковка)</t>
  </si>
  <si>
    <t>Защитное стекло Nokia 8 </t>
  </si>
  <si>
    <t>Защитное стекло Nokia 950 Dual (тех. упаковка)</t>
  </si>
  <si>
    <t>Защитное стекло Nokia 950 XL Dual (тех. упаковка)</t>
  </si>
  <si>
    <t>Защитное стекло Nokia X2</t>
  </si>
  <si>
    <t xml:space="preserve">                Защитные стекла Samsung</t>
  </si>
  <si>
    <t>Защитное стекло Samsung A015F/M015F (A01/M01) Черное Премиум</t>
  </si>
  <si>
    <t>Защитное стекло Samsung A022G/A025F/A125F/A127F/A135F/A137F/M127F/M135F (A12/A02/M12) Премиум.Черное</t>
  </si>
  <si>
    <t>Защитное стекло Samsung A022G/A025F/A125F/A127F/A135F/A137F/M127F/M135F/M236B/M336B Черное</t>
  </si>
  <si>
    <t>Защитное стекло Samsung A105/M105 (A10/M10)</t>
  </si>
  <si>
    <t>Защитное стекло Samsung A105/M105 (A10/M10) Черное</t>
  </si>
  <si>
    <t>Защитное стекло Samsung A105/M105 (A10/M10) Черное.Премиум</t>
  </si>
  <si>
    <t>Защитное стекло Samsung A115/M115/ M515 (A11/M11/M51) чёрное тех. упаковка</t>
  </si>
  <si>
    <t>Защитное стекло Samsung A205/A305/A307/A505/M307 (A20/A30/A30s/A50/M30s)</t>
  </si>
  <si>
    <t>Защитное стекло Samsung A207 ( A20S ) черный </t>
  </si>
  <si>
    <t>Защитное стекло Samsung A217F (А21/ A21s) Черное</t>
  </si>
  <si>
    <t>Защитное стекло Samsung A22s 5G (A226B) Черное Премиум</t>
  </si>
  <si>
    <t>Защитное стекло Samsung A3 2016/A310</t>
  </si>
  <si>
    <t>Защитное стекло Samsung A3 2017 (A320) тех. упаковка</t>
  </si>
  <si>
    <t>Защитное стекло Samsung A3 2017 (A320F)</t>
  </si>
  <si>
    <t>Защитное стекло Samsung A300/Galaxy A3</t>
  </si>
  <si>
    <t>Защитное стекло Samsung A315 (A31) Черное</t>
  </si>
  <si>
    <t>Защитное стекло Samsung A315 (A31) Черное премиум</t>
  </si>
  <si>
    <t>Защитное стекло Samsung A325F/A225F/M325F (A32/A22/M32/M22) Черное</t>
  </si>
  <si>
    <t>Защитное стекло Samsung A42  Чёрный тех.упак.</t>
  </si>
  <si>
    <t>Защитное стекло Samsung A5 2016 г.3D белый тех.упак.(A510)</t>
  </si>
  <si>
    <t>Защитное стекло Samsung A5 2017 г.(A520)</t>
  </si>
  <si>
    <t>Защитное стекло Samsung A515F (A51) Черное</t>
  </si>
  <si>
    <t>Защитное стекло Samsung A515F (A51\A52\A53) Премиум чёрное (тех. упаковка)</t>
  </si>
  <si>
    <t>Защитное стекло Samsung A530 ( A8 2018 г ) тех.упак. </t>
  </si>
  <si>
    <t>Защитное стекло Samsung A530F (A8 2018) Черное тех.упак.</t>
  </si>
  <si>
    <t>Защитное стекло Samsung A6 2018 г.5D белый (A600F)</t>
  </si>
  <si>
    <t>Защитное стекло Samsung A6 тех.упаковка (A600F)</t>
  </si>
  <si>
    <t>Защитное стекло Samsung A605F (A6+ 2018) Черное тех.упак.</t>
  </si>
  <si>
    <t>Защитное стекло Samsung A606 (A60 2019) Чёрный</t>
  </si>
  <si>
    <t>Защитное стекло Samsung A7</t>
  </si>
  <si>
    <t>Защитное стекло Samsung A7 (2017 г) 3D Buff Glue (с рамкой)</t>
  </si>
  <si>
    <t>Защитное стекло Samsung A7 2016 г .(A710F)</t>
  </si>
  <si>
    <t>Защитное стекло Samsung A7 2016 г 3D черный тех.упак.(710F)</t>
  </si>
  <si>
    <t>Защитное стекло Samsung A71 (SM-A715) Черное тех.упаковка </t>
  </si>
  <si>
    <t>Защитное стекло Samsung A725 (A72) Черное (премиум)</t>
  </si>
  <si>
    <t>Защитное стекло Samsung A730F (A8+ 2018) Черное (тех.упаковка)</t>
  </si>
  <si>
    <t>Защитное стекло Samsung A750 (A7 2018) тех.упаковка </t>
  </si>
  <si>
    <t>Защитное стекло Samsung A805F (A80) Черное</t>
  </si>
  <si>
    <t>Защитное стекло Samsung A9 STAR  тех.упак. (A910F)</t>
  </si>
  <si>
    <t>Защитное стекло Samsung A90 Черное тех.упаковка </t>
  </si>
  <si>
    <t>Защитное стекло Samsung E5</t>
  </si>
  <si>
    <t>Защитное стекло Samsung E7</t>
  </si>
  <si>
    <t>Защитное стекло Samsung G350E</t>
  </si>
  <si>
    <t>Защитное стекло Samsung G6200 ( A6S) черное </t>
  </si>
  <si>
    <t>Защитное стекло Samsung G750H (тех. упаковка)</t>
  </si>
  <si>
    <t>Защитное стекло Samsung G800F</t>
  </si>
  <si>
    <t>Защитное стекло Samsung G8870 ( A8S) черное </t>
  </si>
  <si>
    <t>Защитное стекло Samsung G900/Galaxy S5</t>
  </si>
  <si>
    <t>Защитное стекло Samsung G900/Galaxy S5 (тех. упаковка)</t>
  </si>
  <si>
    <t>Защитное стекло Samsung G920F/S6/G920FD/S6 Duos (тех. упаковка)</t>
  </si>
  <si>
    <t>Защитное стекло Samsung G925F (S6 Edge) (тех. упаковка)</t>
  </si>
  <si>
    <t>Защитное стекло Samsung G925F (S6 Edge) 3D Shining с закруглёнными краями (белое)</t>
  </si>
  <si>
    <t>161</t>
  </si>
  <si>
    <t>Защитное стекло Samsung G925F (S6 Edge) с закруглёнными краями (прозрачное)</t>
  </si>
  <si>
    <t>Защитное стекло Samsung G925F (S6 Edge) с закруглёнными краями (цвет в ассорт.)</t>
  </si>
  <si>
    <t>Защитное стекло Samsung G955 ( S8 плюс ) 5D прозрачное </t>
  </si>
  <si>
    <t>Защитное стекло Samsung G960F ( S9 ) 5D прозрачное </t>
  </si>
  <si>
    <t>Защитное стекло Samsung G975F (S10 Plus  ) c вырезом для работы отпечатка Черное</t>
  </si>
  <si>
    <t>Защитное стекло Samsung i9060 Grand Neo (Glass)</t>
  </si>
  <si>
    <t>Защитное стекло Samsung i9082</t>
  </si>
  <si>
    <t>Защитное стекло Samsung i9300/S3 (200)</t>
  </si>
  <si>
    <t>Защитное стекло Samsung i9300/S3 (тех. упаковка)</t>
  </si>
  <si>
    <t>Защитное стекло Samsung i9500/S4 (картон)</t>
  </si>
  <si>
    <t>Защитное стекло Samsung i9500/S4 (пластик)</t>
  </si>
  <si>
    <t>Защитное стекло Samsung i9500/S4 (тех. упаковка)</t>
  </si>
  <si>
    <t>Защитное стекло Samsung J200  (тех. упаковка)</t>
  </si>
  <si>
    <t>Защитное стекло Samsung J200 (Glass)</t>
  </si>
  <si>
    <t>Защитное стекло Samsung J4 2018 г. (J400F) Золото</t>
  </si>
  <si>
    <t>Защитное стекло Samsung J4 2018 г.тех упаковка (J400F)</t>
  </si>
  <si>
    <t>Защитное стекло Samsung J530 Galaxy J5 Pro 2017 Чёрное (тех. упаковка)</t>
  </si>
  <si>
    <t>Защитное стекло Samsung J7 2017 3D золото тех.упаковка (J730F)</t>
  </si>
  <si>
    <t>Защитное стекло Samsung J730 ( J7 2017) черный </t>
  </si>
  <si>
    <t>Защитное стекло Samsung J737А ( J7 2018 ) черный </t>
  </si>
  <si>
    <t>Защитное стекло Samsung J810F (J8 2018) Черное</t>
  </si>
  <si>
    <t>Защитное стекло Samsung N 7100</t>
  </si>
  <si>
    <t>Защитное стекло Samsung N 9000/N9005 (Note 3)</t>
  </si>
  <si>
    <t>Защитное стекло Samsung N 910C (Note 4)</t>
  </si>
  <si>
    <t xml:space="preserve">                Защитные стекла Sony</t>
  </si>
  <si>
    <t>Защитное стекло Sony C2305 Xperia C</t>
  </si>
  <si>
    <t>42</t>
  </si>
  <si>
    <t>Защитное стекло Sony C6603/C6602/L36H Xperia Z </t>
  </si>
  <si>
    <t>Защитное стекло Sony C6603/C6602/L36H Xperia Z (тех. упаковка)</t>
  </si>
  <si>
    <t>Защитное стекло Sony C6903  Xperia Z1 L39H</t>
  </si>
  <si>
    <t>Защитное стекло Sony C6903/L39H Xperia Z1 (тех. упаковка)</t>
  </si>
  <si>
    <t>Защитное стекло Sony D2203/C2212 Xperia E3</t>
  </si>
  <si>
    <t>Защитное стекло Sony D2203/D2212 (E3/E3 Dual) (тех. упаковка)</t>
  </si>
  <si>
    <t>Защитное стекло Sony D2303/D2302 (M2/M2 Dual) (тех. упаковка) </t>
  </si>
  <si>
    <t>Защитное стекло Sony D2533/D2502  Xperia C3/C3 dual</t>
  </si>
  <si>
    <t>Защитное стекло Sony D5103 (тех. упаковка)</t>
  </si>
  <si>
    <t>Защитное стекло Sony D5103 Xperia T3</t>
  </si>
  <si>
    <t>Защитное стекло Sony D5303/5322 Xperia T2</t>
  </si>
  <si>
    <t>Защитное стекло Sony D5503  Xperia Z1 Compact (тех.упаковка)</t>
  </si>
  <si>
    <t>Защитное стекло Sony D5503  Xperia Z1 mini</t>
  </si>
  <si>
    <t>Защитное стекло Sony D5803 Xperia Z3 mini (тех. упаковка)</t>
  </si>
  <si>
    <t>Защитное стекло Sony D6502/6503 Xperia Z2 (Okean Glass)</t>
  </si>
  <si>
    <t>Защитное стекло Sony D6503/L50W Xperia Z2 (тех. упаковка)</t>
  </si>
  <si>
    <t>Защитное стекло Sony D6603/D6653/D6633 Xperia/Z3 (тех. упаковка)</t>
  </si>
  <si>
    <t>Защитное стекло Sony D6603/D6653/D6633/Z3 (Glass)</t>
  </si>
  <si>
    <t>Защитное стекло Sony E2003 (тех. упаковка)</t>
  </si>
  <si>
    <t>Защитное стекло Sony E2105 (тех. упаковка)</t>
  </si>
  <si>
    <t>Защитное стекло Sony E2303 (тех. упаковка)</t>
  </si>
  <si>
    <t>Защитное стекло Sony E5303 (тех. упаковка)</t>
  </si>
  <si>
    <t>Защитное стекло Sony E5303/E5333 (C4/C4 Dual)</t>
  </si>
  <si>
    <t>Защитное стекло Sony E5533 Xperia (C5 Ultra Dual)</t>
  </si>
  <si>
    <t>Защитное стекло Sony E5603 (тех. упаковка)</t>
  </si>
  <si>
    <t>Защитное стекло Sony E5603/E5633 (M5/M5 Dual)</t>
  </si>
  <si>
    <t>Защитное стекло Sony E5823 (тех. упаковка)</t>
  </si>
  <si>
    <t>Защитное стекло Sony E5823 Xperia Z5 Сompact</t>
  </si>
  <si>
    <t>Защитное стекло Sony E6553 (Z3+) (тех. упаковка)</t>
  </si>
  <si>
    <t>Защитное стекло Sony E6553/E6533 (Z3+/Z3+ Dual/Z4) Glass</t>
  </si>
  <si>
    <t>Защитное стекло Sony E6653 (тех. упаковка)</t>
  </si>
  <si>
    <t>Защитное стекло Sony E6653/E6633 Xperia Z5/Z5 dual</t>
  </si>
  <si>
    <t>Защитное стекло Sony E6853 (тех. упаковка)</t>
  </si>
  <si>
    <t>Защитное стекло Sony E6853/E6833  Z5 Premium/Z5 Premium Dual</t>
  </si>
  <si>
    <t>Защитное стекло Sony F3111/F3112 (XA/XA Dual) Okean Glass</t>
  </si>
  <si>
    <t>Защитное стекло Sony F3211/F3212  XA Ultra </t>
  </si>
  <si>
    <t>Защитное стекло Sony F5121/F5122 (X/X Dual(Okean Glass)</t>
  </si>
  <si>
    <t xml:space="preserve">                Защитные стекла Xiaomi</t>
  </si>
  <si>
    <t>Защитное стекло XIAOMI MI 6 2.5D белый (картон)</t>
  </si>
  <si>
    <t>Защитное стекло XIAOMI MI 6 3D белый (картон)</t>
  </si>
  <si>
    <t>Защитное стекло XIAOMI MI 8 SE 3D чёрный (картон)</t>
  </si>
  <si>
    <t>Защитное стекло Xiaomi Mi 9T/Mi 9T Pro/Redmi K20/Redmi K20 Pro Черное</t>
  </si>
  <si>
    <t>Защитное стекло XIAOMI MI MAX 2 2.5D белый (тех./упак.)</t>
  </si>
  <si>
    <t>Защитное стекло XIAOMI MI MIX 2S (картон)</t>
  </si>
  <si>
    <t>Защитное стекло XIAOMI REDMI 5 (картон)</t>
  </si>
  <si>
    <t>Защитное стекло XIAOMI REDMI 5A Черное</t>
  </si>
  <si>
    <t>Защитное стекло XIAOMI REDMI 6PRO/6X LITE (картон)</t>
  </si>
  <si>
    <t>Защитное стекло XIAOMI REDMI 6PRO/6X LITE 5D белый (картон)</t>
  </si>
  <si>
    <t>Защитное стекло XIAOMI REDMI 6PRO/6X LITE чёрный Премиум</t>
  </si>
  <si>
    <t>Защитное стекло XIAOMI REDMI 9 Черное</t>
  </si>
  <si>
    <t>Защитное стекло XIAOMI REDMI Go Чёрное</t>
  </si>
  <si>
    <t>Защитное стекло XIAOMI REDMI NOTE 10 Pro/11 Pro 4G/5G/11 Pro+ 5G/Poco X4 Pro 5G Чёрное Премиум</t>
  </si>
  <si>
    <t>Защитное стекло Xiaomi Redmi Note 4/Note 4 Pro Черное</t>
  </si>
  <si>
    <t>Защитное стекло XIAOMI REDMI Note 4X/Note 4 Global Version Белое тех.упак.</t>
  </si>
  <si>
    <t>Защитное стекло XIAOMI REDMI NOTE 5 / NOTE 5 PRO 5D белое </t>
  </si>
  <si>
    <t>Защитное стекло XIAOMI REDMI NOTE 5A PRIME чёрное</t>
  </si>
  <si>
    <t>Защитное стекло XIAOMI REDMI NOTE 6 PRO (тех./упак.)</t>
  </si>
  <si>
    <t>Защитное стекло Xiaomi Redmi Note 8/Note 8 (2021) (для камеры)</t>
  </si>
  <si>
    <t>Защитное стекло Xiaomi Redmi Note 8/Note 8 (2021) Черное</t>
  </si>
  <si>
    <t>Защитное стекло XIAOMI REDMI NOTE 9T Черное</t>
  </si>
  <si>
    <t>Защитное стекло XIAOMI REDMI S2 (картон)</t>
  </si>
  <si>
    <t xml:space="preserve">                Защитные стекла универсальные</t>
  </si>
  <si>
    <t>Защитное стекло Realme C11/C15/C21/C11 2021/C21Y/C25s/Narzo 50i Черное</t>
  </si>
  <si>
    <t>Защитное стекло Tecno Spark 7/Spark 8P/Spark 8C Черное</t>
  </si>
  <si>
    <t>Защитное стекло универсальное 3,5" (тех. упаковка)</t>
  </si>
  <si>
    <t>Защитное стекло универсальное 3,7" (тех. упаковка)</t>
  </si>
  <si>
    <t>33</t>
  </si>
  <si>
    <t>Защитное стекло универсальное 4,0 (тех. упаковка)</t>
  </si>
  <si>
    <t>Защитное стекло универсальное 4,3 (тех. упаковка)</t>
  </si>
  <si>
    <t>Защитное стекло универсальное 4,5" (тех. упаковка)</t>
  </si>
  <si>
    <t>Защитное стекло универсальное 4,7" </t>
  </si>
  <si>
    <t>Защитное стекло универсальное 5,0" (тех. упаковка)</t>
  </si>
  <si>
    <t>Защитное стекло универсальное 5,3 (тех. упаковка)</t>
  </si>
  <si>
    <t>28</t>
  </si>
  <si>
    <t>Защитное стекло универсальное 5,3" (картон)</t>
  </si>
  <si>
    <t>Защитное стекло универсальное 5,5" (картон)</t>
  </si>
  <si>
    <t>Защитное стекло универсальное 5,5" (тех. упаковка)</t>
  </si>
  <si>
    <t>Защитное стекло универсальное 5,7 (тех. упаковка)</t>
  </si>
  <si>
    <t>Защитное стекло универсальное 7 (тех. упаковка)</t>
  </si>
  <si>
    <t>Защитное стекло универсальное 8.4" Tab T350 (тех. упаковка)</t>
  </si>
  <si>
    <t>159</t>
  </si>
  <si>
    <t>Защитное стекло универсальное 9.7" Tab (тех. упаковка)</t>
  </si>
  <si>
    <t>191</t>
  </si>
  <si>
    <t xml:space="preserve">           Инструмент для обрезки сим карт</t>
  </si>
  <si>
    <t>Инструмент для обрезки сим карт (Micro SIM) iphone 4 и др.</t>
  </si>
  <si>
    <t>Инструмент для обрезки сим карт Apple iPhone 5/6/7/ipad</t>
  </si>
  <si>
    <t xml:space="preserve">           Моноподы/ Селфи кольца / Штативы</t>
  </si>
  <si>
    <t>Держатель-клипса для моноподов и триподов HH1</t>
  </si>
  <si>
    <t>Кронштейн камеры поворотный (шаровой, металлический) черный (MR)</t>
  </si>
  <si>
    <t>194</t>
  </si>
  <si>
    <t>Монопод  для iPhone 78 см MR</t>
  </si>
  <si>
    <t>Монопод "Z07-5S"</t>
  </si>
  <si>
    <t>Монопод Bluetooth "BY4" BOROFONE 64 см</t>
  </si>
  <si>
    <t>1 020</t>
  </si>
  <si>
    <t>Монопод Bluetooth "K4/Y4" </t>
  </si>
  <si>
    <t>628</t>
  </si>
  <si>
    <t>840</t>
  </si>
  <si>
    <t>Монопод YUNFENG 1188 (120 СМ) черный </t>
  </si>
  <si>
    <t>566</t>
  </si>
  <si>
    <t>Монопод YUNFENG YT-1288 BLUETOOTH (120 СМ) черный</t>
  </si>
  <si>
    <t>677</t>
  </si>
  <si>
    <t>960</t>
  </si>
  <si>
    <t>Монопод для телефонов/камер</t>
  </si>
  <si>
    <t xml:space="preserve">                Селфи кольцо</t>
  </si>
  <si>
    <t>Селфи кольцо 20 см (USB, 3 режима света, регулировка яркости)</t>
  </si>
  <si>
    <t>966</t>
  </si>
  <si>
    <t>1 080</t>
  </si>
  <si>
    <t>Трипод DREAM FP1</t>
  </si>
  <si>
    <t>Трипод Башня</t>
  </si>
  <si>
    <t>Штатив для телефонов/камер</t>
  </si>
  <si>
    <t>870</t>
  </si>
  <si>
    <t xml:space="preserve">           Отвёртки</t>
  </si>
  <si>
    <t>Набор отвёрток "668" 8в1</t>
  </si>
  <si>
    <t>532</t>
  </si>
  <si>
    <t>720</t>
  </si>
  <si>
    <t>Набор отвёрток "7396" 9в1</t>
  </si>
  <si>
    <t>258</t>
  </si>
  <si>
    <t xml:space="preserve">           Подставки для телефонов</t>
  </si>
  <si>
    <t>Подставка для телефона Bracket</t>
  </si>
  <si>
    <t>Подставка для телефона G9</t>
  </si>
  <si>
    <t>Подставка для телефона S325</t>
  </si>
  <si>
    <t>Подставка для телефона Universal stents</t>
  </si>
  <si>
    <t>Подставка под планшет EXTREME</t>
  </si>
  <si>
    <t>Подставка-наклейка NEODRIVE</t>
  </si>
  <si>
    <t xml:space="preserve">           Салфетки для протирки стекол.</t>
  </si>
  <si>
    <t>Салфетки для протирки (MRP)</t>
  </si>
  <si>
    <t>Салфетки для протирки стекол</t>
  </si>
  <si>
    <t xml:space="preserve">           Стилусы</t>
  </si>
  <si>
    <t>Стилус в ассортименте</t>
  </si>
  <si>
    <t xml:space="preserve">           Сумка чехол+клавиатура</t>
  </si>
  <si>
    <t>Сумка-чехол 10,1" GALAXY Note P6050 SLIM чёрный</t>
  </si>
  <si>
    <t>Сумка-чехол 10,1" GALAXY PRO SLIM коричневый DREAM</t>
  </si>
  <si>
    <t>Сумка-чехол 10,1" GALAXY PRO SLIM синий DREAM</t>
  </si>
  <si>
    <t>Сумка-чехол 10.1" Galaxy Tab3 SLIM/Air SLIM синий</t>
  </si>
  <si>
    <t>374</t>
  </si>
  <si>
    <t>Сумка-чехол 7 д. Perfeo</t>
  </si>
  <si>
    <t>Сумка-чехол 7 д. белый</t>
  </si>
  <si>
    <t>Сумка-чехол 7 д. СКОБА коричневый</t>
  </si>
  <si>
    <t>Сумка-чехол 7 д. СКОБА синий</t>
  </si>
  <si>
    <t>Сумка-чехол 7 д. СКОБА чёрный</t>
  </si>
  <si>
    <t>Сумка-чехол 7 д. чёрный</t>
  </si>
  <si>
    <t>212</t>
  </si>
  <si>
    <t>Сумка-чехол 7.85 д. Perfeo</t>
  </si>
  <si>
    <t>Сумка-чехол 8 д.Samsung Tab 4 Slim (синий) Dream</t>
  </si>
  <si>
    <t>Сумка-чехол 8 д.Samsung Tab 4 Slim (чёрный) Dream</t>
  </si>
  <si>
    <t>Сумка-чехол 9 д. белый</t>
  </si>
  <si>
    <t>Сумка-чехол 9 д. зелёный</t>
  </si>
  <si>
    <t>Сумка-чехол 9 д. розовый</t>
  </si>
  <si>
    <t>Сумка-чехол 9 д. чёрный</t>
  </si>
  <si>
    <t>Сумка-чехол 9 д. чёрный с белой строчкой</t>
  </si>
  <si>
    <t>Сумка-чехол Ipad 9.7</t>
  </si>
  <si>
    <t>490</t>
  </si>
  <si>
    <t>Сумка-чехол Ipad 9.7 (400)</t>
  </si>
  <si>
    <t>299</t>
  </si>
  <si>
    <t>Сумка-чехол Ipad 9.7 (mini)</t>
  </si>
  <si>
    <t>Сумка-чехол Ipad mini 2 SLIM синий DREAM</t>
  </si>
  <si>
    <t>Сумка-чехол Ipad mini 2 коричневый</t>
  </si>
  <si>
    <t>Сумка-чехол Ipad mini 2 крокодил</t>
  </si>
  <si>
    <t>Сумка-чехол Ipad mini BELK</t>
  </si>
  <si>
    <t>Сумка-чехол с клавиатурой 7 д.</t>
  </si>
  <si>
    <t>Сумка-чехол с клавиатурой 9 д.</t>
  </si>
  <si>
    <t>449</t>
  </si>
  <si>
    <t xml:space="preserve">           Чехлы/накладки/бампера</t>
  </si>
  <si>
    <t xml:space="preserve">                Чехлы iPhone</t>
  </si>
  <si>
    <t xml:space="preserve">                     Чехлы iPhone 3</t>
  </si>
  <si>
    <t>Чехол накладка iPhone 3 GS</t>
  </si>
  <si>
    <t xml:space="preserve">                     Чехлы iPhone 4</t>
  </si>
  <si>
    <t>Чехол  iPhone 4 тонкий пластиковый (цвет в ассортименте)</t>
  </si>
  <si>
    <t>Чехол бампер iPhone 4 (100)</t>
  </si>
  <si>
    <t>Чехол бампер iPhone 4 цвет в ассорт.</t>
  </si>
  <si>
    <t>Чехол бампер iPhone 4G пластивковый</t>
  </si>
  <si>
    <t>Чехол накладка iPhone 4 (120)</t>
  </si>
  <si>
    <t>Чехол накладка iPhone 4 (150)</t>
  </si>
  <si>
    <t>98</t>
  </si>
  <si>
    <t>Чехол накладка iPhone 4 (250)</t>
  </si>
  <si>
    <t>Чехол накладка iPhone 4 (цвет в ассортименте)</t>
  </si>
  <si>
    <t>Чехол накладка силикон iPhone 4 Pudding</t>
  </si>
  <si>
    <t>Чехол накладка силикон iPhone 4 Slim TPU</t>
  </si>
  <si>
    <t xml:space="preserve">                     Чехлы iPhone 5</t>
  </si>
  <si>
    <t>Чехол iPhone 5 (250)</t>
  </si>
  <si>
    <t>Чехол iPhone 5 (400)</t>
  </si>
  <si>
    <t>282</t>
  </si>
  <si>
    <t>Чехол бампер iPhone 5 </t>
  </si>
  <si>
    <t>Чехол бампер iPhone 5 металический (300)</t>
  </si>
  <si>
    <t>Чехол бампер iPhone5S PC+TPU в ассортименте</t>
  </si>
  <si>
    <t>Чехол накладка  iPhone 5   прорезиненый тонкий NEW (цвет в ассорт.)</t>
  </si>
  <si>
    <t>Чехол накладка iPhone 5 </t>
  </si>
  <si>
    <t>Чехол накладка iPhone 5 (цвет в ассортименте)</t>
  </si>
  <si>
    <t>Чехол накладка iPhone 5 в ассортименте </t>
  </si>
  <si>
    <t>Чехол накладка iPhone 5 в ассортименте (250)</t>
  </si>
  <si>
    <t>Чехол накладка iPhone 5 в ассортименте.</t>
  </si>
  <si>
    <t>Чехол накладка iPhone 5 в ассортименте..</t>
  </si>
  <si>
    <t>128</t>
  </si>
  <si>
    <t>Чехол накладка iPhone 5С (150)</t>
  </si>
  <si>
    <t>107</t>
  </si>
  <si>
    <t>Чехол накладка под iPhone 5 (чёрная) с яблоком (под кожу)</t>
  </si>
  <si>
    <t>113</t>
  </si>
  <si>
    <t>Чехол накладка силикон iPhone 5 (цвет в ассортименте)</t>
  </si>
  <si>
    <t>Чехол накладка силикон iPhone 5 Diamond TPU (цвет в ассорт.)</t>
  </si>
  <si>
    <t>64</t>
  </si>
  <si>
    <t>Чехол накладка силикон iPhone 5C Pudding (тонированный)</t>
  </si>
  <si>
    <t xml:space="preserve">                     Чехлы iPhone 6/6+</t>
  </si>
  <si>
    <t>Чехол бампер iPhone 6 металлический (300)</t>
  </si>
  <si>
    <t>Чехол бампер iPhone 6 металлический (400)</t>
  </si>
  <si>
    <t>Чехол бампер iPhone 6 пластик</t>
  </si>
  <si>
    <t>Чехол накладка  iPhone 6   прорезиненный тонкий NEW (цвет в ассорт.)</t>
  </si>
  <si>
    <t>Чехол накладка  iPhone 6 с цветком стеклянная </t>
  </si>
  <si>
    <t>Чехол накладка Iphone 6 Kenzo (цвет в ассортименте)</t>
  </si>
  <si>
    <t>Чехол накладка Iphone 6 Kenzo TPU (цвет в ассортименте)</t>
  </si>
  <si>
    <t>Чехол накладка iPhone 6 в ассортименте (300)</t>
  </si>
  <si>
    <t>218</t>
  </si>
  <si>
    <t>Чехол накладка iPhone 6Plus в ассортименте (100)</t>
  </si>
  <si>
    <t>43</t>
  </si>
  <si>
    <t>Чехол накладка силикон iPhone 6 ( абстракция)</t>
  </si>
  <si>
    <t>Чехол накладка силикон IPhone 6 Baseus Shell (цвет в ассорт.)</t>
  </si>
  <si>
    <t>Чехол накладка силикон iPhone 6 Brilliant TPU (цвет в ассорт.)</t>
  </si>
  <si>
    <t>Чехол накладка силикон iPhone 6 Flash diamond </t>
  </si>
  <si>
    <t>Чехол накладка силикон iPhone 6 Laser</t>
  </si>
  <si>
    <t>133</t>
  </si>
  <si>
    <t>Чехол накладка силикон iPhone 6 Marble TPU (цвет в ассорт.)</t>
  </si>
  <si>
    <t>Чехол накладка силикон Iphone 6 Mixed drink (цвет в ассорт.)</t>
  </si>
  <si>
    <t>Чехол накладка силикон iPhone 6 RhinestonesTPU </t>
  </si>
  <si>
    <t>Чехол накладка силикон iPhone 6 Rhombus TPU (цвет в ассор.)</t>
  </si>
  <si>
    <t>Чехол накладка силикон iPhone 6 Slim TPU со стразами 0.3мм (цвет в ассорт.)</t>
  </si>
  <si>
    <t>127</t>
  </si>
  <si>
    <t>Чехол накладка силикон iPhone 6 TPU под заднюю крышку</t>
  </si>
  <si>
    <t>Чехол накладка силикон iPhone 6 TPU со стразами и картинками (цвет в ассорт.)</t>
  </si>
  <si>
    <t>Чехол накладка силикон iPhone 6 Жемчуг TPU </t>
  </si>
  <si>
    <t>Чехол накладка силикон iPhone 6 твёрдый силикон (чёрный матовый)</t>
  </si>
  <si>
    <t>Чехол накладка силикон iPhone 6 тонкий силикон (цвет в ассортименте)</t>
  </si>
  <si>
    <t>Чехол флип кейс iPhone 6 белый</t>
  </si>
  <si>
    <t xml:space="preserve">                     Чехлы iPhone 7/7+</t>
  </si>
  <si>
    <t>Чехол накладка  iPhone 7 (Задняя крышка акрил)</t>
  </si>
  <si>
    <t>Чехол накладка  iPhone 7 Motomo New(цвет в ассортименте)</t>
  </si>
  <si>
    <t>Чехол накладка  iPhone 7 с логотипом стеклянная (цвет в ассортименте)</t>
  </si>
  <si>
    <t>179</t>
  </si>
  <si>
    <t>Чехол накладка  iPhone 7 с цветком стеклянная</t>
  </si>
  <si>
    <t>Чехол накладка  iPhone 7 хамелеон (твёрдый силикон)</t>
  </si>
  <si>
    <t>Чехол накладка iPhone 7 (цвет в ассортименте)</t>
  </si>
  <si>
    <t>Чехол накладка iPhone 7 пластиковый (цвет в ассортименте)</t>
  </si>
  <si>
    <t>Чехол накладка силикон iPhone 7 (плотный) 1 мм, прозрачный</t>
  </si>
  <si>
    <t>Чехол накладка силикон iPhone 7 3D TPU Flowers (цвет в ассорт.)</t>
  </si>
  <si>
    <t>Чехол накладка силикон iPhone 7 Laser (цвет в ассор.)</t>
  </si>
  <si>
    <t>Чехол накладка силикон iPhone 7 plus Mirror TPU+PC  (цвет в ассорт.)</t>
  </si>
  <si>
    <t>Чехол накладка силикон iPhone 7 TPU </t>
  </si>
  <si>
    <t>Чехол накладка силикон iPhone 7 тонкий силикон (цвет в ассортименте)</t>
  </si>
  <si>
    <t>Чехол накладка силикон iPhone 7/ 8/ SE (2020) цвет в ассортименте</t>
  </si>
  <si>
    <t xml:space="preserve">                     Чехлы iPhone 8</t>
  </si>
  <si>
    <t>Чехол накладка силикон iPhone 8 shinning TPU с фото</t>
  </si>
  <si>
    <t>121</t>
  </si>
  <si>
    <t xml:space="preserve">                     Чехлы iPhone X/XS/XR</t>
  </si>
  <si>
    <t>Чехол накладка iPhone 10/X Spigen TPU (цвет в ассортименте)</t>
  </si>
  <si>
    <t>Чехол накладка iPhone 10/X Vorson Fiber TPU (цвет в ассортименте)</t>
  </si>
  <si>
    <t>Чехол накладка силикон Iphone 10/X Marble TPU</t>
  </si>
  <si>
    <t>Чехол накладка силикон Iphone 10/X Узоры New PC (цвет в ассортименте)</t>
  </si>
  <si>
    <t>Чехол накладка силикон Iphone 10/X Узоры PC (цвет в ассортименте)</t>
  </si>
  <si>
    <t>Чехол накладка силикон iPhone X прозрачный/затемнённый</t>
  </si>
  <si>
    <t>Чехол накладка силикон iPhone XR Brauffen прозрачный</t>
  </si>
  <si>
    <t>Чехол накладка силикон iPhone XR Clear Case прозрачный</t>
  </si>
  <si>
    <t>Чехол накладка силикон iPhone XR Matte 1.5 mm ( в ассортименте)</t>
  </si>
  <si>
    <t>Чехол накладка силикон iPhone XR затемненный</t>
  </si>
  <si>
    <t>Чехол накладка силикон iPhone XR прозрачный (плотный) 1 мм</t>
  </si>
  <si>
    <t>Чехол накладка силикон iPhone XS MAX ( затемнённый c блёстками)</t>
  </si>
  <si>
    <t xml:space="preserve">                     Чехлы iPhone XI</t>
  </si>
  <si>
    <t>Чехол накладка силикон iPhone 11 Brauffen затемненый</t>
  </si>
  <si>
    <t>Чехол накладка силикон iPhone 11 Brauffen прозрачный</t>
  </si>
  <si>
    <t>Чехол накладка силикон iPhone 11 PRO (5.8 2019) прозрачный</t>
  </si>
  <si>
    <t>Чехол накладка силикон iPhone 11 PRO (5.8 2019) радуга</t>
  </si>
  <si>
    <t>136</t>
  </si>
  <si>
    <t>Чехол накладка силикон iPhone 11 PRO (5.8 2019) цвет в ассортименте</t>
  </si>
  <si>
    <t>129</t>
  </si>
  <si>
    <t>Чехол накладка силикон iPhone 11 PRO MAX (6.5 2019) прозрачный</t>
  </si>
  <si>
    <t>Чехол накладка силикон iPhone 11 PRO MAX (6.5 2019) радуга</t>
  </si>
  <si>
    <t>Чехол накладка силикон iPhone 11 PRO MAX (6.5 2019) цвет в ассортименте</t>
  </si>
  <si>
    <t>Чехол накладка силикон iPhone 11 PRO MAX (6.5 2019) чёрный</t>
  </si>
  <si>
    <t>Чехол накладка силикон iPhone 11 Блеск </t>
  </si>
  <si>
    <t xml:space="preserve">                Чехлы Samsung</t>
  </si>
  <si>
    <t>Чехол накладка Samsung S7562 прорезиненная</t>
  </si>
  <si>
    <t>Чехол накладка силикон Samsung A22 плотный с защитой камеры (прозрачный)</t>
  </si>
  <si>
    <t>Чехол накладка силикон Samsung G930/Galaxy S7  Brilliant TPU</t>
  </si>
  <si>
    <t xml:space="preserve">                Чехлы Sony</t>
  </si>
  <si>
    <t>Чехол-книжка Sony MT27i Xperia Sola"Partner" чёрный</t>
  </si>
  <si>
    <t xml:space="preserve">                Чехлы универсальные</t>
  </si>
  <si>
    <t>Чехлы на пояс в ассортименте</t>
  </si>
  <si>
    <t>Чехол универсальный 4'-4.5' чёрный DREAM с кольцом</t>
  </si>
  <si>
    <t>Чехол универсальный 4'-4.5'синий DREAM с кольцом</t>
  </si>
  <si>
    <t>Чехол универсальный 5.5'-6' чёрный DREAM с кольцом</t>
  </si>
  <si>
    <t>Чехол универсальный на пояс 5,0'</t>
  </si>
  <si>
    <t>Чехол универсальный на пояс 5,5'</t>
  </si>
  <si>
    <t>Чехол универсальный на пояс вертикальный (в ассортименте)</t>
  </si>
  <si>
    <t>Чехол универсальный на пояс горизонтальный ( в ассортименте)</t>
  </si>
  <si>
    <t>Чехол флип кейс 5.5 голубой</t>
  </si>
  <si>
    <t>Чехол-книжка Partner Flip-case 5,8" чёрная</t>
  </si>
  <si>
    <t>Чехол-книжка универс. раздвижка</t>
  </si>
  <si>
    <t>Чехол-книжка универсальная SOK 3.8' чёрный DREAM</t>
  </si>
  <si>
    <t>149</t>
  </si>
  <si>
    <t>Чехол-книжка универсальная SOK 4.2' коричневый DREAM</t>
  </si>
  <si>
    <t>Чехол-книжка универсальная SOK 4.5' коричневый DREAM</t>
  </si>
  <si>
    <t>Чехол-книжка универсальная SOK 5' коричневый DREAM</t>
  </si>
  <si>
    <t>Чехол в ассортименте (распродажа) 30</t>
  </si>
  <si>
    <t>Чехол в ассортименте (распродажа) 50</t>
  </si>
  <si>
    <t>Чехол в ассортименте (распродажа). 100</t>
  </si>
  <si>
    <t>Чехол накладка силикон Huawei P10 Lite (прозрачный)</t>
  </si>
  <si>
    <t>Чехол накладка силикон Xiaomi MI 7/8 (прозрачный)</t>
  </si>
  <si>
    <t>Чехол накладка силикон Xiaomi MI 8 SE (прозрачный)</t>
  </si>
  <si>
    <t>Чехол накладка силикон Xiaomi Redmi 3S (прозрачный)</t>
  </si>
  <si>
    <t xml:space="preserve">           Чехол для фотоаппаратов</t>
  </si>
  <si>
    <t>Чехлы для фотоаппаратов в ассортименте (180)</t>
  </si>
  <si>
    <t xml:space="preserve">           Шнурки</t>
  </si>
  <si>
    <t>Шнурок на руку короткий </t>
  </si>
  <si>
    <t>17</t>
  </si>
  <si>
    <t>Шнурок на шею длинный</t>
  </si>
  <si>
    <t>Шнурок на шею широкий</t>
  </si>
  <si>
    <t xml:space="preserve">      Аксессуары компьютерные</t>
  </si>
  <si>
    <t xml:space="preserve">           Bluetooth адаптер</t>
  </si>
  <si>
    <t>BLUETOOTH адаптер B14A (BT4.0 3Mbit/S) черный DREAM </t>
  </si>
  <si>
    <t xml:space="preserve">           USB Hub разветвители</t>
  </si>
  <si>
    <t>USB разветвитель 4 в 1 в ассортименте (баклажан/банан/кукуруза/перчик/морковка)</t>
  </si>
  <si>
    <t>USB разветвитель 4в1 в ассортименте</t>
  </si>
  <si>
    <t>USB разветвитель DREAM A8 2 USB</t>
  </si>
  <si>
    <t>USB разветвитель DREAM UH1 7USB 0,5м,с выключателями</t>
  </si>
  <si>
    <t>USB разветвитель DREAM UM1 3 в 1</t>
  </si>
  <si>
    <t>USB разветвитель LDNIO SY-020</t>
  </si>
  <si>
    <t>USB разветвитель PERFEO PF-H030 НА 4 ПОРТА</t>
  </si>
  <si>
    <t>USB разветвитель Perfeo PF-H036 7Port </t>
  </si>
  <si>
    <t>465</t>
  </si>
  <si>
    <t>USB разветвитель SIYOTEAM SY-C10</t>
  </si>
  <si>
    <t>207</t>
  </si>
  <si>
    <t>USB разветвитель Smartbuy SBHA-143-G</t>
  </si>
  <si>
    <t>USB разветвитель Smartbuy SBHA-6810-W</t>
  </si>
  <si>
    <t>USB разветвитель Smartbuy SBHA-6900-K</t>
  </si>
  <si>
    <t>USB разветвитель USB 2.0 7USB 0,5м,с выключателями</t>
  </si>
  <si>
    <t xml:space="preserve">           USB вентилятор</t>
  </si>
  <si>
    <t>USB вентилятор YC001</t>
  </si>
  <si>
    <t>66</t>
  </si>
  <si>
    <t>Вентилятор аккумуляторный DD5589 (АКБ,зарядка USB)</t>
  </si>
  <si>
    <t>Вентилятор аккумуляторный DD5591 (АКБ,зарядка USB)</t>
  </si>
  <si>
    <t>Вентилятор аккумуляторный YF-1948 (АКБ,зарядка USB)</t>
  </si>
  <si>
    <t xml:space="preserve">           Wi-Fi роутер</t>
  </si>
  <si>
    <t>Wi-Fi Adapter DREAM B3505 (RTL8192 300Mbit/s)</t>
  </si>
  <si>
    <t>Wi-Fi Adapter DREAM UW08  с внешней антенной 150 Mbps </t>
  </si>
  <si>
    <t>Wi-Fi антенна USB 802.11N 300Mbps</t>
  </si>
  <si>
    <t>387</t>
  </si>
  <si>
    <t>560</t>
  </si>
  <si>
    <t xml:space="preserve">           Картридер</t>
  </si>
  <si>
    <t>Карт ридер 16in1 + SIM</t>
  </si>
  <si>
    <t>Карт ридер DREAM C4 (SD, TF, M2, MS) </t>
  </si>
  <si>
    <t>Карт ридер Galaxy Tab DL-D301</t>
  </si>
  <si>
    <t>Карт ридер Hi Speed в ассортименте</t>
  </si>
  <si>
    <t>Карт ридер HOCO HB20 USB 2.0/TF/SD 480Mbps/5Gbps</t>
  </si>
  <si>
    <t>Карт ридер Perfeo 013 PF_4259</t>
  </si>
  <si>
    <t>Карт ридер Smartbuy SBR-710-K/710-O (micro CD) цвет в ассорт.</t>
  </si>
  <si>
    <t>Карт ридер Smartbuy SBR-713-K/B/W (универсальный)</t>
  </si>
  <si>
    <t>187</t>
  </si>
  <si>
    <t xml:space="preserve">           Клавиатуры для ПК</t>
  </si>
  <si>
    <t>Клавиатура для ПК "Borofone" BG6 + мышь игровая</t>
  </si>
  <si>
    <t>530</t>
  </si>
  <si>
    <t>Клавиатура для ПК "Perfeo" PF-3093-ST " USB ЧЁРНАЯ</t>
  </si>
  <si>
    <t>Клавиатура для ПК "Perfeo" PF-4434 "Compact" беспроводная</t>
  </si>
  <si>
    <t>820</t>
  </si>
  <si>
    <t>Клавиатура для ПК "Perfeo" PF-5191 "Freedom" беспроводная</t>
  </si>
  <si>
    <t>590</t>
  </si>
  <si>
    <t>950</t>
  </si>
  <si>
    <t>Клавиатура для ПК "Smartbuy" 112U-K ONE</t>
  </si>
  <si>
    <t>Клавиатура для ПК "Smartbuy" 115-K ONE</t>
  </si>
  <si>
    <t>Клавиатура для ПК "Smartbuy" SBK-333U-W с подсветкой белый</t>
  </si>
  <si>
    <t>Клавиатура+мышь беспроводной набор SMARTBUY ONE SBC-230346-KB</t>
  </si>
  <si>
    <t>Клавиатура+мышь беспроводной набор SMARTBUY ONE SBC-240385AG-K</t>
  </si>
  <si>
    <t xml:space="preserve">           Коврики для мышек</t>
  </si>
  <si>
    <t>Коврик для мыши SMARTBUY Blue S-size SBMP-101-BL  (280 x 230 x 3 mm)</t>
  </si>
  <si>
    <t>Коврик для мыши SMARTBUY Giraffe S-size SBMP-103-Gl  (280 x 230 x 3 mm)</t>
  </si>
  <si>
    <t>Коврик для мыши SMARTBUY RUSH STRIKE SBMP-06G-ST (360 x 270 x 3 mm)</t>
  </si>
  <si>
    <t>339</t>
  </si>
  <si>
    <t>Коврик для мыши SMARTBUY RUSH YIN-YANG SBMP-14G-YY (360 x 270 x 3 mm)</t>
  </si>
  <si>
    <t>Коврик для мышки " BURO " в ассортименте</t>
  </si>
  <si>
    <t>109</t>
  </si>
  <si>
    <t>Коврик для мышки "VS" ткань-резина в ассортименте (180x220x2мм )</t>
  </si>
  <si>
    <t>122</t>
  </si>
  <si>
    <t>Коврик для мышки "птички"</t>
  </si>
  <si>
    <t>Коврик для мышки DREAM CV01/02/03/04/05</t>
  </si>
  <si>
    <t>Коврик для мышки PERFEO "CAT" 350*300*3мм</t>
  </si>
  <si>
    <t>Коврик для мышки с прилипающей к поверхности стола основой (в ассортименте)</t>
  </si>
  <si>
    <t xml:space="preserve">           Колонки ПК</t>
  </si>
  <si>
    <t>Колонки ПK PERFEO PF-4327 Cabinet</t>
  </si>
  <si>
    <t>635</t>
  </si>
  <si>
    <t>Колонки ПK Ritmix SP-2026</t>
  </si>
  <si>
    <t>456</t>
  </si>
  <si>
    <t>660</t>
  </si>
  <si>
    <t>Колонки ПK Smartbuy (SBA-101) ONE дерево 6Вт/USB Чёрный</t>
  </si>
  <si>
    <t>510</t>
  </si>
  <si>
    <t>Колонки ПK Smartbuy (SBA-1400) UFO OPERA</t>
  </si>
  <si>
    <t>593</t>
  </si>
  <si>
    <t>Колонки ПK Smartbuy (SBA-2500) FEST</t>
  </si>
  <si>
    <t>Колонки ПK Smartbuy (SBA-2560) TORCH 6Вт USB ДЕРЕВЯННЫЕ</t>
  </si>
  <si>
    <t>Колонки ПK Smartbuy (SBA-2570/2580/2590) CUTE (цвет в ассортименте)</t>
  </si>
  <si>
    <t>Колонки ПK Smartbuy (SBA-2800/2810/2820) Mini</t>
  </si>
  <si>
    <t>Колонки ПK Smartbuy (SBA-3200) ROCKY</t>
  </si>
  <si>
    <t>801</t>
  </si>
  <si>
    <t>Колонки ПK Smartbuy (SBA-4750) One</t>
  </si>
  <si>
    <t xml:space="preserve">           Мыши оптические.</t>
  </si>
  <si>
    <t xml:space="preserve">                Мыши оптические ( беспроводные).</t>
  </si>
  <si>
    <t>Мышь оптическая беспроводная SmartBuy SBM-282AG-K черный,беззвучная</t>
  </si>
  <si>
    <t>Мышь оптическая беспроводная SmartBuy SBM-332 AG- R красная</t>
  </si>
  <si>
    <t>Мышь оптическая беспроводная SmartBuy SBM-333 AG-K чёрная</t>
  </si>
  <si>
    <t>345</t>
  </si>
  <si>
    <t>Мышь оптическая беспроводная SmartBuy SBM-344CAG-KR с зарядкой от USB черно-красный</t>
  </si>
  <si>
    <t>Мышь оптическая беспроводная SmartBuy SBM-352 AG-BK СИНЯЯ/ЧЕРНАЯ USB 2.0</t>
  </si>
  <si>
    <t>Мышь оптическая беспроводная SmartBuy SBM-352 AG-GK ЗЕЛЕНАЯ/ЧЕРНАЯ USB 2.0</t>
  </si>
  <si>
    <t>Мышь оптическая беспроводная SmartBuy SBM-352 AG-K Черная</t>
  </si>
  <si>
    <t>Мышь оптическая беспроводная SmartBuy SBM-352 AG-RK красно-черный</t>
  </si>
  <si>
    <t>Мышь оптическая беспроводная SmartBuy SBM-352AG-W БЕЛАЯ</t>
  </si>
  <si>
    <t>Мышь оптическая беспроводная SmartBuy SBM-359AG-K чёрная</t>
  </si>
  <si>
    <t>285</t>
  </si>
  <si>
    <t>Мышь оптическая беспроводная SmartBuy SBM-368AG-KR черно-красный</t>
  </si>
  <si>
    <t>Мышь оптическая беспроводная SmartBuy SBM-378AG синий</t>
  </si>
  <si>
    <t>Мышь оптическая беспроводная SmartBuy SBM-378AG-K чёрная</t>
  </si>
  <si>
    <t>Мышь оптическая беспроводная SmartBuy SBM-612AG-RK LED беззвучная Красный</t>
  </si>
  <si>
    <t>670</t>
  </si>
  <si>
    <t xml:space="preserve">                Мыши оптические ( игровые).</t>
  </si>
  <si>
    <t>Мышь оптическая (проводная-USB) SMARTBUY SBM-712G-K RUSH игровая </t>
  </si>
  <si>
    <t>Мышь оптическая (проводная-USB) SMARTBUY SBM-713G-G RUSH Phantom игровая</t>
  </si>
  <si>
    <t>Мышь оптическая (проводная-USB) SMARTBUY SBM-721G-K ZOMBIE игровая</t>
  </si>
  <si>
    <t>608</t>
  </si>
  <si>
    <t>Мышь оптическая (проводная-USB) SMARTBUY SBM-722G-K RUSH WALKER  игровая </t>
  </si>
  <si>
    <t>395</t>
  </si>
  <si>
    <t>Мышь оптическая (проводная-USB) SMARTBUY SBM-727G-K RUSH MISSION игровая </t>
  </si>
  <si>
    <t>Мышь оптическая (проводная-USB) SMARTBUY SBM-743G-K Gaki игровая</t>
  </si>
  <si>
    <t>Мышь оптическая (проводная-USB) SMARTBUY SBM-745G-K X15 игровая</t>
  </si>
  <si>
    <t>Мышь оптическая (проводная-USB) SMARTBUY SBM-212-K ЧЕРНАЯ</t>
  </si>
  <si>
    <t>Мышь оптическая (проводная-USB) SMARTBUY SBM-213-K ЧЕРНАЯ</t>
  </si>
  <si>
    <t>Мышь оптическая (проводная-USB) SmartBuy SBM-214-К  (цвет в ассортименте)</t>
  </si>
  <si>
    <t>1 320</t>
  </si>
  <si>
    <t>Мышь оптическая (проводная-USB) SmartBuy SBM-215-К  (цвет в ассортименте)</t>
  </si>
  <si>
    <t>Мышь оптическая (проводная-USB) SmartBuy SBM-216-К  (цвет в ассортименте)</t>
  </si>
  <si>
    <t>Мышь оптическая (проводная-USB) SmartBuy SBM-265-R бесшумная,красный</t>
  </si>
  <si>
    <t>Мышь оптическая (проводная-USB) SmartBuy SBM-265-К бесшумная,чёрный</t>
  </si>
  <si>
    <t>Мышь оптическая (проводная-USB) Smartbuy SBM-329-KB чёрная/синяя</t>
  </si>
  <si>
    <t>Мышь оптическая (проводная-USB) Smartbuy SBM-329-KG чёрная/серая</t>
  </si>
  <si>
    <t>Мышь оптическая (проводная-USB) Smartbuy SBM-329-KY чёрная/жёлтая</t>
  </si>
  <si>
    <t>Мышь оптическая (проводная-USB) SmartBuy SBM-352-GK зелёная/чёрная</t>
  </si>
  <si>
    <t>Мышь оптическая (проводная-USB) SmartBuy SBM-352-K чёрная</t>
  </si>
  <si>
    <t>162</t>
  </si>
  <si>
    <t xml:space="preserve">           Наклейки на клавиатуру</t>
  </si>
  <si>
    <t>Наклейки на клавиатуру (чёрный)</t>
  </si>
  <si>
    <t>Наклейки на клавиатуру силикон</t>
  </si>
  <si>
    <t xml:space="preserve">           Скайп гарнитуры</t>
  </si>
  <si>
    <t xml:space="preserve">                Микрофон</t>
  </si>
  <si>
    <t>МИКРОФОН PERFEO M-1 КЛИПСА КАБЕЛЬ 1.8 м. ЧЕРНЫЙ</t>
  </si>
  <si>
    <t>164</t>
  </si>
  <si>
    <t>МИКРОФОН PERFEO M-2 КЛИПСА КАБЕЛЬ 1.8 м. ЧЕРНЫЙ</t>
  </si>
  <si>
    <t>МИКРОФОН SVEN MK-150 ЧЕРНЫЙ КРЕПЛЕНИЕ-КЛИПСА 1.8м JACK 3.5</t>
  </si>
  <si>
    <t>МИКРОФОН SVEN MK-170 ЧЕРНЫЙ КРЕПЛЕНИЕ-КЛИПСА 1.8м JACK 3.5</t>
  </si>
  <si>
    <t>247</t>
  </si>
  <si>
    <t>МИКРОФОН SVEN MK-200 ЧЕРНЫЙ КРЕПЛЕНИЕ: СТОЛ/МОНИТОР JACK 3.5</t>
  </si>
  <si>
    <t>217</t>
  </si>
  <si>
    <t>МИКРОФОН SVEN MK-390 настольный на подставке (с клавишей вкл.)</t>
  </si>
  <si>
    <t>486</t>
  </si>
  <si>
    <t>Микрофон петличный GL-119 AUX 3.5</t>
  </si>
  <si>
    <t>Скайп гарнитура Hoco W103</t>
  </si>
  <si>
    <t>830</t>
  </si>
  <si>
    <t>1 350</t>
  </si>
  <si>
    <t>Скайп гарнитура PERFIO 4Chat PF-C3200</t>
  </si>
  <si>
    <t>Скайп гарнитура PERFIO COMMON</t>
  </si>
  <si>
    <t>Скайп гарнитура Ritmix RH-524М</t>
  </si>
  <si>
    <t>Скайп гарнитура Ritmix RH-534М</t>
  </si>
  <si>
    <t>Скайп гарнитура Ritmix RH-560М</t>
  </si>
  <si>
    <t>Скайп гарнитура Smartbuy (SBH-7000) Commando</t>
  </si>
  <si>
    <t>545</t>
  </si>
  <si>
    <t xml:space="preserve">           Сумка для ноутбуков</t>
  </si>
  <si>
    <t>Сумка для ноутбука 10.2</t>
  </si>
  <si>
    <t>Сумка для ноутбука EISA</t>
  </si>
  <si>
    <t>Сумка для ноутбука EXTREME STYLE 10,1 (мини)</t>
  </si>
  <si>
    <t>Сумка для ноутбука EXTREME STYLE 14</t>
  </si>
  <si>
    <t xml:space="preserve">      Бегущая строка</t>
  </si>
  <si>
    <t>Бегущая строка 103х40 синяя</t>
  </si>
  <si>
    <t>10 000</t>
  </si>
  <si>
    <t>12 000</t>
  </si>
  <si>
    <t>Бегущая строка 30х11 красная</t>
  </si>
  <si>
    <t>3 500</t>
  </si>
  <si>
    <t>Бегущая строка 43х11 красная</t>
  </si>
  <si>
    <t>3 000</t>
  </si>
  <si>
    <t>4 500</t>
  </si>
  <si>
    <t xml:space="preserve">      Диски</t>
  </si>
  <si>
    <t xml:space="preserve">           CD-R</t>
  </si>
  <si>
    <t>Чистый диск CD-R VS SLIM-BOX</t>
  </si>
  <si>
    <t>Чистый диск CD-R VS конверт </t>
  </si>
  <si>
    <t xml:space="preserve">           CD-RW</t>
  </si>
  <si>
    <t>Чистый диск CD-RW VS SLIM BOX</t>
  </si>
  <si>
    <t>Чистый диск CD-RW VS конверт</t>
  </si>
  <si>
    <t xml:space="preserve">           DVD-R</t>
  </si>
  <si>
    <t>Чистый диск DVD-R VS SLIM-BOX</t>
  </si>
  <si>
    <t>Чистый диск DVD-R VS в конверте</t>
  </si>
  <si>
    <t xml:space="preserve">           DVD-RW</t>
  </si>
  <si>
    <t>Чистый диск DVD-RW VS SLIM-BOX</t>
  </si>
  <si>
    <t>Чистый диск DVD-RW VS конверт</t>
  </si>
  <si>
    <t>59</t>
  </si>
  <si>
    <t xml:space="preserve">           Файлы и папки для хранения CD/DVD дисков</t>
  </si>
  <si>
    <t>Файлы для CD/DVD дисков (20 шт.)</t>
  </si>
  <si>
    <t>Файлы для CD/DVD дисков (20 шт.) кожа</t>
  </si>
  <si>
    <t xml:space="preserve">      Зажигалки/Газ/Бензин</t>
  </si>
  <si>
    <t xml:space="preserve">           Газ/Бензин</t>
  </si>
  <si>
    <t>Для заправки зажигалок Бензин 100 мл. ZIPP пластик.</t>
  </si>
  <si>
    <t>Для заправки зажигалок Бензин 133 мл</t>
  </si>
  <si>
    <t>Для заправки зажигалок Газ (140 мл)</t>
  </si>
  <si>
    <t xml:space="preserve">           Зажигалки в ассортименте (сувенирные/подарочные)</t>
  </si>
  <si>
    <t>Зажигалка №602 (газовая горелка)</t>
  </si>
  <si>
    <t>Зажигалка QL-001 (газовая горелка,одно пламя)</t>
  </si>
  <si>
    <t>Зажигалка XJNG (газовая горелка)</t>
  </si>
  <si>
    <t>Зажигалка в ассортименте (сувенирные)</t>
  </si>
  <si>
    <t>Зажигалка в ассортименте LIGHTER с часами (газ)</t>
  </si>
  <si>
    <t>Зажигалка в ассортименте NGLING бензин</t>
  </si>
  <si>
    <t>Зажигалка в ассортименте ZEPPO бензин</t>
  </si>
  <si>
    <t>Зажигалка в ассортименте Города (противоветренная)</t>
  </si>
  <si>
    <t>36</t>
  </si>
  <si>
    <t>Зажигалка в ассортименте Соц.Сети (противоветренная)</t>
  </si>
  <si>
    <t>62</t>
  </si>
  <si>
    <t xml:space="preserve">           Зажигалки для газа (пьезозажигалки)</t>
  </si>
  <si>
    <t>Горелка газовая с пьезоподжигом KS-1005/915</t>
  </si>
  <si>
    <t>Зажигалка для газа (короткая)</t>
  </si>
  <si>
    <t xml:space="preserve">      Кабели / Коннекторы</t>
  </si>
  <si>
    <t xml:space="preserve">           Кабели AUX</t>
  </si>
  <si>
    <t>Кабель AUX (3,5мм х 3,5мм)  витой, угловой штекер (цвет в ассортименте)</t>
  </si>
  <si>
    <t>Кабель AUX (3,5мм х 3,5мм) BOROFONE BL16 1M ( цвет в ассортименте)</t>
  </si>
  <si>
    <t>Кабель AUX (3,5мм х 3,5мм) DREAM JD0066 1.5М (цвет в ассортименте)</t>
  </si>
  <si>
    <t>Кабель AUX (3,5мм х 3,5мм) DREAM JD237/AX6 1M (угловой штекер)</t>
  </si>
  <si>
    <t>Кабель AUX (3,5мм х 3,5мм) DREAM JD237/AX6 1M тех.упак.(угловой штекер)</t>
  </si>
  <si>
    <t>Кабель AUX (3,5мм х 3,5мм) DREAM JD40 1,5M плоский (цвет в ассортименте)</t>
  </si>
  <si>
    <t>Кабель AUX (3,5мм х 3,5мм) DREAM JD423 1,2M (MIC, Call button) черный</t>
  </si>
  <si>
    <t>Кабель AUX (3,5мм х 3,5мм) DREAM JD458 1M</t>
  </si>
  <si>
    <t>Кабель AUX (3,5мм х 3,5мм) DREAM KY76 1M (в ассортименте)</t>
  </si>
  <si>
    <t>Кабель AUX (3,5мм х 3,5мм) DREAM KY76 2M (в ассортименте)</t>
  </si>
  <si>
    <t>Кабель AUX (3,5мм х 3,5мм) HOCO UPA22 1М </t>
  </si>
  <si>
    <t>Кабель AUX (3,5мм х 3,5мм) KIN KY-171</t>
  </si>
  <si>
    <t>Кабель AUX (3,5мм х 3,5мм) витой 1,5 м.(цвет в ассортименте)</t>
  </si>
  <si>
    <t>Кабель AUX (3,5мм х 3,5мм) нейлон 1м</t>
  </si>
  <si>
    <t>Кабель AUX (3,5мм х 3,5мм) силикон 1М (в ассортименте)</t>
  </si>
  <si>
    <t>Кабель AUX (3,5мм х 3,5мм) угловой штекер (цвет в ассортименте)</t>
  </si>
  <si>
    <t>Кабель AUX (6,35мм х 3,5мм) AU02 1.5М </t>
  </si>
  <si>
    <t>Кабель AUX (6,35мм х 6,35мм) AU01 1М </t>
  </si>
  <si>
    <t xml:space="preserve">           Кабели DVI-D/DVI-D</t>
  </si>
  <si>
    <t>Кабель DVI-D/DVI-D 1.8m монитор/системный блок  </t>
  </si>
  <si>
    <t>Кабель DVI( M) / DVI (M)  24+1 2.0 m </t>
  </si>
  <si>
    <t>Кабель DVI( M) / DVI (M)  24+1 3.0 m </t>
  </si>
  <si>
    <t xml:space="preserve">           Кабели HDMI</t>
  </si>
  <si>
    <t>Кабель HDMI (M)/DVI (M) -  2 метра.</t>
  </si>
  <si>
    <t>Кабель HDMI (M)/DVI (M) -  3 метра.</t>
  </si>
  <si>
    <t>Кабель HDMI HD01 2M для Samsung DEX (TYPE-C, USB) черный DREAM</t>
  </si>
  <si>
    <t>Кабель HDMI/HDMI 1.5М VS / Ritmix </t>
  </si>
  <si>
    <t>Кабель HDMI/HDMI 1.8М</t>
  </si>
  <si>
    <t>Кабель HDMI/HDMI 1М VS</t>
  </si>
  <si>
    <t>Кабель HDMI/HDMI 2М VS</t>
  </si>
  <si>
    <t>Кабель HDMI/HDMI 3m Earldom W24 </t>
  </si>
  <si>
    <t>Кабель HDMI/HDMI 5М SMARTBUY</t>
  </si>
  <si>
    <t>Кабель HDMI/MICRO HDMI 1.5M Cantel</t>
  </si>
  <si>
    <t>Кабель HDMI/MICRO HDMI 1.8М SMARTBUY ver1.4b A-M/D-M  К318</t>
  </si>
  <si>
    <t>Кабель HDMI/MINI HDMI 1.5M</t>
  </si>
  <si>
    <t>Кабель HDMI/MINI HDMI 2M SMART BUY ver 1.4 A-M/C-M K320</t>
  </si>
  <si>
    <t>Кабель HDTV MHL 2.0 (Micro USB HDMI кабель)</t>
  </si>
  <si>
    <t xml:space="preserve">           Кабели Jack 3.5 STM/3.5 STF</t>
  </si>
  <si>
    <t>Кабель jack-3.5 STM/3.5 STF 1 метр (вход-выход) удлинитель</t>
  </si>
  <si>
    <t>Кабель jack-3.5 STM/3.5 STF 3 метра (вход-выход) удлинитель</t>
  </si>
  <si>
    <t>Кабель jack-3.5 STM/3.5 STF 5 метров (вход-выход) удлинитель</t>
  </si>
  <si>
    <t>Кабель jack-3.5 STM/вилка 2 RCA 1 метр Perfeo/VS</t>
  </si>
  <si>
    <t>Кабель jack-3.5 STM/вилка 2 RCA 1,5 метра Perfeo/VS</t>
  </si>
  <si>
    <t>Кабель jack-3.5 STM/вилка 2 RCA 1,8 метра Smartbuy</t>
  </si>
  <si>
    <t>Кабель jack-3.5 STM/вилка 2 RCA 1.5 метра DREAM</t>
  </si>
  <si>
    <t>85</t>
  </si>
  <si>
    <t>Кабель jack-3.5 STM/вилка 2 RCA 3 метра Perfeo/VS</t>
  </si>
  <si>
    <t>Кабель jack-3.5 STM/вилка 3 RCA  2 метра Telecom</t>
  </si>
  <si>
    <t>Кабель jack-3.5 STM/вилка 3 RCA 1.5 метра DREAM</t>
  </si>
  <si>
    <t xml:space="preserve">           Кабели OTG</t>
  </si>
  <si>
    <t>OTG адаптер Micro USB</t>
  </si>
  <si>
    <t>Кабель OTG Galaxy Note III</t>
  </si>
  <si>
    <t>76</t>
  </si>
  <si>
    <t>Кабель OTG Galaxy Tab</t>
  </si>
  <si>
    <t>Кабель OTG iPhone 5</t>
  </si>
  <si>
    <t>Кабель OTG iPhone 5 (без шнура)</t>
  </si>
  <si>
    <t>Кабель OTG Micro USB/ USB (в ассортименте)</t>
  </si>
  <si>
    <t>Кабель OTG Micro USB/ USB WALKER</t>
  </si>
  <si>
    <t>Кабель OTG mini USB</t>
  </si>
  <si>
    <t>Кабель OTG mini USB 1 метр (удлинитель)</t>
  </si>
  <si>
    <t>Кабель OTG mini USB 1 метр Perfeo</t>
  </si>
  <si>
    <t xml:space="preserve">           Кабели RCA-RCA (колокольчики)</t>
  </si>
  <si>
    <t>Кабель 2 RCA-2RCA (колокольчики 2х2) 1.5M DREAM</t>
  </si>
  <si>
    <t>Кабель 2 RCA-2RCA (колокольчики 2х2) SMART BUY 1,8 МЕТРА В ПАКЕТЕ KA221</t>
  </si>
  <si>
    <t>Кабель 3 RCA-3RCA (колокольчики 3х3) 1,8 метра (в пакете)</t>
  </si>
  <si>
    <t>Кабель 3 RCA-3RCA (колокольчики 3х3) 2 метра VS</t>
  </si>
  <si>
    <t>Кабель 3 RCA-3RCA (колокольчики 3х3) 3 МЕТРА (В ПАКЕТЕ) </t>
  </si>
  <si>
    <t>Кабель 3 RCA-3RCA (колокольчики 3х3) DREAM/ VS</t>
  </si>
  <si>
    <t>Кабель 3 RCA-3RCA (колокольчики 3х3) SMART BUY 1,8 МЕТРА В ПАКЕТЕ KA231</t>
  </si>
  <si>
    <t>Кабель 3 RCA-3RCA (колокольчики 3х3) SMART BUY 3 МЕТРА В ПАКЕТЕ KA233</t>
  </si>
  <si>
    <t xml:space="preserve">           Кабели SCART/SCART</t>
  </si>
  <si>
    <t>Кабель SCART/SCART 1,8м Smartbuy</t>
  </si>
  <si>
    <t xml:space="preserve">           Кабели USB 2.0 (AF/AF * AM/AF)</t>
  </si>
  <si>
    <t>Кабель USB 2.0 AF/AF МАМА-МАМА 1.5 метра</t>
  </si>
  <si>
    <t>Кабель USB 2.0 AF/AF МАМА-МАМА черный 1М тех.упак.</t>
  </si>
  <si>
    <t>Кабель USB 2.0 AM/AF ПАПА-МАМА 1.8 метра </t>
  </si>
  <si>
    <t>Кабель USB 2.0 AM/AF ПАПА-МАМА 1метр тех.упак.</t>
  </si>
  <si>
    <t>Кабель USB 2.0 AM/AF ПАПА-МАМА 3 метра</t>
  </si>
  <si>
    <t>94</t>
  </si>
  <si>
    <t>Кабель USB 2.0 AM/AM ПАПА-ПАПА 1 метр тех.упак.</t>
  </si>
  <si>
    <t>Кабель USB 2.0 AM/AM ПАПА-ПАПА 1,8 метра</t>
  </si>
  <si>
    <t xml:space="preserve">           Кабели USB APPLE</t>
  </si>
  <si>
    <t>Кабель USB iPhone 3/ 4 GS</t>
  </si>
  <si>
    <t>Кабель USB iPhone 3/ 4 GS (120)</t>
  </si>
  <si>
    <t>Кабель USB iPhone 3/ 4 GS (тех./упак.)</t>
  </si>
  <si>
    <t>Кабель USB iPhone 3/ 4 GS 3m</t>
  </si>
  <si>
    <t>Кабель USB iPhone 3/ 4 GS DREAM 1.2M (цвет в ассортименте)</t>
  </si>
  <si>
    <t>Кабель USB iPhone 3/ 4 GS ISA 2 м.(цвет в ассорт.)</t>
  </si>
  <si>
    <t>Кабель USB LIGHTNING - AUX Jack 3.5  Hoco UPA22 силикон.</t>
  </si>
  <si>
    <t>Кабель USB LIGHTNING - AUX Jack 3.5  JH-023</t>
  </si>
  <si>
    <t>Кабель USB LIGHTNING (в металлической оплетке)</t>
  </si>
  <si>
    <t>Кабель USB LIGHTNING BOROFONE BU16 1.2М магнитный (в ассортименте)</t>
  </si>
  <si>
    <t>228</t>
  </si>
  <si>
    <t>Кабель USB LIGHTNING BOROFONE BU8 1,2М 2,4A (в ассортименте)</t>
  </si>
  <si>
    <t>Кабель USB LIGHTNING BOROFONE BX14 2М (ORIG) (в ассортименте)</t>
  </si>
  <si>
    <t>Кабель USB LIGHTNING BOROFONE BX14 3М (ORIG) (в ассортименте)</t>
  </si>
  <si>
    <t>Кабель USB LIGHTNING BOROFONE BX16 1М (ORIG) (в ассортименте)</t>
  </si>
  <si>
    <t>Кабель USB LIGHTNING BOROFONE BX26 1М (ORIG) (в ассортименте)</t>
  </si>
  <si>
    <t>Кабель USB LIGHTNING BOROFONE BX32 25см. (ORIG) (в ассортименте)</t>
  </si>
  <si>
    <t>Кабель USB LIGHTNING BOROFONE BX41 1М магнитный (в ассортименте)</t>
  </si>
  <si>
    <t>Кабель USB LIGHTNING BOROFONE BX51 1М,2.4A  (ORIG) (в ассортименте)</t>
  </si>
  <si>
    <t>Кабель USB LIGHTNING BOROFONE BX61 1М. 3A (в ассортименте)</t>
  </si>
  <si>
    <t>Кабель USB LIGHTNING BOROFONE BX84 1М, (цвет в ассортименте)</t>
  </si>
  <si>
    <t>Кабель USB LIGHTNING BOROFONE BX95 1М силикон (в ассортименте)</t>
  </si>
  <si>
    <t>Кабель USB LIGHTNING Defender 1м (плоский)</t>
  </si>
  <si>
    <t>Кабель USB LIGHTNING DREAM DC01 1,5M (цвет в ассортименте)</t>
  </si>
  <si>
    <t>Кабель USB LIGHTNING DREAM DC03 1,5M (цвет в ассортименте)</t>
  </si>
  <si>
    <t>Кабель USB LIGHTNING DREAM MS01-01 1M 2.4A белый </t>
  </si>
  <si>
    <t>Кабель USB LIGHTNING FOXCCOM 04 PE-LD</t>
  </si>
  <si>
    <t>Кабель USB LIGHTNING HOCO U113 1M (цвет в ассортименте)</t>
  </si>
  <si>
    <t>Кабель USB LIGHTNING HOCO U40A 1м (магнитный)</t>
  </si>
  <si>
    <t>Кабель USB LIGHTNING HOCO X1 1M (цвет в ассортименте)</t>
  </si>
  <si>
    <t>Кабель USB LIGHTNING HOCO X1 3M (цвет в ассортименте)</t>
  </si>
  <si>
    <t>Кабель USB LIGHTNING HOCO X102 1M (цвет в ассортименте)</t>
  </si>
  <si>
    <t>Кабель USB LIGHTNING HOCO X14 2M (цвет в ассортименте)</t>
  </si>
  <si>
    <t>Кабель USB LIGHTNING HOCO X20 1М (цвет в ассортименте)</t>
  </si>
  <si>
    <t>Кабель USB LIGHTNING HOCO X20 2М (цвет в ассортименте)</t>
  </si>
  <si>
    <t>Кабель USB LIGHTNING HOCO X24 1М (цвет в ассортименте)</t>
  </si>
  <si>
    <t>Кабель USB LIGHTNING HOCO X25 1М (цвет в ассортименте)</t>
  </si>
  <si>
    <t>Кабель USB LIGHTNING HOCO X26 1М (цвет в ассортименте)</t>
  </si>
  <si>
    <t>Кабель USB LIGHTNING HOCO X35 0,25М (цвет в ассортименте)</t>
  </si>
  <si>
    <t>Кабель USB LIGHTNING HOCO X37 1М (цвет в ассортименте)</t>
  </si>
  <si>
    <t>Кабель USB LIGHTNING HOCO X59 1M ( цвет в ассортименте)</t>
  </si>
  <si>
    <t>Кабель USB LIGHTNING HOCO X59 2M ( цвет в ассортименте)</t>
  </si>
  <si>
    <t>Кабель USB LIGHTNING HOCO X65 1M ( цвет в ассортименте)</t>
  </si>
  <si>
    <t>Кабель USB LIGHTNING HOCO X73 1M ( цвет в ассортименте)</t>
  </si>
  <si>
    <t>Кабель USB LIGHTNING HOCO X84 1M.d-6mm ( цвет в ассортименте)</t>
  </si>
  <si>
    <t>Кабель USB LIGHTNING HOCO X87 силикон 1M ( цвет в ассортименте)</t>
  </si>
  <si>
    <t>Кабель USB LIGHTNING HOCO X88 1M ( цвет в ассортименте)</t>
  </si>
  <si>
    <t>Кабель USB LIGHTNING HOCO X89 1M ( цвет в ассортименте)</t>
  </si>
  <si>
    <t>Кабель USB LIGHTNING HOCO X90 2,4A 1М силикон (цвет в ассортименте)</t>
  </si>
  <si>
    <t>Кабель USB LIGHTNING HOCO X95 1M 2,4A ( цвет в ассортименте)</t>
  </si>
  <si>
    <t>Кабель USB LIGHTNING HOCO X96 1M 2,4A ( цвет в ассортименте)</t>
  </si>
  <si>
    <t>Кабель USB LIGHTNING Smartbuy IK-512sp витой 1M ( цвет в ассортименте)</t>
  </si>
  <si>
    <t>Кабель USB LIGHTNING светящийся 1М (цвет в ассортименте)</t>
  </si>
  <si>
    <t>Кабель USB LIGHTNING тех.уп.</t>
  </si>
  <si>
    <t xml:space="preserve">           Кабели USB micro USB</t>
  </si>
  <si>
    <t>Кабель USB Micro USB (в металической оплетке)</t>
  </si>
  <si>
    <t>Кабель USB Micro USB (тех.упаковка) цвет в ассортименте</t>
  </si>
  <si>
    <t>Кабель USB Micro USB BOROFONE BU8 1,2м 2.4A (цвет в ассортименте)</t>
  </si>
  <si>
    <t>Кабель USB Micro USB BOROFONE BX14 3М (цвет в ассортименте)</t>
  </si>
  <si>
    <t>Кабель USB Micro USB BOROFONE BX18 2М (цвет в ассортименте)</t>
  </si>
  <si>
    <t>Кабель USB Micro USB BOROFONE BX18 3М (цвет в ассортименте)</t>
  </si>
  <si>
    <t>Кабель USB Micro USB BOROFONE BX30 1М 2.4А силикон (цвет в ассортименте)</t>
  </si>
  <si>
    <t>Кабель USB Micro USB BOROFONE BX31 1М 2,4A силикон (цвет в ассортименте)</t>
  </si>
  <si>
    <t>Кабель USB Micro USB BOROFONE BX32 1М (цвет в ассортименте)</t>
  </si>
  <si>
    <t>Кабель USB Micro USB BOROFONE BX32 25см. (цвет в ассортименте)</t>
  </si>
  <si>
    <t>Кабель USB Micro USB BOROFONE BX46 1М 2.4А силикон (цвет в ассортименте)</t>
  </si>
  <si>
    <t>Кабель USB Micro USB BOROFONE BX51 ( цвет в ассортименте)</t>
  </si>
  <si>
    <t>Кабель USB Micro USB BOROFONE BX52 Airy 1М 2.4А силикон (цвет в ассортименте)</t>
  </si>
  <si>
    <t>Кабель USB Micro USB BOROFONE BX55 1М 2,4А силикон (цвет в ассортименте)</t>
  </si>
  <si>
    <t>Кабель USB Micro USB BOROFONE BX80 1м ( цвет в ассортименте)</t>
  </si>
  <si>
    <t>Кабель USB Micro USB BOROFONE BX84 1М 2.4А (цвет в ассортименте)</t>
  </si>
  <si>
    <t>Кабель USB Micro USB Denmen D18V 1M (магнитный) в ассортименте</t>
  </si>
  <si>
    <t>Кабель USB Micro USB DREAM DC01 QC3.0 1М ( цвет в ассортименте) </t>
  </si>
  <si>
    <t>Кабель USB Micro USB DREAM DC03 QC3.0 1,5М ( цвет в ассортименте)</t>
  </si>
  <si>
    <t>Кабель USB Micro USB DREAM DC03 QC3.0 1М ( цвет в ассортименте)</t>
  </si>
  <si>
    <t>Кабель USB Micro USB HOCO U83 1,2М угловой ( цвет в ассортименте)</t>
  </si>
  <si>
    <t>Кабель USB Micro USB HOCO X1 1М ( цвет в ассортименте)</t>
  </si>
  <si>
    <t>Кабель USB Micro USB HOCO X1 2М ( цвет в ассортименте)</t>
  </si>
  <si>
    <t>Кабель USB Micro USB HOCO X101 1М силикон ( цвет в ассортименте)</t>
  </si>
  <si>
    <t>Кабель USB Micro USB HOCO X102 1М ( цвет в ассортименте)</t>
  </si>
  <si>
    <t>Кабель USB Micro USB HOCO X14 2м Times speed ( цвет в ассортименте)</t>
  </si>
  <si>
    <t>Кабель USB Micro USB HOCO X20 2м  ( цвет в ассортименте)</t>
  </si>
  <si>
    <t>Кабель USB Micro USB HOCO X20 3м  ( цвет в ассортименте)</t>
  </si>
  <si>
    <t>Кабель USB Micro USB HOCO X26 1М ( цвет в ассортименте)</t>
  </si>
  <si>
    <t>Кабель USB Micro USB HOCO X35 0,25М ( цвет в ассортименте)</t>
  </si>
  <si>
    <t>Кабель USB Micro USB HOCO X37 1М ( цвет в ассортименте)</t>
  </si>
  <si>
    <t>Кабель USB Micro USB HOCO X65 1М ( цвет в ассортименте)</t>
  </si>
  <si>
    <t>Кабель USB Micro USB HOCO X70 1М 2,4A ( цвет в ассортименте)</t>
  </si>
  <si>
    <t>Кабель USB Micro USB HOCO X82 1М ( цвет в ассортименте)</t>
  </si>
  <si>
    <t>Кабель USB Micro USB HOCO X86 силикон 1М 2,4A ( цвет в ассортименте)</t>
  </si>
  <si>
    <t>Кабель USB Micro USB HOCO X88 1М 2,4A ( цвет в ассортименте)</t>
  </si>
  <si>
    <t>Кабель USB Micro USB HOCO X89 1М 2,4A ( цвет в ассортименте)</t>
  </si>
  <si>
    <t>Кабель USB Micro USB HOCO X90 силикон 1М 2,4A ( цвет в ассортименте)</t>
  </si>
  <si>
    <t>Кабель USB Micro USB NTM FM1-117 1m (удлиненный разъём)</t>
  </si>
  <si>
    <t>Кабель USB Micro USB светящийся 1м.(цвет в ассортименте)</t>
  </si>
  <si>
    <t>31</t>
  </si>
  <si>
    <t xml:space="preserve">           Кабели USB Nokia</t>
  </si>
  <si>
    <t>Кабель USB Nokia 1200</t>
  </si>
  <si>
    <t>Кабель USB Nokia 6101</t>
  </si>
  <si>
    <t>Кабель USB Nokia 8800/МТС/Билайн</t>
  </si>
  <si>
    <t xml:space="preserve">           Кабели USB Samsung</t>
  </si>
  <si>
    <t>Кабель USB Samsung Note 3</t>
  </si>
  <si>
    <t>Кабель USB Samsung Note 3 /</t>
  </si>
  <si>
    <t>Кабель USB Samsung Note 3 1,5 метра </t>
  </si>
  <si>
    <t>Кабель USB Samsung Note 3/N9000 (ISA)</t>
  </si>
  <si>
    <t>Кабель USB Samsung P1000 (Galaxy Tab) 3 метра</t>
  </si>
  <si>
    <t>Кабель USB Samsung P1000 (Galaxy Tab) Vixion J5</t>
  </si>
  <si>
    <t>Кабель USB Samsung P1000 (Galaxy Tab) тех.упак. 18 см</t>
  </si>
  <si>
    <t xml:space="preserve">           Кабели USB Sony MP4</t>
  </si>
  <si>
    <t>Кабель USB Sony MP4</t>
  </si>
  <si>
    <t>108</t>
  </si>
  <si>
    <t xml:space="preserve">           Кабели USB TYPE-C</t>
  </si>
  <si>
    <t>Кабель TYPE-C - AUX  BOROFONE BL14 (в ассортименте)</t>
  </si>
  <si>
    <t>Кабель TYPE-C - TYPE-C BOROFONE BU37 1М,3A (в ассортименте)</t>
  </si>
  <si>
    <t>Кабель TYPE-C - TYPE-C BOROFONE BX51 1М,60W,3A (в ассортименте)</t>
  </si>
  <si>
    <t>Кабель TYPE-C - TYPE-C BOROFONE BX60 1М,3A (в ассортименте)</t>
  </si>
  <si>
    <t>Кабель TYPE-C - TYPE-C HOCO X59 60W ,1M (в ассортименте)</t>
  </si>
  <si>
    <t>Кабель TYPE-C - TYPE-C HOCO X90 ,3A ,1M ,силикон (в ассортименте)</t>
  </si>
  <si>
    <t>Кабель TYPE-C - TYPE-C HOCO X96 ,3A ,60W ,1M ,силикон (в ассортименте)</t>
  </si>
  <si>
    <t>Кабель USB  TYPE-C - Lightning Borofone BX51</t>
  </si>
  <si>
    <t>Кабель USB  TYPE-C - Lightning Borofone BX87</t>
  </si>
  <si>
    <t>Кабель USB  TYPE-C - Lightning Hoco X101 3.2A.27W. 1m</t>
  </si>
  <si>
    <t>Кабель USB  TYPE-C - Lightning Hoco X37.27W. 1m</t>
  </si>
  <si>
    <t>Кабель USB  TYPE-C - Lightning Hoco X89 3A.20W. 1m </t>
  </si>
  <si>
    <t>Кабель USB  TYPE-C - Lightning Hoco X90 3A.20W. 1m силикон</t>
  </si>
  <si>
    <t>Кабель USB  TYPE-C - Lightning Hoco X96 2.4A.20W. 1m</t>
  </si>
  <si>
    <t>Кабель USB  TYPE-C (тех. упаковка)</t>
  </si>
  <si>
    <t>Кабель USB  TYPE-C BOROFONE BX20 1М (в ассортименте)</t>
  </si>
  <si>
    <t>Кабель USB  TYPE-C BOROFONE BX31 1М 5А силикон (в ассортименте)</t>
  </si>
  <si>
    <t>Кабель USB  TYPE-C BOROFONE BX32 25 см. (в ассортименте)</t>
  </si>
  <si>
    <t>Кабель USB  TYPE-C BOROFONE BX41 MAGNETIC 1.0м 3.0A</t>
  </si>
  <si>
    <t>Кабель USB  TYPE-C BOROFONE BX42 1М силикон (в ассортименте)</t>
  </si>
  <si>
    <t>Кабель USB  TYPE-C BOROFONE BX51 1М,3A (в ассортименте)</t>
  </si>
  <si>
    <t>Кабель USB  TYPE-C BOROFONE BX54 1М (в ассортименте)</t>
  </si>
  <si>
    <t>Кабель USB  TYPE-C BOROFONE BX90 1М,3A (в ассортименте)</t>
  </si>
  <si>
    <t>Кабель USB  TYPE-C Denmen D18T магнитный  </t>
  </si>
  <si>
    <t>Кабель USB  TYPE-C DREAM DC01 1М  ( цвет в ассортименте)</t>
  </si>
  <si>
    <t>Кабель USB  TYPE-C DREAM DC03 1М ( цвет в ассортименте)</t>
  </si>
  <si>
    <t>Кабель USB  TYPE-C DREAM OS3 20см </t>
  </si>
  <si>
    <t>Кабель USB  TYPE-C HOCO X1 Rapid 3A 1M (цвет в ассортименте)</t>
  </si>
  <si>
    <t>Кабель USB  TYPE-C HOCO X101 1M силикон (в ассортименте)</t>
  </si>
  <si>
    <t>Кабель USB  TYPE-C HOCO X14 2M (цвет в ассортименте)</t>
  </si>
  <si>
    <t>Кабель USB  TYPE-C HOCO X20 2M (в ассортименте)</t>
  </si>
  <si>
    <t>Кабель USB  TYPE-C HOCO X20 3M (в ассортименте)</t>
  </si>
  <si>
    <t>Кабель USB  TYPE-C HOCO X37 1M (в ассортименте)</t>
  </si>
  <si>
    <t>Кабель USB  TYPE-C HOCO X38 0.25M.3A,QC3.0 (в ассортименте)</t>
  </si>
  <si>
    <t>Кабель USB  TYPE-C HOCO X59 1m ,3A (цвет в ассортименте)</t>
  </si>
  <si>
    <t>Кабель USB  TYPE-C HOCO X59 2m ,3A (цвет в ассортименте)</t>
  </si>
  <si>
    <t>Кабель USB  TYPE-C HOCO X82 1m (цвет в ассортименте)</t>
  </si>
  <si>
    <t>Кабель USB  TYPE-C HOCO X88 1m,3A (цвет в ассортименте)</t>
  </si>
  <si>
    <t>Кабель USB  TYPE-C HOCO X89 1m,3A (цвет в ассортименте)</t>
  </si>
  <si>
    <t>Кабель USB  TYPE-C HOCO X90 1m,3A (цвет в ассортименте)</t>
  </si>
  <si>
    <t>Кабель USB  TYPE-C HOCO X91 3m,3A (цвет в ассортименте)</t>
  </si>
  <si>
    <t>Кабель USB  TYPE-C HOCO X95 1m,3A (цвет в ассортименте)</t>
  </si>
  <si>
    <t>Кабель USB  TYPE-C NEYLON (в ассортименте)</t>
  </si>
  <si>
    <t>Кабель USB  TYPE-C Smartbuy IK-3112sp 1m витой (цвет в ассортименте)</t>
  </si>
  <si>
    <t>Кабель USB  TYPE-C USB Vixion J7c удлиненный</t>
  </si>
  <si>
    <t>Кабель USB  TYPE-C светящийся 1М (цвет в ассортименте)</t>
  </si>
  <si>
    <t xml:space="preserve">           Кабели USB V3 (mini USB)</t>
  </si>
  <si>
    <t>Кабель USB Mini BK06 2.1A 1M черный DREAM</t>
  </si>
  <si>
    <t>Кабель USB Mini USB 0,5 метра 5bites</t>
  </si>
  <si>
    <t>Кабель USB Mini USB 1,8 метр Perfeo / 5bites</t>
  </si>
  <si>
    <t>Кабель USB Mini USB 3.0 метра</t>
  </si>
  <si>
    <t xml:space="preserve">           Кабели USB для планшетов</t>
  </si>
  <si>
    <t>Кабель USB для зарядки (разъем 3,5мм) для планшетов 1 метр</t>
  </si>
  <si>
    <t>79</t>
  </si>
  <si>
    <t>Кабель USB для планшета 2,5 мм.</t>
  </si>
  <si>
    <t xml:space="preserve">           Кабели USB для принтера</t>
  </si>
  <si>
    <t>Кабель USB 2.0 A&gt;B для принтера 3М </t>
  </si>
  <si>
    <t>Кабель USB 2.0 A&gt;B для принтера Perfeo 4102U 1.8 метра </t>
  </si>
  <si>
    <t>Кабель USB 2.0 A&gt;B для принтера SMART BUY 3.0 метра  K-545</t>
  </si>
  <si>
    <t xml:space="preserve">           Кабели VGA/VGA</t>
  </si>
  <si>
    <t>Кабель VGA (HD15M/HD15M) фер. кольца 3м</t>
  </si>
  <si>
    <t xml:space="preserve">           Кабели для зарядки Apple Watch</t>
  </si>
  <si>
    <t>Кабель для зарядки Apple Watch 1М (mini) 031120</t>
  </si>
  <si>
    <t>Кабель для зарядки Apple Watch c магнитным креплением 1М (N)</t>
  </si>
  <si>
    <t>Кабель-зарядный BAND02 (для смарт-часов Mi Band 2) черный DREAM</t>
  </si>
  <si>
    <t>Кабель-зарядный BAND03 (для смарт-часов Mi Band 3) черный DREAM</t>
  </si>
  <si>
    <t>Кабель-зарядный BAND04 (для смарт-часов Mi Band 4) черный DREAM</t>
  </si>
  <si>
    <t>Кабель-зарядный BAND05 (для смарт-часов Mi Band 5/6/7) черный DREAM</t>
  </si>
  <si>
    <t>Кабель-зарядный Huawei Watch Fit/ES/4X/Band 6/7/8/Honor Band 6</t>
  </si>
  <si>
    <t xml:space="preserve">           Кабели для радиоприёмников/камер</t>
  </si>
  <si>
    <t>Кабель для камер (15 метров)</t>
  </si>
  <si>
    <t>Кабель для радиоприёмников PC01 1.5M DREAM</t>
  </si>
  <si>
    <t xml:space="preserve">           Кабели для фотоаппаратов</t>
  </si>
  <si>
    <t>Кабель для фотоаппаратов Olympus 12P</t>
  </si>
  <si>
    <t xml:space="preserve">           Кабели компьютерные</t>
  </si>
  <si>
    <t>Кабель  CAT PA-70 ( 1 метр) интернет PERFEO</t>
  </si>
  <si>
    <t>Кабель  CAT PA-70 ( 1.5 метра) интернет DREAM</t>
  </si>
  <si>
    <t>Кабель  CAT PA-70 ( 3 метра) интернет PERFEO/DREAM</t>
  </si>
  <si>
    <t>Кабель  CAT PA-70 ( 5 метров) интернет PERFEO/DREAM</t>
  </si>
  <si>
    <t>Кабель ST01 SATA 3.0 6Gb/S 0,45M</t>
  </si>
  <si>
    <t>Кабель ПАТЧКОРД PUT50-010A (1 метр) интернет 5bites</t>
  </si>
  <si>
    <t>КАБЕЛЬ ПАТЧКОРД ЛИТОЙ "TELECOM" UTP 5E 3.0м серый K-930</t>
  </si>
  <si>
    <t xml:space="preserve">           Кабели сетевые</t>
  </si>
  <si>
    <t>Кабель сетевой 333 1,5м</t>
  </si>
  <si>
    <t>Кабель сетевой 333 1,5м DREAM</t>
  </si>
  <si>
    <t>Кабель сетевой 757  1метр.</t>
  </si>
  <si>
    <t xml:space="preserve">           Кабели универсальные</t>
  </si>
  <si>
    <t>Кабель USB  4в 1 "универсальный" </t>
  </si>
  <si>
    <t>Кабель USB  4в1 Galaxy Note 3 "Смайл" 20 см</t>
  </si>
  <si>
    <t>Кабель USB 2в1 microUSB/iPhone 5,6</t>
  </si>
  <si>
    <t>Кабель USB 2в1 mini USB / 3.5 мм</t>
  </si>
  <si>
    <t>Кабель USB 3в1 (MicroUSB, LIGHTNING, TYPE-C) HOCO X76 1М </t>
  </si>
  <si>
    <t>Кабель USB 3в1 micro USB/iPhone 3,4/iPhone 5 1013</t>
  </si>
  <si>
    <t>Кабель USB 5V (5.5 x 2.1) V21 DREAM</t>
  </si>
  <si>
    <t>Кабель USB 5V (5.5 x 2.5) V5 DREAM</t>
  </si>
  <si>
    <t>Кабель USB универсальный</t>
  </si>
  <si>
    <t>Кабель Мультикабель 6в1</t>
  </si>
  <si>
    <t xml:space="preserve">           Коннекторы для магнитных кабелей</t>
  </si>
  <si>
    <t>Коннектор iPhone (для магнитного кабеля) DREAM N6</t>
  </si>
  <si>
    <t>Коннектор Micro USB (для магнитного кабеля) DREAM N6</t>
  </si>
  <si>
    <t>Коннектор Micro USB (для магнитного кабеля) тех. упаковка MR</t>
  </si>
  <si>
    <t>Коннектор TYPE-C (для магнитного кабеля) DREAM N6</t>
  </si>
  <si>
    <t xml:space="preserve">      Камера видеонаблюдения / Экшн камеры</t>
  </si>
  <si>
    <t xml:space="preserve">           Камера видеонаблюдения</t>
  </si>
  <si>
    <t>Комплект видеонаблюдения XPX-9008 HD на 8-камер (уличные)</t>
  </si>
  <si>
    <t>14 000</t>
  </si>
  <si>
    <t xml:space="preserve">           Ресивер</t>
  </si>
  <si>
    <t>Ресивер с 10" дисплеем на 4 камеры (HD 3G D1 960H P2P) H.264.DVR "L1008F"</t>
  </si>
  <si>
    <t>7 020</t>
  </si>
  <si>
    <t xml:space="preserve">      Карты памяти</t>
  </si>
  <si>
    <t xml:space="preserve">           Карты памяти</t>
  </si>
  <si>
    <t>Карта памяти M2 1 GB</t>
  </si>
  <si>
    <t>Карта памяти MMC 2 GB</t>
  </si>
  <si>
    <t xml:space="preserve">           Карты памяти Micro CD 128 GB</t>
  </si>
  <si>
    <t>Карта памяти Micro SDHC 128 GB KINGSTON CLASS 10 (100Mb/s) + SD АДАПТЕР</t>
  </si>
  <si>
    <t>880</t>
  </si>
  <si>
    <t>Карта памяти Micro SDXC UHS-I 128 GB SMART BUY (SB128GBSDCL10-01) CLASS 10 + SD АДАПТЕР</t>
  </si>
  <si>
    <t xml:space="preserve">           Карты памяти Micro CD 16 GB</t>
  </si>
  <si>
    <t>Карта памяти Micro SD 16 GB SMART BUY CLASS 10 + SD АДАПТЕР</t>
  </si>
  <si>
    <t xml:space="preserve">           Карты памяти Micro CD 2 GB</t>
  </si>
  <si>
    <t>Карта памяти Micro SD 2 GB  MIREX CLASS 4</t>
  </si>
  <si>
    <t>Карта памяти Micro SD 2 GB MIREX CLASS 4 С АДАПТЕРOМ</t>
  </si>
  <si>
    <t>Карта памяти Micro SD 2 GB SMART BUY CLASS 4 </t>
  </si>
  <si>
    <t>Карта памяти Micro SD 2 GB SMART BUY CLASS 4 С АДАПТЕРOМ</t>
  </si>
  <si>
    <t xml:space="preserve">           Карты памяти Micro CD 32 GB</t>
  </si>
  <si>
    <t>Карта памяти Micro SD 32 GB KINGSTON Canvas A1 (100Mb/s) CLASS 10 + SD АДАПТЕР</t>
  </si>
  <si>
    <t>Карта памяти Micro SD 32 GB MIREX CLASS 10 + SD АДАПТЕР</t>
  </si>
  <si>
    <t>Карта памяти Micro SD 32 GB SMART BUY CLASS 10 + SD АДАПТЕР</t>
  </si>
  <si>
    <t xml:space="preserve">           Карты памяти Micro CD 4 GB</t>
  </si>
  <si>
    <t>Карта памяти Micro SD 4 GB SMART BUY CLASS 10 </t>
  </si>
  <si>
    <t>Карта памяти Micro SD 4 GB SMART BUY CLASS 10 + SD АДАПТЕР</t>
  </si>
  <si>
    <t>Карта памяти Micro SD 4 GB SMART BUY CLASS 4 </t>
  </si>
  <si>
    <t>Карта памяти Micro SD 4 GB SMART BUY CLASS 4 + SD АДАПТЕР</t>
  </si>
  <si>
    <t xml:space="preserve">           Карты памяти Micro CD 64 GB</t>
  </si>
  <si>
    <t>Карта памяти Micro SD 64 GB KINGSTON 10 Class без адаптера</t>
  </si>
  <si>
    <t>Карта памяти Micro SD 64 GB KINGSTON CLASS 10 + SD АДАПТЕР</t>
  </si>
  <si>
    <t>Карта памяти Micro SD 64 GB SMART BUY CLASS 10 + SD АДАПТЕР</t>
  </si>
  <si>
    <t xml:space="preserve">           Карты памяти Micro CD 8 GB</t>
  </si>
  <si>
    <t>Карта памяти Micro SD 8 GB SMARTBUY CLASS 10 + SD АДАПТЕР  </t>
  </si>
  <si>
    <t>Карта памяти Micro SD 8 GB SMARTBUY CLASS 10 БЕЗ АДАПТЕРА</t>
  </si>
  <si>
    <t xml:space="preserve">           Карты памяти SD HC</t>
  </si>
  <si>
    <t>Карта памяти SD HC 32 GB Class 10 SMARTBUY</t>
  </si>
  <si>
    <t>Карта памяти SD HC 32 GB Class 10 UHS-I (100Mb/s) KINGSTON</t>
  </si>
  <si>
    <t>Карта памяти SD HC 64 GB </t>
  </si>
  <si>
    <t xml:space="preserve">           Переходники для карт памяти</t>
  </si>
  <si>
    <t>Переходник для карты памяти с M2 на Sony (MSAC-MMS)</t>
  </si>
  <si>
    <t>Переходник для карты памяти с MicroSD на MiniSD</t>
  </si>
  <si>
    <t xml:space="preserve">      Колонки Bluetooth и другие</t>
  </si>
  <si>
    <t>Колонка HUMMER H-6 (машинка)</t>
  </si>
  <si>
    <t>Колонка T 2012 HILP</t>
  </si>
  <si>
    <t>Колонка Катерок</t>
  </si>
  <si>
    <t xml:space="preserve">           Колонки с Bluetooth</t>
  </si>
  <si>
    <t>Колонка Bluetooth Boombox mini (micro cd/usb/FM) цвет в ассортименте</t>
  </si>
  <si>
    <t>1 110</t>
  </si>
  <si>
    <t>1 700</t>
  </si>
  <si>
    <t>Колонка Bluetooth BOROFONE BR15 (micro cd/usb/FM) цвет в ассортименте</t>
  </si>
  <si>
    <t>Колонка Bluetooth BOROFONE BR4 (micro cd/usb/FM) цвет в ассортименте</t>
  </si>
  <si>
    <t>Колонка Bluetooth BOROFONE BR6 (micro cd/usb/FM) цвет в ассортименте</t>
  </si>
  <si>
    <t>Колонка Bluetooth BOROFONE BR8 (microSD/FM) цвет в ассортименте</t>
  </si>
  <si>
    <t>Колонка Bluetooth CBR CMS 144Bt 3 Вт (POWER BANK 1800 mAh )</t>
  </si>
  <si>
    <t>570</t>
  </si>
  <si>
    <t>Колонка Bluetooth CHARGE 3 (micro cd/usb/power bank) цвет в ассорт.</t>
  </si>
  <si>
    <t>790</t>
  </si>
  <si>
    <t>Колонка Bluetooth Earldom ET-A23 цвет в ассортименте</t>
  </si>
  <si>
    <t>Колонка Bluetooth Hoco HC1 (MicroSD/USB/AUX/FM) цвет в ассортименте</t>
  </si>
  <si>
    <t>Колонка Bluetooth KIMISO KM-203 (microSD/usb/FM) цвет в ассортименте</t>
  </si>
  <si>
    <t>1 450</t>
  </si>
  <si>
    <t>Колонка Bluetooth KIMISO KMS-222 (microSD/usb/FM) цвет в ассортименте</t>
  </si>
  <si>
    <t>Колонка Bluetooth KIMISO KMS-225 (microSD/usb/FM) цвет в ассортименте</t>
  </si>
  <si>
    <t>Колонка Bluetooth MIVO M33 (micro SD/USB/AUX/FM) цвет в ассортименте</t>
  </si>
  <si>
    <t>Колонка Bluetooth PORTABLE TG116 (Micro SD/USB/AUX/FM) цвет в ассортименте</t>
  </si>
  <si>
    <t>Колонка Bluetooth PORTABLE TG117 (Micro SD/USB/AUX/FM) цвет в ассортименте</t>
  </si>
  <si>
    <t>630</t>
  </si>
  <si>
    <t>Колонка Bluetooth PORTABLE TG144 (Micro SD/USB/AUX/FM) цвет в ассортименте</t>
  </si>
  <si>
    <t>Колонка Bluetooth PORTABLE TG191 (Micro SD/USB/AUX/FM) цвет в ассортименте</t>
  </si>
  <si>
    <t>Колонка Bluetooth PORTABLE TG193 (Micro SD/USB/AUX/FM) цвет в ассортименте</t>
  </si>
  <si>
    <t>Колонка Bluetooth PORTABLE TG312 (Micro SD/USB/AUX/FM) цвет в ассортименте</t>
  </si>
  <si>
    <t>Колонка Bluetooth PORTABLE TG332 (Micro SD/USB/AUX/FM) цвет в ассортименте</t>
  </si>
  <si>
    <t>Колонка Bluetooth PORTABLE TG542DK ,караоке (Micro SD/USB/AUX/FM) цвет в ассортименте</t>
  </si>
  <si>
    <t>1 900</t>
  </si>
  <si>
    <t>Колонка Bluetooth Rojem HBPC-1602 (MicroSD/USB/FM) цвет  в ассортименте</t>
  </si>
  <si>
    <t>3 700</t>
  </si>
  <si>
    <t>Колонка Bluetooth XERTMT 2 (micro cd/usb/power bank) цвет в ассортименте</t>
  </si>
  <si>
    <t xml:space="preserve">      Мультимедиа</t>
  </si>
  <si>
    <t xml:space="preserve">           Аудио-видео коммутатор</t>
  </si>
  <si>
    <t>Аудио-видео коммутатор GACUN-2013</t>
  </si>
  <si>
    <t xml:space="preserve">           Интернет TV PC приставка</t>
  </si>
  <si>
    <t>Интернет TV Mini PC (PC-01)</t>
  </si>
  <si>
    <t>2 850</t>
  </si>
  <si>
    <t xml:space="preserve">           Планшеты</t>
  </si>
  <si>
    <t>Планшет Texet TM-7045 3G +СЗУ (трещина на стекле)</t>
  </si>
  <si>
    <t xml:space="preserve">           Пульт дистанционного управления</t>
  </si>
  <si>
    <t>Пульт дистанционного управления PS3</t>
  </si>
  <si>
    <t>Пульт дистанционного управления Универсальный "LG" HUAYU RM-158CB</t>
  </si>
  <si>
    <t>Пульт дистанционного управления Универсальный "LG" HUAYU RM-D1296</t>
  </si>
  <si>
    <t>Пульт дистанционного управления Универсальный "LG" HUAYU RM-D645</t>
  </si>
  <si>
    <t>Пульт дистанционного управления Универсальный "LG" HUAYU RM-D757</t>
  </si>
  <si>
    <t>Пульт дистанционного управления Универсальный "LG" RM-L1162 DREAM</t>
  </si>
  <si>
    <t>Пульт дистанционного управления Универсальный "LG" RM-L1616 DREAM</t>
  </si>
  <si>
    <t>Пульт дистанционного управления Универсальный "LG" RM-L999+1 DREAM</t>
  </si>
  <si>
    <t>205</t>
  </si>
  <si>
    <t>Пульт дистанционного управления Универсальный "SAMSUNG" RM-D1078+ DREAM</t>
  </si>
  <si>
    <t>Пульт дистанционного управления Универсальный "SAMSUNG" RM-L1080+ DREAM</t>
  </si>
  <si>
    <t>Пульт дистанционного управления Универсальный "SAMSUNG" RM-L1598 DREAM</t>
  </si>
  <si>
    <t>Пульт дистанционного управления Универсальный "SAMSUNG" RM-L1618 DREAM</t>
  </si>
  <si>
    <t>Пульт дистанционного управления Универсальный "SONY" HUAYU RM-618A</t>
  </si>
  <si>
    <t>Пульт дистанционного управления Универсальный "SONY" HUAYU RM-D637</t>
  </si>
  <si>
    <t>Пульт дистанционного управления Универсальный "SONY" RM-L1370 DREAM</t>
  </si>
  <si>
    <t>Пульт дистанционного управления Универсальный DREAM 16A3000 (CX509-DTV ,DEXP)</t>
  </si>
  <si>
    <t>Пульт дистанционного управления Универсальный DREAM GS8306 TV (для эфирных ресиверов и TV)</t>
  </si>
  <si>
    <t>Пульт дистанционного управления Универсальный DREAM JW-U1911 (для эфирных ресиверов и TV) </t>
  </si>
  <si>
    <t>Пульт дистанционного управления Универсальный DREAM R-TV2</t>
  </si>
  <si>
    <t>Пульт дистанционного управления Универсальный DREAM RC19 (Supra, Erisson, Harper, HIBERG, Океан, Ori</t>
  </si>
  <si>
    <t>Пульт дистанционного управления Универсальный DREAM RM-L1153+3 (Akai/Aoc/Dexp/DNS/DOffler/Elenberg/E</t>
  </si>
  <si>
    <t>Пульт дистанционного управления Универсальный DREAM RS41-DCG (Akira / Akai / AMCV / DEXP / Digma / E</t>
  </si>
  <si>
    <t>Пульт дистанционного управления Универсальный DREAM RS41-MOUSE (STV-LC32ST3001F) Supra, Akai, Akira,</t>
  </si>
  <si>
    <t>Пульт дистанционного управления Универсальный DREAM RS41C0 (SHIVAKI,AKIRA,ERISSON,FUSION,SUPRA,ВИТЯЗ</t>
  </si>
  <si>
    <t>Пульт дистанционного управления Универсальный DREAM URC-707E </t>
  </si>
  <si>
    <t>Пульт дистанционного управления Универсальный HUAYU RM-B988 TV</t>
  </si>
  <si>
    <t>Пульт дистанционного управления Универсальный LG 38-0018 REXANT TV</t>
  </si>
  <si>
    <t>Пульт универсальный DREAM A102 lightning для телевизоров, кондиционеров, проекторов</t>
  </si>
  <si>
    <t>Пульт универсальный DREAM A102 Micro USB для телевизоров, кондиционеров, проекторов</t>
  </si>
  <si>
    <t>Пульт универсальный DREAM Apollo FIX  для шлагбаумов</t>
  </si>
  <si>
    <t xml:space="preserve">           Радиоприёмники</t>
  </si>
  <si>
    <t>Радиоприемник A-6087T Bluetooth/ USB/TF/FM87-108 + фонарь</t>
  </si>
  <si>
    <t>1 344</t>
  </si>
  <si>
    <t>1 980</t>
  </si>
  <si>
    <t>Радиоприёмник CMiK MK-140 (аккумулятор, FM,MicroSD,USB, MP3)</t>
  </si>
  <si>
    <t>Радиоприёмник CMiK MK-147 (аккумулятор,фонарик,Bluetooth, FM,MicroSD,USB,)</t>
  </si>
  <si>
    <t>1 153</t>
  </si>
  <si>
    <t>1 560</t>
  </si>
  <si>
    <t>Радиоприёмник GOLON RX606AC/RX-607AC/HAIRUN</t>
  </si>
  <si>
    <t>Радиоприёмник KIPO 408/409</t>
  </si>
  <si>
    <t>Радиоприёмник KK-9/10</t>
  </si>
  <si>
    <t>Радиоприёмник Luxebass LB-A308AC</t>
  </si>
  <si>
    <t>Радиоприёмник Luxebass LB-A408AC/A409AC</t>
  </si>
  <si>
    <t xml:space="preserve">           Триггеры</t>
  </si>
  <si>
    <t>Триггер Earldom F07</t>
  </si>
  <si>
    <t>Триггер R13</t>
  </si>
  <si>
    <t xml:space="preserve">           Цифровая-телевизионная приставка</t>
  </si>
  <si>
    <t>Цифровая-телевизионная приставка YASIN / OTAU/ HUAVEE/ SKYBOX / WORLD </t>
  </si>
  <si>
    <t xml:space="preserve">           Электронные игрушки</t>
  </si>
  <si>
    <t>Электронная игрушка "Тетрис"  KS-991/ 993</t>
  </si>
  <si>
    <t>Электронная игрушка "Тетрис"  Zl-2030B</t>
  </si>
  <si>
    <t>Электронная игрушка Джойстик Model 8718</t>
  </si>
  <si>
    <t xml:space="preserve">      Наушники МР3</t>
  </si>
  <si>
    <t xml:space="preserve">           Наушники МР3 " Bass / Hoco / Awei / Kin"</t>
  </si>
  <si>
    <t>Наушники МР3 Kin K-105 (Белый)</t>
  </si>
  <si>
    <t>Наушники МР3 Kin K-105 (Чёрный)</t>
  </si>
  <si>
    <t>Наушники МР3 Kin K-107 (Белый) с кнопкой ответа.</t>
  </si>
  <si>
    <t>Наушники МР3 Kin K-108 (Черный) с кнопкой ответа</t>
  </si>
  <si>
    <t>Наушники МР3 Kin K-111 Белые</t>
  </si>
  <si>
    <t>Наушники МР3 Kin K-111 Черные</t>
  </si>
  <si>
    <t>Наушники МР3 Kin K18 Белые</t>
  </si>
  <si>
    <t>Наушники МР3 Kin K28 чёрный</t>
  </si>
  <si>
    <t>Наушники МР3 Kin K816 чёрный</t>
  </si>
  <si>
    <t xml:space="preserve">           Наушники МР3 " Bs / LuxeBass / SMS/ HI-RES "</t>
  </si>
  <si>
    <t>Наушники МР3 Bs (пакет) синие</t>
  </si>
  <si>
    <t>Наушники МР3 STN-16 / STN-13 Bluetooth полноразмерные</t>
  </si>
  <si>
    <t xml:space="preserve">           Наушники МР3 " DEAM "</t>
  </si>
  <si>
    <t>Наушники МР3 DREAM A06N черный</t>
  </si>
  <si>
    <t>Наушники МР3 DREAM H10 белый</t>
  </si>
  <si>
    <t>Наушники МР3 DREAM H10 черный</t>
  </si>
  <si>
    <t>Наушники МР3 DREAM S1 красный</t>
  </si>
  <si>
    <t>Наушники МР3 DREAM S1 серый</t>
  </si>
  <si>
    <t>Наушники МР3 DREAM S1 фиолетовый</t>
  </si>
  <si>
    <t>Наушники МР3 DREAM Y2 белый </t>
  </si>
  <si>
    <t>Наушники МР3 DREAM Y2 черный </t>
  </si>
  <si>
    <t xml:space="preserve">           Наушники МР3 " NGY "</t>
  </si>
  <si>
    <t>Наушники МР3 беспроводные NGY YS-CM9909</t>
  </si>
  <si>
    <t xml:space="preserve">           Наушники МР3 " Ritmix / Defender "</t>
  </si>
  <si>
    <t>Наушники МР3 Ritmix RH-501</t>
  </si>
  <si>
    <t>Наушники МР3 Ritmix RH-524TV ,5м,полноразмерные</t>
  </si>
  <si>
    <t>690</t>
  </si>
  <si>
    <t>Наушники МР3 Ritmix RH-525 полноразмерные</t>
  </si>
  <si>
    <t>605</t>
  </si>
  <si>
    <t xml:space="preserve">           Наушники МР3 " SONGQU "</t>
  </si>
  <si>
    <t>Наушники МР3 SONGQU SQ-47V</t>
  </si>
  <si>
    <t>Наушники МР3 SONGQU SQ-52MP</t>
  </si>
  <si>
    <t>Наушники МР3 SONGQU SQ-53MP</t>
  </si>
  <si>
    <t>Наушники МР3 SONGQU SQ-54MP</t>
  </si>
  <si>
    <t>Наушники МР3 SONGQU SQ-55MP</t>
  </si>
  <si>
    <t>Наушники МР3 SONGQU SQ-57MP</t>
  </si>
  <si>
    <t>Наушники МР3 SONGQU SQ-666i/667i с ответом (в ассортименте)</t>
  </si>
  <si>
    <t>Наушники МР3 SONGQU SQ-910Hi</t>
  </si>
  <si>
    <t>Наушники МР3 SL-100Y GAL полноразмерные</t>
  </si>
  <si>
    <t xml:space="preserve">           Силиконовые насадки</t>
  </si>
  <si>
    <t>Силиконовые насадки для наушников (3 пары S, M, L)  черный (MR)</t>
  </si>
  <si>
    <t>Силиконовые насадки для наушников DRM-ALC07 (Набор 6 шт: S, M, L) серо-красный DREAM</t>
  </si>
  <si>
    <t xml:space="preserve">      Новогоднее</t>
  </si>
  <si>
    <t>Борода деда мороза</t>
  </si>
  <si>
    <t>Брелок "Обезьянка"</t>
  </si>
  <si>
    <t xml:space="preserve">           Гирлянды</t>
  </si>
  <si>
    <t>Гирлянда "Ананас" 20 светодиодов Жёлтая ( 4,0 метров/вилка 60 см.)</t>
  </si>
  <si>
    <t>Гирлянда "Водопад"  2М х 2М 10 полос 240 светодиод ( цветная)</t>
  </si>
  <si>
    <t>Гирлянда "Водопад"  2М х 2М 8 полос 160 светодиода ( синий)</t>
  </si>
  <si>
    <t>Гирлянда "Звезда металл" 20 светодиодов жёлтая (4.0 метра/вилка 60 см.)</t>
  </si>
  <si>
    <t>Гирлянда "Шары" 20 светодиодов желтая (3,8 метра/вилка 60 см.).</t>
  </si>
  <si>
    <t>Гирлянда "Шары" 20 светодиодов цветная (3,8 метра/вилка 60 см.).</t>
  </si>
  <si>
    <t>Гирлянда "Шары" 20 светодиодов,розовые (3,8 метра/вилка 60 см.).</t>
  </si>
  <si>
    <t>Гирлянда "Шишки ель" 20 светодиодов цветная ( 3,0 метров/вилка 60 см.)</t>
  </si>
  <si>
    <t>Гирлянда 100 светодиодов синяя ( 12,5 метров/вилка 60 см.)</t>
  </si>
  <si>
    <t>Гирлянда 50 светодиодов белая ( 5 метров/вилка 60 см)</t>
  </si>
  <si>
    <t>Гирлянда 50 светодиодов жёлтая ( 5 метров/вилка 60 см)</t>
  </si>
  <si>
    <t>Гирлянда 60 светодиодов cиняя (6 метров/вилка 60 см)</t>
  </si>
  <si>
    <t>Гирлянда 60 светодиодов cиняя (чёрный провод 6 метров/вилка 60 см)</t>
  </si>
  <si>
    <t>Гирлянда 60 светодиодов белая ( 6 метров/вилка 60 см)</t>
  </si>
  <si>
    <t>Гирлянда 90 светодиодов жёлтая (9 метров/вилка 60 см)</t>
  </si>
  <si>
    <t>Гирлянда Бахрома Звёзды,жёлтый</t>
  </si>
  <si>
    <t>Гирлянда Бахрома Звёзды,синий</t>
  </si>
  <si>
    <t>ГИРЛЯНДА БАХРОМА УЛИЧНАЯ ЦВЕТНАЯ ВОДОНЕПРОНИЦ. 20м*60см</t>
  </si>
  <si>
    <t>ГИРЛЯНДА СВЕТОДИОДНАЯ 10метров БЕЛАЯ НА БАТАРЕЙКАХ</t>
  </si>
  <si>
    <t>ГИРЛЯНДА СВЕТОДИОДНАЯ 10метров СИНЯЯ НА БАТАРЕЙКАХ</t>
  </si>
  <si>
    <t>ГИРЛЯНДА-ТАЮЩИЕ СОСУЛЬКИ СВЕТОДИОД. 8шт 30см БЕЛАЯ</t>
  </si>
  <si>
    <t>ГИРЛЯНДА-ТАЮЩИЕ СОСУЛЬКИ СВЕТОДИОД. 8шт 30см ЦВЕТН.</t>
  </si>
  <si>
    <t>САМОКЛЕЮЩИЕСЯ КЛИПСЫ ДЛЯ ГИРЛЯНД 9шт на блистере</t>
  </si>
  <si>
    <t>Обруч на голову ( дед мороз)</t>
  </si>
  <si>
    <t>Снеговик/Дед мороз мигающий</t>
  </si>
  <si>
    <t>Сосульки светящиеся (большие)</t>
  </si>
  <si>
    <t>1 234</t>
  </si>
  <si>
    <t>1 650</t>
  </si>
  <si>
    <t>Шапка новогодняя</t>
  </si>
  <si>
    <t>Шар "Звёздное небо" питание от 4 х АА (не включены) USB кабель (в комплекте)</t>
  </si>
  <si>
    <t>673</t>
  </si>
  <si>
    <t xml:space="preserve">      Переходники</t>
  </si>
  <si>
    <t>Переходник DVI/ HDMI</t>
  </si>
  <si>
    <t>Переходник DVI/ SVGA Smartbuy</t>
  </si>
  <si>
    <t>Переходник DVI/ VGA</t>
  </si>
  <si>
    <t>Переходник HDMI / MICRO HDMI PERFEO</t>
  </si>
  <si>
    <t>143</t>
  </si>
  <si>
    <t>Переходник HDMI /A (F/DVI-D(M)  Perfeo</t>
  </si>
  <si>
    <t>Переходник HDMI /DVI-D M/F Smartbay</t>
  </si>
  <si>
    <t>Переходник HDMI/VGA /AUX DREAM AD2</t>
  </si>
  <si>
    <t>Переходник HDMI/VGA DREAM AD1</t>
  </si>
  <si>
    <t>Переходник Jack 3.5 мм на 1 х 3.5мм (вход) + 1 х 3.5 мм (выход) Monster</t>
  </si>
  <si>
    <t>132</t>
  </si>
  <si>
    <t>Переходник Jack 3.5 мм на 2 х 3.5 мм (2 входа-1 выход)</t>
  </si>
  <si>
    <t>Переходник Jack 3.5 мм на 2 х 3.5 мм (2 входа-1 выход) 0,37м JD459</t>
  </si>
  <si>
    <t>Переходник Jack 3.5 мм на 2 х 3.5 мм (2 входа-1 выход) Bites</t>
  </si>
  <si>
    <t>Переходник Jack 3.5 мм на 2 х 3.5 мм (2 выхода-1 вход)</t>
  </si>
  <si>
    <t>73</t>
  </si>
  <si>
    <t>Переходник Jack 3.5 мм на USB (вход)</t>
  </si>
  <si>
    <t>Переходник Jack 3.5 мм на USB (вход) DREAM B3</t>
  </si>
  <si>
    <t>Переходник Jack 3.5 мм на USB (выход) </t>
  </si>
  <si>
    <t>44</t>
  </si>
  <si>
    <t>Переходник Lightning - (с iphone 3,4GS на iphone 5 )</t>
  </si>
  <si>
    <t>97</t>
  </si>
  <si>
    <t>Переходник Lightning - 2в1 (с iphone 3,4GS/micro USB на iphone 5 )</t>
  </si>
  <si>
    <t>Переходник Lightning - AUX 3.5 ( 2в1 зарядка + гарнитура 3.5 мм) Bluetooth JH-35LY</t>
  </si>
  <si>
    <t>Переходник Lightning - AUX 3.5 ( 2в1 зарядка + гарнитура AUX 3.5 мм) Bluetooth</t>
  </si>
  <si>
    <t>Переходник Lightning - AUX 3.5 (вход)</t>
  </si>
  <si>
    <t>Переходник Lightning - AUX 3.5 (вход) Bluetooth</t>
  </si>
  <si>
    <t>Переходник Lightning - DREAM AC-1 (зарядка/гарнитура одновременно)</t>
  </si>
  <si>
    <t>Переходник Lightning - DREAM AC-1 (зарядка/гарнитура одновременно) тех. упаковка</t>
  </si>
  <si>
    <t>Переходник Lightning - Hoco LS24 (зарядка/гарнитура одновременно)</t>
  </si>
  <si>
    <t>249</t>
  </si>
  <si>
    <t>Переходник Lightning - Micro USB (тех. упаковка)</t>
  </si>
  <si>
    <t>Переходник Lightning - Micro USB Remax </t>
  </si>
  <si>
    <t>Переходник Lightning - Micro USB Remax RA-USB2</t>
  </si>
  <si>
    <t>Переходник SCART - 3 x RCA E2</t>
  </si>
  <si>
    <t>Переходник Type-C - AUX 3.5 + выход Type-C DREAM B4 </t>
  </si>
  <si>
    <t>Переходник Type-C - AUX 3.5 FaizFull FP37 (вход)</t>
  </si>
  <si>
    <t>Переходник Type-C - Micro USB DREAM</t>
  </si>
  <si>
    <t>Переходник Type-C - USB 2.0 FaizFull FP13.OTG</t>
  </si>
  <si>
    <t>Переходник Type-C - USB 3.0 FaizFull FP21.OTG</t>
  </si>
  <si>
    <t>Переходник Type-C - USB OTG</t>
  </si>
  <si>
    <t>Переходник Type-C - USB-A DREAM Z2 OTG </t>
  </si>
  <si>
    <t>Переходник Type-C - USB-A KY-167 OTG </t>
  </si>
  <si>
    <t>Переходник Type-C - USB-A OTG (тех. упаковка)</t>
  </si>
  <si>
    <t>Переходник Type-C - USB-A Sk-08 2в1</t>
  </si>
  <si>
    <t>Переходник USB + Jack 3.5 на AUX (мама) 25 см</t>
  </si>
  <si>
    <t>Переходник USB на Jack 3.5</t>
  </si>
  <si>
    <t>Переходник USB на Micro USB 2.0 REMAX OTG</t>
  </si>
  <si>
    <t>Переходник USB на Type-C О-6</t>
  </si>
  <si>
    <t>Переходник USB/USB (вход-выход)</t>
  </si>
  <si>
    <t>Переходник гарнитура LG KG 800</t>
  </si>
  <si>
    <t>Переходник гарнитура Nokia 6233</t>
  </si>
  <si>
    <t>Переходник гарнитура Nokia 6300</t>
  </si>
  <si>
    <t>Переходник гарнитура Samsung D 800</t>
  </si>
  <si>
    <t>Переходник гарнитура Sony Ericsson K 750i</t>
  </si>
  <si>
    <t>Переходник з.у. mini USB/V3</t>
  </si>
  <si>
    <t>Переходник з.у. Nokia 6101</t>
  </si>
  <si>
    <t>Переходник з.у. Nokia N 95</t>
  </si>
  <si>
    <t>Переходник з.у. Samsung D 800 </t>
  </si>
  <si>
    <t>Переходник з.у. SE K750</t>
  </si>
  <si>
    <t>Переходник з.у. Билайн/МТС</t>
  </si>
  <si>
    <t>Переходник на евровилку 007</t>
  </si>
  <si>
    <t>Переходник на евровилку DREAM C3</t>
  </si>
  <si>
    <t>Переходник на евровилку IR39</t>
  </si>
  <si>
    <t>Разветвитель HDMI 3 *1 SWITCHER</t>
  </si>
  <si>
    <t>373</t>
  </si>
  <si>
    <t xml:space="preserve">      Прочее</t>
  </si>
  <si>
    <t xml:space="preserve">           Бинокль</t>
  </si>
  <si>
    <t>Бинокль ALPEN Compact ( 22 X 36 )</t>
  </si>
  <si>
    <t xml:space="preserve">           Игрушки</t>
  </si>
  <si>
    <t>Игрушка  "Собачка"(лающая)</t>
  </si>
  <si>
    <t>Игрушка "ОЛЕНЬ" со входом USB+SD</t>
  </si>
  <si>
    <t>748</t>
  </si>
  <si>
    <t>Игрушка Петух (ку-ка-ре-кующий)</t>
  </si>
  <si>
    <t>Игрушка Петух поющий (копилка)</t>
  </si>
  <si>
    <t>288</t>
  </si>
  <si>
    <t xml:space="preserve">           Лупа в ассортименте</t>
  </si>
  <si>
    <t>Лупа Magnifier 70мм (золото)</t>
  </si>
  <si>
    <t>Лупа №.99150 50 мм.</t>
  </si>
  <si>
    <t>Лупа №.99165 65мм.</t>
  </si>
  <si>
    <t>Лупа с подсветкой ( серая)</t>
  </si>
  <si>
    <t>Лупа с подсветкой ( чёрная)</t>
  </si>
  <si>
    <t>Лупа с подсветкой 10X ZB-7790-12</t>
  </si>
  <si>
    <t>Лупа с подсветкой NGY 3 в1</t>
  </si>
  <si>
    <t>718</t>
  </si>
  <si>
    <t>Лупа с подсветкой NO-9986-C</t>
  </si>
  <si>
    <t>Лупа с подсветкой TH-7018-FX</t>
  </si>
  <si>
    <t>Лупа с подсветкой складная (6901)</t>
  </si>
  <si>
    <t xml:space="preserve">           Мультиметры</t>
  </si>
  <si>
    <t>Клемметр DT-266/DT-266F/DT-266C</t>
  </si>
  <si>
    <t>Мультиметр цифровой DT-182 Mini</t>
  </si>
  <si>
    <t>Мультиметр цифровой DT-700 D</t>
  </si>
  <si>
    <t>Мультиметр цифровой DT-830В</t>
  </si>
  <si>
    <t>Мультиметр цифровой DT-832</t>
  </si>
  <si>
    <t>Мультиметр цифровой DT-890В+ / M-890D</t>
  </si>
  <si>
    <t>815</t>
  </si>
  <si>
    <t>Мультитестер аналоговый YX-1000A</t>
  </si>
  <si>
    <t>Щупы для Мультиметров DT TL 01</t>
  </si>
  <si>
    <t xml:space="preserve">           Органайзер-карта для хранения SIM-карт, SD-карт</t>
  </si>
  <si>
    <t>Органайзер-карта для хранения SIM-карт, SD-карт LBT</t>
  </si>
  <si>
    <t xml:space="preserve">           Очки</t>
  </si>
  <si>
    <t xml:space="preserve">                BOSH/СЕМЬЯ</t>
  </si>
  <si>
    <t>Очки BOSH/СЕМЬЯ №107 -1</t>
  </si>
  <si>
    <t>Очки BOSH/СЕМЬЯ №107 -1,5</t>
  </si>
  <si>
    <t>Очки BOSH/СЕМЬЯ №107 -2</t>
  </si>
  <si>
    <t>Очки BOSH/СЕМЬЯ №107 -2,5</t>
  </si>
  <si>
    <t>Очки BOSH/СЕМЬЯ №107 -3</t>
  </si>
  <si>
    <t>Очки BOSH/СЕМЬЯ №107 -4</t>
  </si>
  <si>
    <t>Очки BOSH/СЕМЬЯ №107 +1</t>
  </si>
  <si>
    <t>Очки BOSH/СЕМЬЯ №107 +1,5</t>
  </si>
  <si>
    <t>Очки BOSH/СЕМЬЯ №107 +2</t>
  </si>
  <si>
    <t>Очки BOSH/СЕМЬЯ №107 +2,5</t>
  </si>
  <si>
    <t>Очки BOSH/СЕМЬЯ №107 +3</t>
  </si>
  <si>
    <t>Очки BOSH/СЕМЬЯ №107 +3,5</t>
  </si>
  <si>
    <t>Очки BOSH/СЕМЬЯ №107 +4</t>
  </si>
  <si>
    <t>Очки BOSH/СЕМЬЯ №107 +4,5</t>
  </si>
  <si>
    <t>Очки BOSH/СЕМЬЯ №107 +5,5</t>
  </si>
  <si>
    <t>Очки BOSH/СЕМЬЯ №107 +6</t>
  </si>
  <si>
    <t xml:space="preserve">                BOSHI/ВОСТОК</t>
  </si>
  <si>
    <t>Очки BOSHI/ВОСТОК №86006 +2</t>
  </si>
  <si>
    <t>Очки BOSHI/ВОСТОК №86006 +2,5</t>
  </si>
  <si>
    <t>Очки BOSHI/ВОСТОК №86006 +3</t>
  </si>
  <si>
    <t>Очки BOSHI/ВОСТОК №86006 +3,5</t>
  </si>
  <si>
    <t>Очки BOSHI/ВОСТОК №86006 +4</t>
  </si>
  <si>
    <t>Очки BOSHI/ВОСТОК №86006 +5</t>
  </si>
  <si>
    <t xml:space="preserve">                Keluona №7209</t>
  </si>
  <si>
    <t>Очки Keluona №7209 +1,5</t>
  </si>
  <si>
    <t>Очки Keluona №7209 +3</t>
  </si>
  <si>
    <t xml:space="preserve">                RALPH №0580</t>
  </si>
  <si>
    <t>Очки RALPH №0580 +1,75</t>
  </si>
  <si>
    <t>Очки RALPH №0580 +2,5</t>
  </si>
  <si>
    <t>Очки RALPH №0580 +3,5</t>
  </si>
  <si>
    <t>Очки RALPH №0580 +4</t>
  </si>
  <si>
    <t xml:space="preserve">                SALIVIO</t>
  </si>
  <si>
    <t>Очки RALPH №0765 -1 тонированные</t>
  </si>
  <si>
    <t>1 050</t>
  </si>
  <si>
    <t>Очки RALPH №0765 -2 тонированные</t>
  </si>
  <si>
    <t>Очки RALPH №0765 -3 тонированные</t>
  </si>
  <si>
    <t>Очки RALPH №0765 -4</t>
  </si>
  <si>
    <t>Очки RALPH №0765 +1</t>
  </si>
  <si>
    <t>Очки RALPH №0765 +2 тонированные</t>
  </si>
  <si>
    <t>Очки RALPH №0765 +3 тонированные</t>
  </si>
  <si>
    <t>Очки SALIVIO №0014 +1 тонированные</t>
  </si>
  <si>
    <t>Очки SALIVIO №0014 +1,5 тонированные</t>
  </si>
  <si>
    <t>Очки SALIVIO №0014 +2 тонированные</t>
  </si>
  <si>
    <t>Очки SALIVIO №0014 +2,5 тонированные</t>
  </si>
  <si>
    <t>Очки SALIVIO №0014 +3 тонированные</t>
  </si>
  <si>
    <t>Очки SALIVIO №0016 +1 тонированные</t>
  </si>
  <si>
    <t>Очки SALIVIO №0016 +2 тонированные</t>
  </si>
  <si>
    <t>Очки SALIVIO №0016 +2,5 тонированные</t>
  </si>
  <si>
    <t xml:space="preserve">                Компьютерные</t>
  </si>
  <si>
    <t>Очки компьютерные 200к-EAE</t>
  </si>
  <si>
    <t>Очки компьютерные 250к-МАТСУДА</t>
  </si>
  <si>
    <t>Складные увеличительные очки-лупы T-8100 (Черный)</t>
  </si>
  <si>
    <t>Увеличительные очки-лупы Big Vision T-088/T-099</t>
  </si>
  <si>
    <t xml:space="preserve">                Футляр для очков</t>
  </si>
  <si>
    <t>Футляр для очков в ассортименте</t>
  </si>
  <si>
    <t>Футляр для очков в ассортименте жёсткий в ассортименте</t>
  </si>
  <si>
    <t xml:space="preserve">                ЭАЭ9009</t>
  </si>
  <si>
    <t>Очки стекло ЭАЭ№9009 +1</t>
  </si>
  <si>
    <t>Очки стекло ЭАЭ№9009 +1,5</t>
  </si>
  <si>
    <t>Очки стекло ЭАЭ№9009 +2</t>
  </si>
  <si>
    <t>Очки стекло ЭАЭ№9009 +2.5</t>
  </si>
  <si>
    <t>Очки стекло ЭАЭ№9009 +3</t>
  </si>
  <si>
    <t xml:space="preserve">                ЭАЭ9033</t>
  </si>
  <si>
    <t>Очки стекло ЭАЭ№9033 +1</t>
  </si>
  <si>
    <t>Очки стекло ЭАЭ№9033 +1,5</t>
  </si>
  <si>
    <t>Очки стекло ЭАЭ№9033 +2</t>
  </si>
  <si>
    <t>Очки стекло ЭАЭ№9033 +2,25</t>
  </si>
  <si>
    <t>Очки стекло ЭАЭ№9033/9028+3</t>
  </si>
  <si>
    <t xml:space="preserve">           Пепельница</t>
  </si>
  <si>
    <t>Пепельница малая BOKAI</t>
  </si>
  <si>
    <t xml:space="preserve">           Термос</t>
  </si>
  <si>
    <t>Термостакан SAGGA (250 мл.)</t>
  </si>
  <si>
    <t xml:space="preserve">           Шагомер</t>
  </si>
  <si>
    <t>Шагомер</t>
  </si>
  <si>
    <t xml:space="preserve">      Светодиодная лента / Прожектор</t>
  </si>
  <si>
    <t>Светодиодная лента 5050 RGB 20 Leds цветная уличная блок питания </t>
  </si>
  <si>
    <t>1 127</t>
  </si>
  <si>
    <t>Светодиодная лента 5050 W ip65/60 Leds на 1м. "белая", блок питания (5 метров/300 св.)</t>
  </si>
  <si>
    <t>828</t>
  </si>
  <si>
    <t>Светодиодная лента IP65 4.8W/WW теплый белый 5М SMARTBUY</t>
  </si>
  <si>
    <t>342</t>
  </si>
  <si>
    <t>Светодиодная лента JLH 3528 "красная", блок питания  (5 метров/300 св.)</t>
  </si>
  <si>
    <t>Светодиодная лента YD-1726-2 "цветная" с пультом </t>
  </si>
  <si>
    <t>Светодиодная лента YD-1726-3 "цветная" с пультом</t>
  </si>
  <si>
    <t>Светодиодный прожектор 30W SBL-FLSMD-30-65K черный SMARTBUY</t>
  </si>
  <si>
    <t>518</t>
  </si>
  <si>
    <t>Светодиодный прожектор 50W-SBL-FLSMD-50-65K SMARTBUY</t>
  </si>
  <si>
    <t>Светодиодный прожектор FL 10W/6500/IP65 SMARTBUY </t>
  </si>
  <si>
    <t xml:space="preserve">      СЗУ</t>
  </si>
  <si>
    <t xml:space="preserve">           USB сетевое з.у.</t>
  </si>
  <si>
    <t>USB разветвитель DREAM DRM-UH3-01 3 порта "B88" 2.0 (только зарядка)</t>
  </si>
  <si>
    <t>USB сетевое 1000 mAh ( тонкое)</t>
  </si>
  <si>
    <t>USB сетевое 1000 mAh ( тонкое) MR</t>
  </si>
  <si>
    <t>USB сетевое 4 USB порта (2,0)</t>
  </si>
  <si>
    <t>USB сетевое APPLE 20W Type-C ORIGINAL</t>
  </si>
  <si>
    <t>USB сетевое BOROFONE BA19A 1A (ORIG)</t>
  </si>
  <si>
    <t>USB сетевое BOROFONE BA20A 2.1A (ORIG)</t>
  </si>
  <si>
    <t>USB сетевое BOROFONE BA48A 2.1A (ORIG)</t>
  </si>
  <si>
    <t>USB сетевое BOROFONE BA53A 2.1A.2USB (ORIG)</t>
  </si>
  <si>
    <t>USB сетевое BOROFONE BA72A 3.0A 18W QC3.0/20, FCP, поддержка AFC(ORIG)</t>
  </si>
  <si>
    <t>USB сетевое BOROFONE BA74A 2.1A (ORIG)</t>
  </si>
  <si>
    <t>USB сетевое DREAM A5 2A (в ассортименте) тех, упаковка</t>
  </si>
  <si>
    <t>USB сетевое DREAM A61 2.4A,2USB (дисплей) </t>
  </si>
  <si>
    <t>USB сетевое DREAM PA1 1A (в ассортименте)</t>
  </si>
  <si>
    <t>USB сетевое DREAM PA4 2A,1USB ТЕХПАК</t>
  </si>
  <si>
    <t>USB сетевое DREAM PA5 2A,2USB (тех. упаковка)</t>
  </si>
  <si>
    <t>USB сетевое DREAM PD01 3A 20W</t>
  </si>
  <si>
    <t>USB сетевое DREAM PD09 3.1A-18W Power Delivery</t>
  </si>
  <si>
    <t>USB сетевое DREAM PD8 PD+USB QC3.0 3A/18W</t>
  </si>
  <si>
    <t>365</t>
  </si>
  <si>
    <t>USB сетевое DREAM S10 2.4A,1USB QC3.0 (в ассортименте)</t>
  </si>
  <si>
    <t>USB сетевое DREAM X58 2.4A,1USB (дисплей) </t>
  </si>
  <si>
    <t>USB сетевое HOCO C106A 2.1A, 10.5W,1USB (в ассортименте)</t>
  </si>
  <si>
    <t>USB сетевое Hoco C109A 18W QC3.0 (ORIG)</t>
  </si>
  <si>
    <t>USB сетевое Hoco CS32A PD+USB 20W QC3.0 (ORIG)</t>
  </si>
  <si>
    <t>USB сетевое Mivo MP-650Q 65W</t>
  </si>
  <si>
    <t>USB сетевое NOKOKO-10 2100 mAh 2 USB </t>
  </si>
  <si>
    <t>USB сетевое Samsung 2A,2USB ORIGINAL</t>
  </si>
  <si>
    <t>USB сетевое STARMOBILE 1.2 A </t>
  </si>
  <si>
    <t>USB сетевое з.у. 1000 mAh ORIGINAL( тонкое, коробка)</t>
  </si>
  <si>
    <t xml:space="preserve">           Зарядное устр-во для аккумуляторов (элементы питания)</t>
  </si>
  <si>
    <t>Зарядное устр-во для аккумуляторов 18650 FA-002 (с акб 6800 mAh)</t>
  </si>
  <si>
    <t>Зарядное устр-во для аккумуляторов GY3088-1 на 1 шт.</t>
  </si>
  <si>
    <t>Зарядное устр-во для аккумуляторов Smartbuy SBHC-503 (2XAA/AAA.)</t>
  </si>
  <si>
    <t>Зарядное устр-во для аккумуляторов Smartbuy SBHC-505 (2XAA/AAA.)</t>
  </si>
  <si>
    <t>Зарядное устр-во для аккумуляторов Космос 501  (12-15час 2XAA/AAA.КРОНА.120mA)</t>
  </si>
  <si>
    <t>Зарядное устр-во для аккумуляторов Космос КОС519 (2XAA/AAA.150mAh) ИНДИКАЦИЯ ЗАРЯДА</t>
  </si>
  <si>
    <t>Зарядное устр-во для аккумуляторов Огонь MS-5D81X 1 АКБ USB</t>
  </si>
  <si>
    <t xml:space="preserve">           СЗУ Apple</t>
  </si>
  <si>
    <t>СЗУ iPad 2/3/4 2,1 А PROVOLTZ </t>
  </si>
  <si>
    <t>СЗУ iPhone 4 1А   INKAX CD 8 </t>
  </si>
  <si>
    <t>СЗУ LIGHTNING 1А</t>
  </si>
  <si>
    <t>СЗУ LIGHTNING BL-LC-102 3.1A  (2USB)</t>
  </si>
  <si>
    <t>СЗУ LIGHTNING BOROFONE BA20A 2.1A</t>
  </si>
  <si>
    <t>СЗУ LIGHTNING BOROFONE BA38A Plus 20W. PD + QC3.0. 3A + кабель Type-C,LIGHTNING</t>
  </si>
  <si>
    <t>СЗУ LIGHTNING BOROFONE BA48A 2.1A</t>
  </si>
  <si>
    <t>СЗУ LIGHTNING DREAM SM05 2.4A  (1USB) </t>
  </si>
  <si>
    <t>СЗУ LIGHTNING DREAM SM05 2.4A (1USB) тех.упак.</t>
  </si>
  <si>
    <t xml:space="preserve">           СЗУ HTC</t>
  </si>
  <si>
    <t>СЗУ HTC  3 в 1</t>
  </si>
  <si>
    <t xml:space="preserve">           СЗУ LG</t>
  </si>
  <si>
    <t>СЗУ LG 1200</t>
  </si>
  <si>
    <t>СЗУ LG 3000</t>
  </si>
  <si>
    <t>СЗУ LG KG800 (180)</t>
  </si>
  <si>
    <t>СЗУ LG KG800 VOLTZ</t>
  </si>
  <si>
    <t xml:space="preserve">           СЗУ Micro USB</t>
  </si>
  <si>
    <t>СЗУ Micro USB 4MOBILE 1A  </t>
  </si>
  <si>
    <t>СЗУ Micro USB AMT Style</t>
  </si>
  <si>
    <t>СЗУ Micro USB Borofone BA20A 2.1A + кабель micro</t>
  </si>
  <si>
    <t>СЗУ Micro USB Borofone BA21A 3.0A 18W поддержка PD/QC3.0/QC2.0 + кабель micro</t>
  </si>
  <si>
    <t>СЗУ Micro USB Borofone BA47A 3.0A 18W поддержка QC3.0 + кабель micro</t>
  </si>
  <si>
    <t>СЗУ Micro USB Borofone BA53A 2,1A , 2 USB .+ кабель micro</t>
  </si>
  <si>
    <t>СЗУ Micro USB Borofone BA72A 3.0A 18W поддержка QC3.0 + кабель micro</t>
  </si>
  <si>
    <t>СЗУ Micro USB Galaxy note 3/S4 2А 3 в 1 </t>
  </si>
  <si>
    <t>268</t>
  </si>
  <si>
    <t>СЗУ Micro USB Hoco C109A 18 Вт ,QC3.0 / QC2.0, FCP, AFC</t>
  </si>
  <si>
    <t>СЗУ Micro USB Hoco C12 2,4A (2 USB) в ассортименте</t>
  </si>
  <si>
    <t>СЗУ Micro USB Hoco C59 2,4A (2 USB) в ассортименте</t>
  </si>
  <si>
    <t>СЗУ Micro USB Hoco C77A 2,4A (2 USB) в ассортименте</t>
  </si>
  <si>
    <t>СЗУ Micro USB PROLIFE Техпак</t>
  </si>
  <si>
    <t>СЗУ Micro USB Vixion S12 1А</t>
  </si>
  <si>
    <t xml:space="preserve">           СЗУ Mini USB</t>
  </si>
  <si>
    <t>СЗУ Mini USB 1A Partner </t>
  </si>
  <si>
    <t>273</t>
  </si>
  <si>
    <t>СЗУ Mini USB VOLTZ</t>
  </si>
  <si>
    <t>СЗУ Motorolla V3 AMT (EM)</t>
  </si>
  <si>
    <t xml:space="preserve">           СЗУ Motorolla</t>
  </si>
  <si>
    <t>СЗУ Motorolla C350/V150</t>
  </si>
  <si>
    <t>СЗУ Motorolla V60 VOLTZ</t>
  </si>
  <si>
    <t>СЗУ Motorolla Т191 VOLTZ</t>
  </si>
  <si>
    <t xml:space="preserve">           СЗУ Nokia</t>
  </si>
  <si>
    <t>СЗУ Nokia 6101 AFKA TECH</t>
  </si>
  <si>
    <t>СЗУ Nokia 6101 Maverick (250) </t>
  </si>
  <si>
    <t>СЗУ Nokia 6101 Vixion 1A</t>
  </si>
  <si>
    <t>СЗУ Nokia 6101 с автосмоткой и портом USB</t>
  </si>
  <si>
    <t>СЗУ Nokia 7210/3310 S16 Vixion 1А</t>
  </si>
  <si>
    <t>СЗУ Nokia 7210/3310 VOLTZ</t>
  </si>
  <si>
    <t xml:space="preserve">           СЗУ Philips</t>
  </si>
  <si>
    <t>СЗУ Philips 530/350 (140)</t>
  </si>
  <si>
    <t xml:space="preserve">           СЗУ Samsung</t>
  </si>
  <si>
    <t>СЗУ Samsung C130/C140 BIOS</t>
  </si>
  <si>
    <t>21</t>
  </si>
  <si>
    <t>СЗУ Samsung C130/C160 VOLTZ</t>
  </si>
  <si>
    <t>СЗУ Samsung D800 BIOS</t>
  </si>
  <si>
    <t>СЗУ Samsung D800 VOLTZ</t>
  </si>
  <si>
    <t>СЗУ Samsung D880 AMT Style  / ENERGY</t>
  </si>
  <si>
    <t>СЗУ Samsung D880 S14 Vixion 1A</t>
  </si>
  <si>
    <t>СЗУ Samsung E 720</t>
  </si>
  <si>
    <t>СЗУ Samsung E530</t>
  </si>
  <si>
    <t>СЗУ Samsung Galaxy Tab (2.1 A)</t>
  </si>
  <si>
    <t>СЗУ Samsung X100/C100 BIOS</t>
  </si>
  <si>
    <t>СЗУ Samsung X100/C100 VOLTZ</t>
  </si>
  <si>
    <t xml:space="preserve">           СЗУ Siemens</t>
  </si>
  <si>
    <t>СЗУ Siemens A31,35/ S68</t>
  </si>
  <si>
    <t>88</t>
  </si>
  <si>
    <t>СЗУ Siemens A31,35/ S68 (140)</t>
  </si>
  <si>
    <t>СЗУ Siemens C55</t>
  </si>
  <si>
    <t xml:space="preserve">           СЗУ Sony Ericsson</t>
  </si>
  <si>
    <t>СЗУ Sony Ericsson K700</t>
  </si>
  <si>
    <t>СЗУ Sony Ericsson K700 (140)</t>
  </si>
  <si>
    <t>СЗУ Sony Ericsson K750</t>
  </si>
  <si>
    <t>СЗУ Sony-Ericsson K750 BIOS</t>
  </si>
  <si>
    <t xml:space="preserve">           СЗУ TYPE-C</t>
  </si>
  <si>
    <t>СЗУ TYPE-C Awei C9T 2.4А (ORIG)</t>
  </si>
  <si>
    <t>СЗУ TYPE-C BOROFONE BA20A 2.1A (ORIG)</t>
  </si>
  <si>
    <t>СЗУ TYPE-C BOROFONE BA45A 2.4A (ORIG)</t>
  </si>
  <si>
    <t>СЗУ TYPE-C BOROFONE BA48A 2.1A (ORIG)</t>
  </si>
  <si>
    <t>СЗУ TYPE-C BOROFONE BA72A 3.0A 18W QC3.0 (ORIG)</t>
  </si>
  <si>
    <t>СЗУ TYPE-C Hoco C109A 18W QC3.0 (ORIG)</t>
  </si>
  <si>
    <t>СЗУ TYPE-C Hoco C72Q 18W QC3.0 (ORIG)</t>
  </si>
  <si>
    <t xml:space="preserve">           СЗУ Билайн/МТС</t>
  </si>
  <si>
    <t>СЗУ Билайн А 100 /МТС/Nokia 8800 VOLTZ</t>
  </si>
  <si>
    <t xml:space="preserve">           СЗУ камера видеонаблюдения</t>
  </si>
  <si>
    <t>Зарядное устройство для камер видеонаблюдения 12V/2A (5,5*2,1) </t>
  </si>
  <si>
    <t>Зарядное устройство для камер видеонаблюдения 5V/2A (5,5*2,1)</t>
  </si>
  <si>
    <t xml:space="preserve">           СЗУ Планшет</t>
  </si>
  <si>
    <t>Блок питания MRM-A388 12V 8А</t>
  </si>
  <si>
    <t>СЗУ для планшета 12V/2A (2,5*0,7) тонкий штекер.</t>
  </si>
  <si>
    <t>СЗУ для планшета 5V/2A (2,5*0,7) тонкий штекер</t>
  </si>
  <si>
    <t>СЗУ для планшета 9V/2A (2,5*0,7) тонкий штекер</t>
  </si>
  <si>
    <t xml:space="preserve">           СЗУ Универсальные/Ноутбуки</t>
  </si>
  <si>
    <t>УЗУ NGY-Y668 (3-12V/3A)</t>
  </si>
  <si>
    <t>УЗУ Адаптер электропитания DREAM HD8861 3V-1A 1M (5.5x2.5mm)</t>
  </si>
  <si>
    <t>УЗУ Адаптер электропитания DREAM HD8862 9V-2A 1M (5.5x2.5mm)</t>
  </si>
  <si>
    <t>УЗУ Адаптер электропитания DREAM HD8864 12V-2A 1M (5.5x2.5mm)</t>
  </si>
  <si>
    <t>УЗУ Адаптер электропитания DREAM HD8865 5V-2A 1M (5.5x2.5mm)</t>
  </si>
  <si>
    <t>УЗУ Адаптер электропитания DREAM HD8865 5V-3A 1M (5.5x2.5mm)</t>
  </si>
  <si>
    <t>УЗУ Адаптер электропитания DREAM HD8869 5V-2A 1M (3.5x1.35mm)</t>
  </si>
  <si>
    <t>УЗУ Адаптер электропитания DREAM SM12 5V-2A 1M (5.5x2.5mm/ 4.0x1.7mm)</t>
  </si>
  <si>
    <t>УЗУ Адаптер электропитания DREAM SM14 12V-2A 1M (5.5x2.5mm/ 4.0x1.7mm)</t>
  </si>
  <si>
    <t>УЗУ Адаптер электропитания eplutus (FC-4000) 4000 mAh</t>
  </si>
  <si>
    <t>УЗУ для ноутбуков сетевая DREAM NA01 96W 12-24V 5A (8 разъёмов)</t>
  </si>
  <si>
    <t>УЗУ для ноутбуков сетевая DREAM SM13 / NA02 96W 12-24V 5A (13 разъёмов)</t>
  </si>
  <si>
    <t>740</t>
  </si>
  <si>
    <t>УЗУ для ноутбуков сетевая HHW-96W (8 разъемов, 96W, 4.5A, 12-24V) </t>
  </si>
  <si>
    <t>УЗУ для ноутбуков сетевая/авто 150W ( 8 насадок)</t>
  </si>
  <si>
    <t>УЗУ сетевое "ЛЯГУШКА" DREAM L10 / L11 1A USB </t>
  </si>
  <si>
    <t>УЗУ сетевое "ЛЯГУШКА" UNIVERSAL</t>
  </si>
  <si>
    <t>Универсальное зарядное уст-во DALESH</t>
  </si>
  <si>
    <t>Универсальное зарядное уст-во LC-828 сеть /авто.</t>
  </si>
  <si>
    <t xml:space="preserve">      Фонарики / лампы / шокеры</t>
  </si>
  <si>
    <t xml:space="preserve">           Лампы</t>
  </si>
  <si>
    <t>Лампа (от USB)</t>
  </si>
  <si>
    <t>Лампа (от USB) N цвет в ассорт.</t>
  </si>
  <si>
    <t>Лампа (от USB) XPZ-1359</t>
  </si>
  <si>
    <t>Лампа 3 диода (USB) SA-6011</t>
  </si>
  <si>
    <t>Лампа 718 в патрон (аккумуляторная)</t>
  </si>
  <si>
    <t>312</t>
  </si>
  <si>
    <t>Лампа LED Nightinght</t>
  </si>
  <si>
    <t>546</t>
  </si>
  <si>
    <t>Лампа LED SWITCH LIGHT YD-961 с выключателем</t>
  </si>
  <si>
    <t>Лампа YD 678 в патрон (аккумуляторная)</t>
  </si>
  <si>
    <t>Лампа YD-80 в патрон (аккумуляторная)</t>
  </si>
  <si>
    <t>234</t>
  </si>
  <si>
    <t xml:space="preserve">           Фонарики</t>
  </si>
  <si>
    <t>Лазерная указка фонарик брелок Граната</t>
  </si>
  <si>
    <t>Лазерная указка фонарик брелок Пистолет</t>
  </si>
  <si>
    <t>Фонарик - брелок ZK-9127(фонарик/ лазер / ультрафиолет) зарядка USB</t>
  </si>
  <si>
    <t>Фонарик + брелок + лазер (2+1)</t>
  </si>
  <si>
    <t>61</t>
  </si>
  <si>
    <t>Фонарик + брелок BR2</t>
  </si>
  <si>
    <t>Фонарик + брелок Smartbuy</t>
  </si>
  <si>
    <t>Фонарик + брелок YF10 (в ассортименте)</t>
  </si>
  <si>
    <t>Фонарик DREAM BG1 подвесной, складной крючок, магнитное основание </t>
  </si>
  <si>
    <t>Фонарик DREAM-7303 ZOOM</t>
  </si>
  <si>
    <t>Фонарик Police Y-1-1099</t>
  </si>
  <si>
    <t>Фонарик Police Y-I-B21 ( 3 X AAA)</t>
  </si>
  <si>
    <t>Фонарик YH RY-T96A</t>
  </si>
  <si>
    <t>539</t>
  </si>
  <si>
    <t>Фонарик ZOOM</t>
  </si>
  <si>
    <t>Фонарик ZOOM Police Y-I-729</t>
  </si>
  <si>
    <t>Фонарик аккумуляторный FA-031 карабин (заряд от USB,с магнитом )</t>
  </si>
  <si>
    <t>Фонарик аккумуляторный H-685 zoom,магнит.</t>
  </si>
  <si>
    <t>Фонарик аккумуляторный Pollice H-699/700/701/702/871  (в футляре)</t>
  </si>
  <si>
    <t>Фонарик аккумуляторный Pollice H-826/870/521 (ZOOM,в футляре)</t>
  </si>
  <si>
    <t>Фонарик аккумуляторный W866B</t>
  </si>
  <si>
    <t>1 615</t>
  </si>
  <si>
    <t>2 160</t>
  </si>
  <si>
    <t>Фонарик аккумуляторный ZOOM Police H-969-P50 (в футляре,заряд от USB)</t>
  </si>
  <si>
    <t>Фонарик аккумуляторный ZOOM Police H-970-P50 (в футляре,заряд от USB)</t>
  </si>
  <si>
    <t>Фонарик аккумуляторный ZOOM Y-1-U1 / YY-616 (заряд от USB)</t>
  </si>
  <si>
    <t>315</t>
  </si>
  <si>
    <t>Фонарик аккумуляторный Космос 528 / DREAM K528</t>
  </si>
  <si>
    <t>Фонарик аккумуляторный налобный BL-6807/6808/6809/6902/6903/6907/6909/6803</t>
  </si>
  <si>
    <t>Фонарик аккумуляторный налобный H-166-P70/165/163</t>
  </si>
  <si>
    <t>Фонарик аккумуляторный налобный H-T460</t>
  </si>
  <si>
    <t>990</t>
  </si>
  <si>
    <t>Фонарик аккумуляторный налобный HT-427 датчик движения</t>
  </si>
  <si>
    <t>Фонарик аккумуляторный налобный HT-666/YYC-1806</t>
  </si>
  <si>
    <t>Фонарик аккумуляторный налобный HT-772 / HT-679</t>
  </si>
  <si>
    <t>Фонарик аккумуляторный налобный HT-782-P70</t>
  </si>
  <si>
    <t>Фонарик аккумуляторный налобный HT-799-P90</t>
  </si>
  <si>
    <t>Фонарик аккумуляторный налобный HT-823 / 832 / YB-115</t>
  </si>
  <si>
    <t>Фонарик аккумуляторный налобный HT-835 с поворотной головкой</t>
  </si>
  <si>
    <t>Фонарик аккумуляторный налобный HT-998 датчик движения,заряд Tipe-c</t>
  </si>
  <si>
    <t>Фонарик аккумуляторный налобный HYT-K13-WB</t>
  </si>
  <si>
    <t>Фонарик аккумуляторный налобный KX-1807/HT-835 / T1608</t>
  </si>
  <si>
    <t>Фонарик аккумуляторный налобный MX-501</t>
  </si>
  <si>
    <t>Фонарик аккумуляторный налобный YT-1243/1080</t>
  </si>
  <si>
    <t>Фонарик аккумуляторный Огонь Y-1860 / ZY-1159 магнитный</t>
  </si>
  <si>
    <t>Фонарик для чтения книг Model-26764</t>
  </si>
  <si>
    <t>Фонарик налобный CH-2016/2027/2025/2028</t>
  </si>
  <si>
    <t>Фонарик налобный DREAM FL1 /YYC-T89-COB</t>
  </si>
  <si>
    <t>Фонарик налобный DREAM KX-1801 (1COB LED)</t>
  </si>
  <si>
    <t>Фонарик налобный YT-8206/FA-6611B/TK17</t>
  </si>
  <si>
    <t>Фонарик налобный YYC-603</t>
  </si>
  <si>
    <t>Фонарик налобный ZF-7002 (1COB)</t>
  </si>
  <si>
    <t>Фонарик Ручка 3 в 1</t>
  </si>
  <si>
    <t>Фонарик с зажимом DREAM PL1</t>
  </si>
  <si>
    <t>Фонарь-лазер с карабином 3-в-1 BR118 (фонарь, лазер, UV) ТЕХПАК</t>
  </si>
  <si>
    <t xml:space="preserve">           Электрошокеры</t>
  </si>
  <si>
    <t>Электрошокер "МОЛНИЯ" YB-1311</t>
  </si>
  <si>
    <t>Электрошокер "МОЛНИЯ" YB-1320</t>
  </si>
  <si>
    <t>Электрошокер "МОЛНИЯ" YB-1321</t>
  </si>
  <si>
    <t>Электрошокер "МОЛНИЯ" YB-1323</t>
  </si>
  <si>
    <t>Электрошокер 1102</t>
  </si>
  <si>
    <t>Электрошокер FOX M11</t>
  </si>
  <si>
    <t>Электрошокер WS-704/928/958</t>
  </si>
  <si>
    <t xml:space="preserve">      Хозтовары/Канцелярия</t>
  </si>
  <si>
    <t xml:space="preserve">           Безмены</t>
  </si>
  <si>
    <t>Безмен электронный WH-A08 50 кг</t>
  </si>
  <si>
    <t xml:space="preserve">           Замки</t>
  </si>
  <si>
    <t>ЗАМОК PARK BC3P32 НАВЕСНОЙ</t>
  </si>
  <si>
    <t>ЗАМОК PARK BC3P40-01 НАВЕСНОЙ С ДЛИННОЙ ДУЖКОЙ</t>
  </si>
  <si>
    <t>ЗАМОК PARK BC3P50 НАВЕСНОЙ</t>
  </si>
  <si>
    <t xml:space="preserve">           Звонок дверной</t>
  </si>
  <si>
    <t>Звонок дверной беспроводной</t>
  </si>
  <si>
    <t xml:space="preserve">           Изолента</t>
  </si>
  <si>
    <t>ИЗОЛЕНТА SMART BUY 0.13x15мм/10метров SBE-15-10 цвет в ассорт.</t>
  </si>
  <si>
    <t>ИЗОЛЕНТА SMART BUY 0.13x15мм/20метров SBE-15-20 цвет в ассорт.</t>
  </si>
  <si>
    <t>ИЗОЛЕНТА SMART BUY 0.18x19мм/20метров SBE-15-20 ЖЕЛТ-ЗЕЛЕН SBE-19-20YG</t>
  </si>
  <si>
    <t xml:space="preserve">           Карты игральные</t>
  </si>
  <si>
    <t>Карты игральные (36)</t>
  </si>
  <si>
    <t>Карты игральные (54)</t>
  </si>
  <si>
    <t xml:space="preserve">           Клей</t>
  </si>
  <si>
    <t>REXANT СТЕРЖНИ КЛЕЕВЫЕ ДЛЯ КЛ.ПИСТОЛЕТА D=11.2мм 100мм ПРОЗРАЧНЫЕ 6шт</t>
  </si>
  <si>
    <t>REXANT СТЕРЖНИ КЛЕЕВЫЕ ДЛЯ КЛ.ПИСТОЛЕТА D=7мм 100мм ПРОЗРАЧНЫЕ 6шт</t>
  </si>
  <si>
    <t>SMART BUY ПИСТОЛЕТ КЛЕЕВОЙ ЭЛЕКТРИЧ. 40Вт/D=11.2мм ШНУР 0.5м</t>
  </si>
  <si>
    <t>SMART BUY СТЕРЖНИ КЛЕЕВЫЕ ДЛЯ КЛ.ПИСТОЛЕТА D=11.2мм прозрачные</t>
  </si>
  <si>
    <t>КЛЕЙ "AVIORA" МОНОЛИТ УНИВЕРСАЛЬНЫЙ 3гр.</t>
  </si>
  <si>
    <t>КЛЕЙ "PROCONNECT" КЛЕЙ-ГЕЛЬ 3гр НА МУЛЬТИ КАРТЕ (12)</t>
  </si>
  <si>
    <t>КЛЕЙ "PROCONNECT"/"EG"СЕКУНДНЫЙ 3гр НА МУЛЬТИ КАРТЕ (12)</t>
  </si>
  <si>
    <t>Клей "Smartbuy" секундочка гель 3 гр.</t>
  </si>
  <si>
    <t>КЛЕЙ "СИЛА" 505 УНИВЕРСАЛЬНЫЙ пластиковый тюбик 6 гр.</t>
  </si>
  <si>
    <t>КЛЕЙ "СИЛА" СВЕРХПРОЧНЫЙ 1гр</t>
  </si>
  <si>
    <t>КЛЕЙ "СИЛА" СВЕРХПРОЧНЫЙ 3гр</t>
  </si>
  <si>
    <t>22</t>
  </si>
  <si>
    <t>Светодиодная лампа CH-6088/YD-1712 на шнурке</t>
  </si>
  <si>
    <t>Светодиодная лампа SMARTBUY A60-07W/4000/E27 дневной свет</t>
  </si>
  <si>
    <t>Светодиодная лампа SMARTBUY A60-09W/4000/E27 дневной свет</t>
  </si>
  <si>
    <t>Светодиодная лампа SMARTBUY A60-11W/4000/E27 дневной свет</t>
  </si>
  <si>
    <t>Светодиодная лампа SMARTBUY A60-11W/6000/E27 холодный дневной свет.</t>
  </si>
  <si>
    <t>Светодиодная лампа SMARTBUY A60-13W/4000/E27 дневной свет</t>
  </si>
  <si>
    <t>Светодиодная лампа SMARTBUY A60-13W/6000/E27 холодный,дневной свет</t>
  </si>
  <si>
    <t>Светодиодная лампа SMARTBUY A60-15W/3000/E27 тёплый свет </t>
  </si>
  <si>
    <t>86</t>
  </si>
  <si>
    <t>Светодиодная лампа SMARTBUY A60-15W/6000/E27 холодный дневной свет</t>
  </si>
  <si>
    <t>Светодиодная лампа SMARTBUY A65-20W/3000/E27 теплый свет</t>
  </si>
  <si>
    <t>Светодиодная лампа SMARTBUY C37-05W/4000/E14 дневной свет</t>
  </si>
  <si>
    <t>Светодиодная лампа SMARTBUY C37-07W/3000/E14 теплый свет</t>
  </si>
  <si>
    <t>Светодиодная лампа SMARTBUY C37-07W/4000/E14 дневной свет.</t>
  </si>
  <si>
    <t>Светодиодная лампа SMARTBUY C37-07W/6000/E14 холодный дневной свет</t>
  </si>
  <si>
    <t>Светодиодная лампа SMARTBUY C37-9,5W/4000/E14 дневной свет </t>
  </si>
  <si>
    <t>Светодиодная лампа SMARTBUY C37-9,5W/4000/E27 дневной свет</t>
  </si>
  <si>
    <t>Светодиодная лампа SMARTBUY C37-9,5W/6000/E14 холодный свет </t>
  </si>
  <si>
    <t>Светодиодная лампа SMARTBUY G45-05W/4000/E27 дневной свет</t>
  </si>
  <si>
    <t>Светодиодная лампа SMARTBUY G45-9,5W/6000/E27 холодный дневной свет</t>
  </si>
  <si>
    <t>Светодиодная лампа SMARTBUY Gu5,3-07W/4000K холодный свет</t>
  </si>
  <si>
    <t xml:space="preserve">           Маска</t>
  </si>
  <si>
    <t>Маска медицинская одноразовая</t>
  </si>
  <si>
    <t xml:space="preserve">           Ножи</t>
  </si>
  <si>
    <t>Набор лопата+топор</t>
  </si>
  <si>
    <t>Нож подарочный (большой) кнопка</t>
  </si>
  <si>
    <t>Нож подарочный (маленький) кнопка</t>
  </si>
  <si>
    <t>Нож подарочный (средний) кнопка</t>
  </si>
  <si>
    <t>Нож подарочный A003/001/005 (быстрое открытие,фиксатор)</t>
  </si>
  <si>
    <t>Нож подарочный Охотничий  в ассортименте</t>
  </si>
  <si>
    <t>Нож подарочный складной Compact (фиксатор)</t>
  </si>
  <si>
    <t xml:space="preserve">           Сетевой фильтр</t>
  </si>
  <si>
    <t>Сетевой фильтр HG-2604 3M 4 розетки+2USB</t>
  </si>
  <si>
    <t>Сетевой фильтр Smart BUY 1,8 метра 5 розеток 10А SBSP-18-W</t>
  </si>
  <si>
    <t>Сетевой фильтр Smart BUY 3 метра 5 розеток 10А SBSP-30-K</t>
  </si>
  <si>
    <t>455</t>
  </si>
  <si>
    <t>Сетевой фильтр Smart BUY 5 метров 5 розеток 10А SBSP-50-K</t>
  </si>
  <si>
    <t>Сетевой фильтр U314 2M 4 розетки+3USB</t>
  </si>
  <si>
    <t>Сетевой фильтр КОСМОС 1.8м 10А</t>
  </si>
  <si>
    <t xml:space="preserve">           Термометр</t>
  </si>
  <si>
    <t>Термометр CH-3010</t>
  </si>
  <si>
    <t>Термометр цифровой TA-298</t>
  </si>
  <si>
    <t>625</t>
  </si>
  <si>
    <t>Термометр-гигрометр механический TH101BB</t>
  </si>
  <si>
    <t>Термометр-гигрометр цифровой DC103</t>
  </si>
  <si>
    <t>Электронный кухонный таймер JS-118</t>
  </si>
  <si>
    <t xml:space="preserve">           Тройник / Адаптер</t>
  </si>
  <si>
    <t>Сетевой адаптер EU/UK/US на EU (50/60HZ 16A 250V) заземление HJT</t>
  </si>
  <si>
    <t>Сетевой адаптер EU/UK/US на EU (вилка 4.8 мм сила тока 10А) MLD PA1</t>
  </si>
  <si>
    <t>Сетевой адаптер US на EU</t>
  </si>
  <si>
    <t>Сетевой адаптер US/EU на EU</t>
  </si>
  <si>
    <t>Сетевой адаптер US/EU/UK на EU (коробка)</t>
  </si>
  <si>
    <t>Сетевой адаптер ЕВРО розетка 3 в 1</t>
  </si>
  <si>
    <t>Сетевой адаптер ЕВРО розетка 5 в 1</t>
  </si>
  <si>
    <t>ТРОЙНИК PERFEO PF_C3364/C3363 3T 3 ГНЕЗДА БЕЗ ЗАЗЕМЛ 6А цвет в ассортименте</t>
  </si>
  <si>
    <t xml:space="preserve">           Удлинители</t>
  </si>
  <si>
    <t>Удлинитель DEFENDER G318 3 розетки,1.8 метра, (с выключателем)</t>
  </si>
  <si>
    <t>Удлинитель DEFENDER G330 3 розетки,3 метра, (с выключателем)</t>
  </si>
  <si>
    <t>Удлинитель SmartBuy 3 розетки,1,5 метра,10А/2.2 кВт, (без заземления)</t>
  </si>
  <si>
    <t>Удлинитель SmartBuy 3 розетки,1,5 метра,6А (без заземления)</t>
  </si>
  <si>
    <t>Удлинитель SmartBuy 3 розетки,1.5 метра,16А/3.5 кВт (с выключателем, заземление)</t>
  </si>
  <si>
    <t>Удлинитель SmartBuy 3 розетки,10 метров,16А/3.5 кВт, (с выключателем, заземление)</t>
  </si>
  <si>
    <t>Удлинитель SmartBuy 3 розетки,2 метра,10А/2.2 кВт, (без заземления)</t>
  </si>
  <si>
    <t>Удлинитель SmartBuy 3 розетки,3 метра,</t>
  </si>
  <si>
    <t>283</t>
  </si>
  <si>
    <t>Удлинитель SmartBuy 3 розетки,3 метра,16А/3.5 кВт (с выключателем, заземление)</t>
  </si>
  <si>
    <t>Удлинитель SmartBuy 3 розетки,3 метра,6A (без заземления)</t>
  </si>
  <si>
    <t>Удлинитель SmartBuy 3 розетки,5 метра,6A (без заземления)</t>
  </si>
  <si>
    <t>Удлинитель SmartBuy 3 розетки,5 метров,10 am (без заземления)</t>
  </si>
  <si>
    <t>Удлинитель SmartBuy 3 розетки,5 метров,16А/3.5 кВт (с выключателем, заземление)</t>
  </si>
  <si>
    <t>Удлинитель SmartBuy 3 розетки,7 метров 10 am (без заземления)</t>
  </si>
  <si>
    <t>Удлинитель SmartBuy 4 розетки,2 метра,16А/3.5 кВт (с выключателем, заземление)</t>
  </si>
  <si>
    <t>Удлинитель SmartBuy 4 розетки,3 метра,16А/3.5 кВт (с выключателем, заземление)</t>
  </si>
  <si>
    <t>Удлинитель SmartBuy 4 розетки,5 метров,16А/3.5 кВт (с выключателем, заземление)</t>
  </si>
  <si>
    <t>Удлинитель SmartBuy силовой 1,5 метра,10А/2.2 кВт, (без заземления)</t>
  </si>
  <si>
    <t>Удлинитель для гирлянд 3 метра </t>
  </si>
  <si>
    <t>Удлинитель для гирлянд 5 метров</t>
  </si>
  <si>
    <t>УДЛИНИТЕЛЬ СЕТЕВОЙ MM-17830-84 3xUSB/2.1A</t>
  </si>
  <si>
    <t>359</t>
  </si>
  <si>
    <t xml:space="preserve">           Электронные весы</t>
  </si>
  <si>
    <t>Электронные весы 100 гр 0.01g (POCKET SCALE) MH100</t>
  </si>
  <si>
    <t>Электронные весы 200 гр 0.01g (POCKET SCALE) MH200</t>
  </si>
  <si>
    <t>Электронные весы 300 гр 0.01g (POCKET SCALE) MH300</t>
  </si>
  <si>
    <t>Электронные весы 500 гр 0.1g (iPhone) 2308</t>
  </si>
  <si>
    <t>Электронные весы 500 гр 0.1g (POCKET SCALE) MH500</t>
  </si>
  <si>
    <t>Электронные весы кухонные  DREAM SF-400 (1g - 10 kg)</t>
  </si>
  <si>
    <t>Электронные весы кухонные WH-B05 (5 кг.х1гр.)</t>
  </si>
  <si>
    <t xml:space="preserve">           Электронный калькулятор</t>
  </si>
  <si>
    <t>Электронный калькулятор AA-205C (инженерный)</t>
  </si>
  <si>
    <t>Электронный калькулятор AX-2200L</t>
  </si>
  <si>
    <t>552</t>
  </si>
  <si>
    <t>Электронный калькулятор CT-100N/110N</t>
  </si>
  <si>
    <t>Электронный калькулятор CT-729A</t>
  </si>
  <si>
    <t>Электронный калькулятор DS-1006 UFU</t>
  </si>
  <si>
    <t>Электронный калькулятор FS-3600Pv (инженерный)</t>
  </si>
  <si>
    <t>Электронный калькулятор KD-5688/6677/CT-200N</t>
  </si>
  <si>
    <t>Электронный калькулятор KK-105B (инженерный)</t>
  </si>
  <si>
    <t>Электронный калькулятор MS-808V/900/270LA</t>
  </si>
  <si>
    <t>Электронный калькулятор SDC - 888L</t>
  </si>
  <si>
    <t>Электронный калькулятор SDC-878/800/612/1900</t>
  </si>
  <si>
    <t>Электронный калькулятор голос+дата DS-6000</t>
  </si>
  <si>
    <t>Электронный калькулятор многофункциональный (FM радио/USB/MicroSD/MP3...) UFU U-5299D</t>
  </si>
  <si>
    <t xml:space="preserve">      Цветомузыка</t>
  </si>
  <si>
    <t>Цветомузыка E1 USB/SD/пульт д.у.</t>
  </si>
  <si>
    <t>Цветомузыка вращающаяся лампа в патрон LY-399 (цвета:синий,красный,зелёный) автоматическое вращение</t>
  </si>
  <si>
    <t>Цветомузыка Диско шар (USB.BLUETOOTH, MP3, пульт управления)</t>
  </si>
  <si>
    <t>Цветомузыка Лазерный проектор (точки)</t>
  </si>
  <si>
    <t xml:space="preserve">      Часы</t>
  </si>
  <si>
    <t xml:space="preserve">           Часы Smart / Smart браслеты</t>
  </si>
  <si>
    <t>Часы наручные Смарт часы Smart Watch MIVO MV7 PLUS "1.9"</t>
  </si>
  <si>
    <t>1 890</t>
  </si>
  <si>
    <t>2 650</t>
  </si>
  <si>
    <t>Часы наручные Смарт часы Smart Watch MIVO MV8 UlLTRA "1.9"</t>
  </si>
  <si>
    <t>2 150</t>
  </si>
  <si>
    <t>2 950</t>
  </si>
  <si>
    <t xml:space="preserve">           Часы будильник / настольные / настенные / электронные</t>
  </si>
  <si>
    <t>Часы будильник KS 704/701/705/990/995/702/703/991</t>
  </si>
  <si>
    <t>Часы будильник Космос 0053/0057/0056/796/796/0052</t>
  </si>
  <si>
    <t>Часы будильник Космос 0055/0059/768/769/789/791/785/054/768/0793/906/761/764/027/928/028/765/0027</t>
  </si>
  <si>
    <t>Часы настенные Welcome</t>
  </si>
  <si>
    <t>Часы настенные Космос (QUARTZ)  в ассортименте</t>
  </si>
  <si>
    <t>Часы настенные-термометр №H0149/20/</t>
  </si>
  <si>
    <t>Часы настенные/настольные Космос (QUARTZ)  в ассортименте</t>
  </si>
  <si>
    <t>Часы настенные/настольные Космос 7000/7004/7002/7003 </t>
  </si>
  <si>
    <t>Часы настенные/настольные Космос №5557 (20см)</t>
  </si>
  <si>
    <t>Часы электронные автомобильные VST-7010V</t>
  </si>
  <si>
    <t>Часы электронные будильник (DS-3618LP) с датой и термометром,проектор (БЕЛЫЙ)</t>
  </si>
  <si>
    <t>Часы электронные будильник (DS-3618LP) с датой и термометром,проектор (ЗЕЛЁНЫЙ)</t>
  </si>
  <si>
    <t>Часы электронные будильник (VST-738-1) красный</t>
  </si>
  <si>
    <t>Часы электронные будильник (VST-738-4) зелёный</t>
  </si>
  <si>
    <t>Часы электронные будильник (VST-738-5) синий</t>
  </si>
  <si>
    <t>Часы электронные будильник (VST-805S) с функцией термометра + влажность воздуха %</t>
  </si>
  <si>
    <t>Часы электронные будильник (ZJ-009A) под дерево</t>
  </si>
  <si>
    <t>Часы электронные будильник говорящие/температура "SH-691"</t>
  </si>
  <si>
    <t>Часы электронные будильник/секундомер/день недели, на клипсе + липучка "NAKO NA-613D"</t>
  </si>
  <si>
    <t xml:space="preserve">           Часы наручные / карманные</t>
  </si>
  <si>
    <t>Часы G-SHOCK (в банке) браслет</t>
  </si>
  <si>
    <t>Часы G-SHOCK (в банке) цвет в ассортименте</t>
  </si>
  <si>
    <t>Часы наручные iTaiTek IT-663/662/665 ( говорящие )</t>
  </si>
  <si>
    <t>Часы наручные детские (цвет в ассортименте)</t>
  </si>
  <si>
    <t>Часы наручные женские браслет влагозащитные (в ассортименте)</t>
  </si>
  <si>
    <t>Часы наручные женские резинка (в ассортименте)</t>
  </si>
  <si>
    <t>Часы наручные женские ремешок (в ассортименте)</t>
  </si>
  <si>
    <t>Часы наручные мужские (браслет) в ассортименте</t>
  </si>
  <si>
    <t>Часы наручные мужские (резинка) в ассортименте</t>
  </si>
  <si>
    <t>Часы наручные мужские (ремешок) в ассортименте</t>
  </si>
  <si>
    <t>Часы наручные мужские DUAL TIME 6.11* (в коробке)</t>
  </si>
  <si>
    <t>Часы наручные мужские в ассортименте ремешок Kebino/Micaiah/...</t>
  </si>
  <si>
    <t xml:space="preserve">      Элементы питания</t>
  </si>
  <si>
    <t xml:space="preserve">           Аккумуляторы (АА/ААА)</t>
  </si>
  <si>
    <t>Аккумулятор  "Camelion" (AA) HR 20 (4500 mAh)</t>
  </si>
  <si>
    <t>Аккумулятор  "GP" (AA) HR 06 (1000 mAh)</t>
  </si>
  <si>
    <t>Аккумулятор  "GP" (AA) HR 06 (2700 mAh)</t>
  </si>
  <si>
    <t>Аккумулятор  "GP" (AAА) HR 03 (1000 mAh)</t>
  </si>
  <si>
    <t>Аккумулятор  "GP" (AAА) HR 03 (650 mAh)</t>
  </si>
  <si>
    <t>Аккумулятор  "GP" (AAА) HR 03 (750 mAh)</t>
  </si>
  <si>
    <t>Аккумулятор  "Robiton" (AAА) R 03 (1100 mAh)</t>
  </si>
  <si>
    <t>Аккумулятор  "Samsung" ICR18650-28A 3.7V (2800 mAh)</t>
  </si>
  <si>
    <t>Аккумулятор  "Samsung" ICR18650-32B 3.7V (3200 mAh)</t>
  </si>
  <si>
    <t>Аккумулятор  "Smartbuy" ICR18650-28A 3.7V (2200 mAh)</t>
  </si>
  <si>
    <t>Аккумулятор  BL26650 3.7V (6800 mAh) без упаковки</t>
  </si>
  <si>
    <t>Аккумулятор DREAM 18650-B 168A  3.7V (2000 mAh)</t>
  </si>
  <si>
    <t>Аккумулятор DREAM 18650-B 168A  3.7V (3300 mAh)</t>
  </si>
  <si>
    <t>Аккумулятор Liitokala 18650  3.7V (3500 mAh)</t>
  </si>
  <si>
    <t>Аккумулятор NH-AA 1450mAh 1.2V заряд USB</t>
  </si>
  <si>
    <t xml:space="preserve">           Элементы питания 10A/23A/25А/27A/29A</t>
  </si>
  <si>
    <t>Э/п. DURACELL 23 A</t>
  </si>
  <si>
    <t>Э/п. DURACELL 27 A</t>
  </si>
  <si>
    <t>Э/п. GP 23 AE</t>
  </si>
  <si>
    <t>Э/п. GP 25 A (AAAA)- E96,4061,LR8D425</t>
  </si>
  <si>
    <t>Э/п. GP 27 A</t>
  </si>
  <si>
    <t>Э/п. Smartbuy 23A</t>
  </si>
  <si>
    <t>Э/п. Smartbuy 27A</t>
  </si>
  <si>
    <t xml:space="preserve">           Элементы питания 6F22 (9 V) крона/ 3R12 (4.5V) квадрат</t>
  </si>
  <si>
    <t>Э/п. GP 6F22 (9V) крона (солевая)</t>
  </si>
  <si>
    <t>Э/п. GP 6LR61 (9V) крона (алкалин)</t>
  </si>
  <si>
    <t>Э/п. TOSHIBA 6F22 (9V) крона (солевая)</t>
  </si>
  <si>
    <t>Э/п. Космос 3R12 (4.5 V) квадрат</t>
  </si>
  <si>
    <t>Э/п. Космос 6F22 (9 V) крона</t>
  </si>
  <si>
    <t>Э/п. Космос 6LR61 (9 V) крона (алкалин)</t>
  </si>
  <si>
    <t xml:space="preserve">           Элементы питания AG0////AG13 (Часовые)</t>
  </si>
  <si>
    <t>Э/п. Camelion AG 0/LR 521</t>
  </si>
  <si>
    <t>Э/п. Camelion AG 01 (364А) LR621</t>
  </si>
  <si>
    <t>7,5</t>
  </si>
  <si>
    <t>Э/п. Camelion AG 04 (377А) LR626</t>
  </si>
  <si>
    <t>Э/п. Camelion AG 05/ 393,193/ LR 48</t>
  </si>
  <si>
    <t>Э/п. Camelion AG 06 (371А) LR921</t>
  </si>
  <si>
    <t>Э/п. Camelion AG 09 (394А) LR936</t>
  </si>
  <si>
    <t>Э/п. Camelion AG 10 (389А) LR1130</t>
  </si>
  <si>
    <t>Э/п. Camelion AG 11 (361А) LR721</t>
  </si>
  <si>
    <t>Э/п. Camelion AG 12/ 386,186/ LR 43</t>
  </si>
  <si>
    <t>Э/п. Camelion AG 13 (357A) LR44</t>
  </si>
  <si>
    <t>Э/п. CAMELION ZA10-6BL 1.4V 90mAh ДЛЯ СЛУХОВЫХ АППАРАТОВ</t>
  </si>
  <si>
    <t>Э/п. CAMELION ZA312-6BL 1.4V 170mAh ДЛЯ СЛУХОВЫХ АППАРАТОВ   </t>
  </si>
  <si>
    <t>Э/п. CAMELION ZA675-6BL 1.4V 620mAh ДЛЯ СЛУХОВЫХ АППАРАТОВ  </t>
  </si>
  <si>
    <t>Э/п. DURACELL DA10/ZA10 -6BL 1.4V ДЛЯ СЛУХОВЫХ АППАРАТОВ  </t>
  </si>
  <si>
    <t>Э/п. DURACELL DA312 -6BL 1.4V ДЛЯ СЛУХОВЫХ АППАРАТОВ  </t>
  </si>
  <si>
    <t>Э/п. DURACELL DA675 / ZA675-6BL 1.4V ДЛЯ СЛУХОВЫХ АППАРАТОВ  </t>
  </si>
  <si>
    <t>Э/п. GP AG 01/LR 620/LR60 164</t>
  </si>
  <si>
    <t>Э/п. GP AG 03/LR 41/192</t>
  </si>
  <si>
    <t>112</t>
  </si>
  <si>
    <t>Э/п. GP AG 04/LR 626/177</t>
  </si>
  <si>
    <t>89</t>
  </si>
  <si>
    <t>Э/п. GP AG 10/LR 54/189</t>
  </si>
  <si>
    <t>Э/п. GP AG 13/LR 44/357</t>
  </si>
  <si>
    <t>Э/п. Maxell AG 0/ 379/ SR-521</t>
  </si>
  <si>
    <t>Э/п. Minamoto AG 04/ 377/ LR 626</t>
  </si>
  <si>
    <t>Э/п. Perfeo AG 03/ 392,192/ LR 41</t>
  </si>
  <si>
    <t>Э/п. Perfeo AG 13 LR44 ,LR1154, V13GA, G13, RW82</t>
  </si>
  <si>
    <t>Э/п. Perfeo AG10 LR1130 </t>
  </si>
  <si>
    <t>Э/п. ROBITON AG6 R371 1-BL SR920SW SUPER бат-ка для часов</t>
  </si>
  <si>
    <t>Э/п. Toshiba ZA13 ДЛЯ СЛУХОВЫХ АППАРАТОВ</t>
  </si>
  <si>
    <t>Э/п. VARTA V321,SR616SW,SR65</t>
  </si>
  <si>
    <t>Э/п. Космос AG 0/ 379/ LR 50</t>
  </si>
  <si>
    <t>Э/п. Космос AG 05/ 393/ LR 754</t>
  </si>
  <si>
    <t xml:space="preserve">           Элементы питания CR 1220////2032</t>
  </si>
  <si>
    <t>Э/п. Camelion CR 2016 </t>
  </si>
  <si>
    <t>Э/п. DURACELL CR 2032</t>
  </si>
  <si>
    <t>Э/п. ENERGIZER CR 2032</t>
  </si>
  <si>
    <t>Э/п. GP CR 2025 </t>
  </si>
  <si>
    <t>Э/п. GP CR 2032 </t>
  </si>
  <si>
    <t>Э/п. GP CR 2430</t>
  </si>
  <si>
    <t>Э/п. GP CR 2450</t>
  </si>
  <si>
    <t>Э/п. Kodak CR 1632</t>
  </si>
  <si>
    <t>Э/п. Maxell CR 1220 3V</t>
  </si>
  <si>
    <t>Э/п. Maxell CR 2016 3V</t>
  </si>
  <si>
    <t>Э/п. SMARTBUY CR 1632</t>
  </si>
  <si>
    <t>Э/п. TOSHIBA CR1220 - 5BL</t>
  </si>
  <si>
    <t>Э/п. TOSHIBA CR1616 - 5BL</t>
  </si>
  <si>
    <t>Э/п. TOSHIBA CR1620 - 5BL</t>
  </si>
  <si>
    <t>Э/п. TOSHIBA CR2016 - 5BL</t>
  </si>
  <si>
    <t>Э/п. TOSHIBA CR2025 - 5BL</t>
  </si>
  <si>
    <t>Э/п. TOSHIBA CR2032 - 5BL</t>
  </si>
  <si>
    <t>Э/п. TOSHIBA CR2430 - 5BL</t>
  </si>
  <si>
    <t>Э/п. TOSHIBA CR2450 - 5BL</t>
  </si>
  <si>
    <t>Э/п. VIDEX CR 1616 </t>
  </si>
  <si>
    <t>Э/п. VIDEX CR 1620 5BL</t>
  </si>
  <si>
    <t>Э/п. Космос CR 1616</t>
  </si>
  <si>
    <t>Э/п. Космос CR 2025</t>
  </si>
  <si>
    <t>Э/п. Космос CR 2032 5BL</t>
  </si>
  <si>
    <t>Э/п. Космос CR 2430</t>
  </si>
  <si>
    <t xml:space="preserve">           Элементы питания LR 03 (AAA)-алкалин</t>
  </si>
  <si>
    <t>Э/п. Duracell LR 03-12BL NEW BASIC ОТРЫВНЫЕ ПО 2ШТ. (AАA)</t>
  </si>
  <si>
    <t>Э/п. Energizer LR 03 (AАA).</t>
  </si>
  <si>
    <t>114</t>
  </si>
  <si>
    <t>Э/п. GP LR 03 (AAA)</t>
  </si>
  <si>
    <t>Э/п. PANASONIC LR 03-4 БЕЗ БЛИСТЕРА ALKALINE POWER (AАA) </t>
  </si>
  <si>
    <t>Э/п. SMARTBUY LR 03 (AАA) </t>
  </si>
  <si>
    <t>Э/п. TOSHIBA LR 03 (AAA)</t>
  </si>
  <si>
    <t>Э/п. Космос LR 03 (AAA)</t>
  </si>
  <si>
    <t xml:space="preserve">           Элементы питания LR 06 (AA)-алкалин</t>
  </si>
  <si>
    <t>Э/п. Duracell LR 06-12BL NEW ОТРЫВНЫЕ ПО 2шт.(AA)</t>
  </si>
  <si>
    <t>Э/п. Energizer LR 06 (AA)</t>
  </si>
  <si>
    <t>Э/п. GP LR 06 (AA)</t>
  </si>
  <si>
    <t>Э/п. PANASONIC LR 06-4 БЕЗ БЛИСТЕРА ALKALINE POWER (AА) </t>
  </si>
  <si>
    <t>51</t>
  </si>
  <si>
    <t>Э/п. TOSHIBA LR 06 (AA)</t>
  </si>
  <si>
    <t>Э/п. Космос LR 06 (АА)</t>
  </si>
  <si>
    <t>47</t>
  </si>
  <si>
    <t xml:space="preserve">           Элементы питания R 03 (AAA)-солевые</t>
  </si>
  <si>
    <t>Э/п. GP R 03 (AАA)</t>
  </si>
  <si>
    <t>77</t>
  </si>
  <si>
    <t>Э/п. Panasonic R 03 (AАA)</t>
  </si>
  <si>
    <t>Э/п. TOSHIBA R 03 (AАA)</t>
  </si>
  <si>
    <t>Э/п. Космос R 03 (AАA)</t>
  </si>
  <si>
    <t xml:space="preserve">           Элементы питания R 06 (AA)-солевые</t>
  </si>
  <si>
    <t>Э/п. GP R 06 (AA)</t>
  </si>
  <si>
    <t>91</t>
  </si>
  <si>
    <t>Э/п. Panasonic R 06 (AA)</t>
  </si>
  <si>
    <t>Э/п. Smartbuy R 06 (AA)</t>
  </si>
  <si>
    <t>Э/п. TOSHIBA R 06 (AA)</t>
  </si>
  <si>
    <t>Э/п. Космос R 06 (AA)</t>
  </si>
  <si>
    <t xml:space="preserve">           Элементы питания R 14/ LR14</t>
  </si>
  <si>
    <t>Э/п. GP LR 14</t>
  </si>
  <si>
    <t>Э/п. GP R 14</t>
  </si>
  <si>
    <t xml:space="preserve">           Элементы питания R 20/ LR20</t>
  </si>
  <si>
    <t>Э/п. Duracell LR 20 </t>
  </si>
  <si>
    <t>Э/п. Energizer LR 20 MAX</t>
  </si>
  <si>
    <t>Э/п. GP LR20 2-BL ALKALINE</t>
  </si>
  <si>
    <t>Э/п. GP R 20 </t>
  </si>
  <si>
    <t>Э/п. Panasonic R 20</t>
  </si>
  <si>
    <t>Э/п. Smartbuy LR 20 </t>
  </si>
  <si>
    <t>Э/п. TOSHIBA LR 20</t>
  </si>
  <si>
    <t>Э/п. TOSHIBA R 20</t>
  </si>
  <si>
    <t>Э/п. VARTA LR 20</t>
  </si>
  <si>
    <t xml:space="preserve"> Запчасти</t>
  </si>
  <si>
    <t xml:space="preserve">      Аккумулятор</t>
  </si>
  <si>
    <t xml:space="preserve">           АКБ 4GOOD</t>
  </si>
  <si>
    <t>АКБ 4GOOD BLI-1500</t>
  </si>
  <si>
    <t xml:space="preserve">           АКБ Alcatel</t>
  </si>
  <si>
    <t>АКБ Alcatel TLp017A2 ( OT-6012X/OT-6012D/OT-6014X/OT-6015X/OT-6016X/OT-6016D ) тех. упак.</t>
  </si>
  <si>
    <t>АКБ Alcatel TLp034B2 ( OT-7050Y/8020 ) тех. упак.</t>
  </si>
  <si>
    <t xml:space="preserve">           АКБ Apple</t>
  </si>
  <si>
    <t>аккумулятор iPad 2 (616-0651) (оригинал) тех. упак.</t>
  </si>
  <si>
    <t>930</t>
  </si>
  <si>
    <t>аккумулятор IPhone-5 оригинал коробка.</t>
  </si>
  <si>
    <t>615</t>
  </si>
  <si>
    <t>аккумулятор IPhone-5S/5C оригинал (коробка)</t>
  </si>
  <si>
    <t>аккумулятор IPhone-6 Plus оригинал( коробка)</t>
  </si>
  <si>
    <t>аккумулятор IPhone-6 оригинал( коробка)</t>
  </si>
  <si>
    <t>аккумулятор IPhone-6S - оригинал( коробка)</t>
  </si>
  <si>
    <t>аккумулятор IPhone-8 Plus оригинал</t>
  </si>
  <si>
    <t>аккумулятор IPhone-8 оригинал</t>
  </si>
  <si>
    <t>аккумулятор iPhone-8 усиленная 2030 mAh</t>
  </si>
  <si>
    <t>аккумулятор IPhone-SE оригинал (коробка)</t>
  </si>
  <si>
    <t>аккумулятор IPhone-SE тех.упак.</t>
  </si>
  <si>
    <t>Аккумулятор iPhone-X усиленная 2930 mAh</t>
  </si>
  <si>
    <t>аккумулятор iPod Touch 5 тех. упак.</t>
  </si>
  <si>
    <t xml:space="preserve">           АКБ ASUS</t>
  </si>
  <si>
    <t>АКБ Asus C11P1324 ( A500KL/A501CG/Zenfone 5 )</t>
  </si>
  <si>
    <t xml:space="preserve">           АКБ Dexp</t>
  </si>
  <si>
    <t>АКБ DEXP Ixion EL450 (Force)</t>
  </si>
  <si>
    <t>АКБ DEXP Ixion ES155 (Vector)</t>
  </si>
  <si>
    <t>АКБ DEXP Ixion MS450 (Born)</t>
  </si>
  <si>
    <t xml:space="preserve">           АКБ Explay</t>
  </si>
  <si>
    <t>АКБ Explay Fresh/Vega/Micromax A106/Q340/Q338 тех. упак.</t>
  </si>
  <si>
    <t>АКБ Explay Vega</t>
  </si>
  <si>
    <t xml:space="preserve">           АКБ Fly</t>
  </si>
  <si>
    <t>АКБ Fly BL-N2000B ( IQ4516/Tornado Slim)</t>
  </si>
  <si>
    <t>АКБ Fly BL3216 ( IQ4414/Quad Evo Tech 3 ) тех. упак.</t>
  </si>
  <si>
    <t>АКБ Fly BL3217 ( IQ4502/Quad Era Energy 1 ) тех. упак.</t>
  </si>
  <si>
    <t>АКБ Fly BL3218 ( IQ400W/Era Windows ) тех. упак.</t>
  </si>
  <si>
    <t>АКБ Fly BL3805 ( IQ4402/Era Style 1/IQ4404/Spark ) тех. упак.</t>
  </si>
  <si>
    <t>АКБ Fly BL3807 (IQ454/Evo Tech 1) тех. упак.</t>
  </si>
  <si>
    <t>АКБ Fly BL3808 ( IQ456/Era Life 2 )</t>
  </si>
  <si>
    <t>АКБ Fly BL3812 ( IQ4416/Era Life 5 ) тех. упак.</t>
  </si>
  <si>
    <t>384</t>
  </si>
  <si>
    <t>АКБ Fly BL3815 ( IQ4407/Era Nano 7 )</t>
  </si>
  <si>
    <t>АКБ Fly BL3816 ( IQ4504/Evo Energy 5 ) тех. упак.</t>
  </si>
  <si>
    <t>286</t>
  </si>
  <si>
    <t>АКБ Fly BL4031 ( IQ4403/Energie 3 ) тех. упак.</t>
  </si>
  <si>
    <t>АКБ Fly BL4247 ( IQ442/Miracle/Explay Golf ) тех. упак.</t>
  </si>
  <si>
    <t>АКБ Fly BL4251 ( IQ450/Horizon/Quattro Horizon 2 )</t>
  </si>
  <si>
    <t>АКБ Fly BL4257 ( IQ451/Vista ) тех. упак.</t>
  </si>
  <si>
    <t>АКБ Fly BL5203 (IQ442 Quad/Miracle 2) тех. упак.</t>
  </si>
  <si>
    <t>АКБ Fly BL6409 ( IQ4406/Era Nano 6 )</t>
  </si>
  <si>
    <t>АКБ Fly BL6424 ( FS505 )</t>
  </si>
  <si>
    <t>АКБ Fly BL7201 ( IQ445/Genius ) тех. упак.</t>
  </si>
  <si>
    <t>АКБ Fly BL8001 ( IQ436/Era Nano 3/IQ436i/Era Nano 9/IQ4490/Era Nano 4 )</t>
  </si>
  <si>
    <t>АКБ Fly BL8013 ( FS506 )</t>
  </si>
  <si>
    <t>АКБ Fly BL8101 ( IQ455/Ego Art 2 )</t>
  </si>
  <si>
    <t>АКБ Fly BL8601 ( IQ4505/Era Life 7 ) тех. упак.</t>
  </si>
  <si>
    <t>АКБ Fly BL9003 ( FS452 )</t>
  </si>
  <si>
    <t>АКБ Fly BL9202 ( FS405 )</t>
  </si>
  <si>
    <t xml:space="preserve">           АКБ GINZZU</t>
  </si>
  <si>
    <t>АКБ GINZZU R1D</t>
  </si>
  <si>
    <t xml:space="preserve">           АКБ HTC</t>
  </si>
  <si>
    <t>Акб HTC (BB81100) T8585 Touh HD2 Leo</t>
  </si>
  <si>
    <t>Акб HTC (BG96100)  A3333 Wildfire</t>
  </si>
  <si>
    <t>Акб HTC (BI39100) Rhume.Titan.Desire v</t>
  </si>
  <si>
    <t>АКБ HTC B0P6M100 ( One Mini 2 ) тех. упак.</t>
  </si>
  <si>
    <t>АКБ HTC B0P9C100 ( Desire 816/816 Dual/816G Dual ) тех. упак.</t>
  </si>
  <si>
    <t>АКБ HTC B0P9O100 ( Desire 610 ) тех. упак.</t>
  </si>
  <si>
    <t>АКБ HTC BL01100 ( Desire 200/Desire 200 Dual/Desire C ) тех. упак.</t>
  </si>
  <si>
    <t>АКБ HTC BO58100 ( One Mini ) тех. упак.</t>
  </si>
  <si>
    <t>Акб HTC Desire HD 1230mAh(Maverick)</t>
  </si>
  <si>
    <t>Акб HTC Desire HD7/T9292 (BD29100)1150mAh (Maverick)</t>
  </si>
  <si>
    <t>Акб HTC INNOVATION TOPA 160 /HTC A3288CLick/T5353Touch diamond-2/A3288Tatoo/F3188Smart</t>
  </si>
  <si>
    <t xml:space="preserve">           АКБ Huawei</t>
  </si>
  <si>
    <t>АКБ Huawei HB356687ECW ( Nova 2 Plus/Nova 2i/Honor 7X/Nova 3i/P30 Lite/Honor 20S )</t>
  </si>
  <si>
    <t>810</t>
  </si>
  <si>
    <t>АКБ Huawei HB366481ECW ( Honor 5C/P9/P9 Lite/Honor 8/ 8 Lite/7A Pro/7C/7C PRO/ P10 lite )</t>
  </si>
  <si>
    <t>АКБ Huawei HB376883ECW ( P9 Plus )</t>
  </si>
  <si>
    <t>АКБ Huawei HB386280ECW (P10 / Honor 9 / 9 Premium)</t>
  </si>
  <si>
    <t>770</t>
  </si>
  <si>
    <t>АКБ Huawei HB386590ECW ( Honor 8X/9X Lite ) </t>
  </si>
  <si>
    <t>АКБ Huawei HB396285ECW ( P20/Honor 10 )</t>
  </si>
  <si>
    <t>АКБ Huawei HB396286ECW ( Honor 10 Lite/Honor 10i/Honor 20 Lite/P Smart 2019 )</t>
  </si>
  <si>
    <t>АКБ Huawei HB396693ECW ( Mate 8 )</t>
  </si>
  <si>
    <t>610</t>
  </si>
  <si>
    <t>АКБ Huawei HB405979ECW ( Honor 7A/Honor 6A/Honor 6C/Y5 2017/Nova/Nova Lite 2017 )</t>
  </si>
  <si>
    <t>АКБ Huawei HB406689ECW/HB396689ECW ( Y7 2017/P40 Lite E/ Y9 2018/Honor 8C/9C</t>
  </si>
  <si>
    <t>АКБ Huawei HB4242B4EBW ( Honor 6/Honor 4X )</t>
  </si>
  <si>
    <t>730</t>
  </si>
  <si>
    <t>АКБ Huawei HB4342A1RBC ( Y5 II/Honor 5A )</t>
  </si>
  <si>
    <t>АКБ Huawei HB444199EBC ( Honor 4C ) (не подходит к HB444199EBC+)</t>
  </si>
  <si>
    <t>710</t>
  </si>
  <si>
    <t>АКБ Huawei HB446486ECW ( P Smart Z/Honor 9X/Honor 9X Premium/Y9s )</t>
  </si>
  <si>
    <t xml:space="preserve">           АКБ Lenovo</t>
  </si>
  <si>
    <t>АКБ Lenovo BL171 ( A390/A319/A376/A368/A500/A60/A65 ) тех. упак.</t>
  </si>
  <si>
    <t>АКБ Lenovo BL192 ( A328/A750/A590/A680 ) тех. упак.</t>
  </si>
  <si>
    <t>АКБ Lenovo BL194 ( A520/A780/A690/A660/A228T/A560E/A790E/A668t ) тех. упак.</t>
  </si>
  <si>
    <t>АКБ Lenovo BL198 ( A850/A830/A859/K860/S880/S890 ) тех. упак.</t>
  </si>
  <si>
    <t>АКБ Lenovo BL207 ( K900 ) тех. упак.</t>
  </si>
  <si>
    <t>АКБ Lenovo BL209 ( A706/A516 ) тех. упак.</t>
  </si>
  <si>
    <t>АКБ Lenovo BL210 ( S820/S650/A536/A606 ) тех. упак.</t>
  </si>
  <si>
    <t>АКБ Lenovo BL214 ( A316i/A208T/A269i/A300T ) тех. упак.</t>
  </si>
  <si>
    <t>АКБ Lenovo BL215 ( S960/Vibe X ) тех. упак</t>
  </si>
  <si>
    <t>АКБ Lenovo BL217 ( S930 ) тех. упак.</t>
  </si>
  <si>
    <t>АКБ Lenovo BL219 ( A880/S856 ) тех. упак.</t>
  </si>
  <si>
    <t>АКБ Lenovo BL245 ( S60 ) тех. упак.</t>
  </si>
  <si>
    <t>АКБ Lenovo L13D1P31 ( S5000/A3500/Tab 2 A7-20/Tab 2 A7-30/Tab 3 7 730X ) оригинал</t>
  </si>
  <si>
    <t>АКБ Lenovo L14D2P31 ( Tab 2 A10-70 )</t>
  </si>
  <si>
    <t xml:space="preserve">           АКБ LG</t>
  </si>
  <si>
    <t>Акб LG F2100</t>
  </si>
  <si>
    <t>Акб LG IP-400N (GT540) Maverick</t>
  </si>
  <si>
    <t>156</t>
  </si>
  <si>
    <t>Акб LG KE-600</t>
  </si>
  <si>
    <t>Акб LG KE-770 Maverick</t>
  </si>
  <si>
    <t>Акб LG KG-800</t>
  </si>
  <si>
    <t>Аккумулятор ОР. LG BL-44JH (P705\P970) оригинал тех. упаковка </t>
  </si>
  <si>
    <t>Аккумулятор ОР. LG BL-44JN (P705\P970)оригинал тех.упаковка</t>
  </si>
  <si>
    <t>Аккумулятор ОР. LG BL-48TH (D686 G Pro)оригинал 100%</t>
  </si>
  <si>
    <t>Аккумулятор ОР. LG BL-53QH ( P880/P760/P765/P875 ) тех. упак.</t>
  </si>
  <si>
    <t>Аккумулятор ОР. LG BL-53YH (D850/D851/D855/LS990/VS985/D830/F400) тех. упак.</t>
  </si>
  <si>
    <t>Аккумулятор ОР. LG BL-T5 (E960 Nexus 4/E970/E973/E975/F180) тех. упак</t>
  </si>
  <si>
    <t>Аккумулятор ОР. LG BL-T5 (E960 Nexus 4/E970/E973/E975/F180)оригинал 100%</t>
  </si>
  <si>
    <t>Аккумулятор ОР. LG FL-53HN (P920/P990)</t>
  </si>
  <si>
    <t>Аккумулятор ОР. LG IP-340N (KF900)</t>
  </si>
  <si>
    <t>Аккумулятор ОР. LG IP-430N оригинал 100%</t>
  </si>
  <si>
    <t>Аккумулятор ОР. LG IP-470A(KF510)</t>
  </si>
  <si>
    <t>Аккумулятор ОР. LG IP-580A (KU990)</t>
  </si>
  <si>
    <t xml:space="preserve">           АКБ Micromax</t>
  </si>
  <si>
    <t>АКБ Micromax A106/Q340/Q338 ( Canvas Viva/Unite 2 )</t>
  </si>
  <si>
    <t xml:space="preserve">           АКБ Motorola</t>
  </si>
  <si>
    <t>Акб Motorola C350</t>
  </si>
  <si>
    <t>Акб Motorola E365</t>
  </si>
  <si>
    <t>Акб Motorola V300</t>
  </si>
  <si>
    <t>Акб Motorola V8/V9/U9 (BX 40)</t>
  </si>
  <si>
    <t xml:space="preserve">           АКБ NOKIA</t>
  </si>
  <si>
    <t>Акб Nokia BL-4B N76 (700 mAh) Craftman</t>
  </si>
  <si>
    <t>Акб Nokia BL-4C премиум</t>
  </si>
  <si>
    <t>Акб Nokia BL-4S</t>
  </si>
  <si>
    <t>68</t>
  </si>
  <si>
    <t>Акб Nokia BL-4U </t>
  </si>
  <si>
    <t>Акб Nokia BL-5BT</t>
  </si>
  <si>
    <t>Акб Nokia BL-5BT 2600(900 mAh) Craftman</t>
  </si>
  <si>
    <t>Акб Nokia BL-5C премиум</t>
  </si>
  <si>
    <t>Акб Nokia BL-5CA тех.упак.</t>
  </si>
  <si>
    <t>Акб Nokia BL-5CB тех.упак.</t>
  </si>
  <si>
    <t>Акб Nokia BL-5K Maverick</t>
  </si>
  <si>
    <t>Акб Nokia BL-5U</t>
  </si>
  <si>
    <t>Акб Nokia BL-6P</t>
  </si>
  <si>
    <t>Акб Nokia BL-6P Maverick</t>
  </si>
  <si>
    <t>Акб Nokia BL-6Q </t>
  </si>
  <si>
    <t>Акб Nokia BL-6Q Maverick</t>
  </si>
  <si>
    <t>Акб Nokia BLC-2 (3310) Премиум</t>
  </si>
  <si>
    <t>Акб Nokia BLD-3</t>
  </si>
  <si>
    <t>78</t>
  </si>
  <si>
    <t>Аккумулятор Nokia BL-5B</t>
  </si>
  <si>
    <t>Аккумулятор ОР. Nokia BL-4J</t>
  </si>
  <si>
    <t>Аккумулятор ОР. Nokia BL-4S</t>
  </si>
  <si>
    <t>Аккумулятор ОР. Nokia BL-4UL ( 225/225 Dual/230 ) Премиум тех. упак.</t>
  </si>
  <si>
    <t>Аккумулятор ОР. Nokia BL-5BT</t>
  </si>
  <si>
    <t>Аккумулятор ОР. Nokia BL-5CT тех.упак.</t>
  </si>
  <si>
    <t>Аккумулятор ОР. Nokia BL-5H ( 630/630 Dual ) тех. упак.</t>
  </si>
  <si>
    <t>Аккумулятор ОР. Nokia BL-5J тех.упак.</t>
  </si>
  <si>
    <t>Аккумулятор ОР. Nokia BL-5K</t>
  </si>
  <si>
    <t>Аккумулятор ОР. Nokia BL-5U</t>
  </si>
  <si>
    <t>Аккумулятор ОР. Nokia BL-6F</t>
  </si>
  <si>
    <t>169</t>
  </si>
  <si>
    <t>Аккумулятор ОР. Nokia BL-6P</t>
  </si>
  <si>
    <t>Аккумулятор ОР. Nokia BL-6Q</t>
  </si>
  <si>
    <t>Аккумулятор ОР. Nokia BL-L4A/BV-L4A ( 535 Dual/830 ) блистер</t>
  </si>
  <si>
    <t>470</t>
  </si>
  <si>
    <t>Аккумулятор ОР. Nokia BN-01 ( X Dual ) тех. упак.</t>
  </si>
  <si>
    <t>Аккумулятор ОР. Nokia BN-06 Оригинал 100%</t>
  </si>
  <si>
    <t>416</t>
  </si>
  <si>
    <t>Аккумулятор ОР. Nokia BP-4GW ( 920 ) тех. упак.</t>
  </si>
  <si>
    <t>507</t>
  </si>
  <si>
    <t>Аккумулятор ОР. Nokia BP-4GWA ( 625/720 ) тех. упак.</t>
  </si>
  <si>
    <t>598</t>
  </si>
  <si>
    <t>Аккумулятор ОР. Nokia BP-4L Премиум</t>
  </si>
  <si>
    <t>Аккумулятор ОР. Nokia BP-5T ( 820 ) тех. упак.</t>
  </si>
  <si>
    <t>Аккумулятор ОР. Nokia BP-5Z</t>
  </si>
  <si>
    <t>Аккумулятор ОР. Nokia BP-6MT (1050 mah)</t>
  </si>
  <si>
    <t>Аккумулятор ОР. Nokia BV-5J ( 435/435 Dual/532/532 Dual ) тех. упак.</t>
  </si>
  <si>
    <t>Аккумулятор ОР. Nokia BV-T4B (640 XL) тех.упак.</t>
  </si>
  <si>
    <t>Аккумулятор ОР. Nokia BV-T5A ( 730 Dual/735 ) тех. упак.</t>
  </si>
  <si>
    <t>Аккумулятор ОР. Nokia BV-T5C ( 640 ) тех. упак.</t>
  </si>
  <si>
    <t>Аккумулятор ОР. Nokia HE317 ( Nokia 6 ) тех.упак.</t>
  </si>
  <si>
    <t>Аккумулятор ОР. Nokia HE319 ( Nokia 3 ) тех.упак.</t>
  </si>
  <si>
    <t>680</t>
  </si>
  <si>
    <t xml:space="preserve">           АКБ Philips</t>
  </si>
  <si>
    <t>АКБ Philips AB1700AWML ( S388 )</t>
  </si>
  <si>
    <t>АКБ Philips AB2400AWMC ( W6500/W732/W832 ) тех. упак.</t>
  </si>
  <si>
    <t>АКБ Philips AB5000AWML ( V526/V377/V787 )</t>
  </si>
  <si>
    <t xml:space="preserve">           АКБ Prestigio</t>
  </si>
  <si>
    <t>АКБ PCDVRR505  Prestigio RoadRunner 505 оригинал</t>
  </si>
  <si>
    <t>АКБ PSP3507  Prestigio Multiphone Wize N3 оригинал</t>
  </si>
  <si>
    <t>АКБ PSP3510  Prestigio Wize G3 оригинал</t>
  </si>
  <si>
    <t>АКБ PSP3552  Prestigio Muze H3 оригинал</t>
  </si>
  <si>
    <t>АКБ PSP7510  Prestigio Muze C7 LTE оригинал</t>
  </si>
  <si>
    <t xml:space="preserve">           АКБ SAMSUNG</t>
  </si>
  <si>
    <t>АКБ Samsung (AB553850DE) D880/D980 (Maverick)</t>
  </si>
  <si>
    <t>АКБ Samsung D 780</t>
  </si>
  <si>
    <t>АКБ Samsung D 800</t>
  </si>
  <si>
    <t>АКБ Samsung D 880</t>
  </si>
  <si>
    <t>АКБ Samsung E530(Craftmann) белый</t>
  </si>
  <si>
    <t>АКБ Samsung E590(Craftmann)</t>
  </si>
  <si>
    <t>АКБ Samsung E590/E790(Maverick)</t>
  </si>
  <si>
    <t>АКБ Samsung R210/R208</t>
  </si>
  <si>
    <t>Акб Samsung X200</t>
  </si>
  <si>
    <t>Аккумулятор ОР. Samsung  A205/A305/A505 ( EB-BA505ABU ) премиум</t>
  </si>
  <si>
    <t>Аккумулятор ОР. Samsung A300H (EB-BA300ABE) оригинал 100%</t>
  </si>
  <si>
    <t>Аккумулятор ОР. Samsung A320F (EB-BA320ABE) тех.упак.</t>
  </si>
  <si>
    <t>Аккумулятор ОР. Samsung A500F (EB-BA500ABE) </t>
  </si>
  <si>
    <t>Аккумулятор ОР. Samsung A520F/J530 (EB-BA520ABE)</t>
  </si>
  <si>
    <t>Аккумулятор ОР. Samsung A530F Galaxy A8 2018 (EB-BA530ABE) тех.упак</t>
  </si>
  <si>
    <t>Аккумулятор ОР. Samsung A6 A600 2018 / J6 J600 2018 ( EB-BJ800ABE )-тех.упак.</t>
  </si>
  <si>
    <t>Аккумулятор ОР. Samsung A605F (EB-BJ805ABE) A6+ 2018</t>
  </si>
  <si>
    <t>Аккумулятор ОР. Samsung A700F (EB-BA700ABE) оригинал 100%</t>
  </si>
  <si>
    <t>Аккумулятор ОР. Samsung A730F (EB-BA730ABE) оригинал 100%</t>
  </si>
  <si>
    <t>Аккумулятор ОР. Samsung A930F (EB-BG930ABE) Galaxi S7 оригинал 100%</t>
  </si>
  <si>
    <t>Аккумулятор ОР. Samsung D780 DUOS AB474350BE</t>
  </si>
  <si>
    <t>137</t>
  </si>
  <si>
    <t>Аккумулятор ОР. Samsung E200 / J150 / S259 AB533640BU</t>
  </si>
  <si>
    <t>Аккумулятор ОР. Samsung E570/J700 AB503442CE</t>
  </si>
  <si>
    <t>Аккумулятор ОР. Samsung E590\E790\S3500 (AB403450BU)NT</t>
  </si>
  <si>
    <t>Аккумулятор ОР. Samsung G313 (EB-BG313BBE) оригинал 15000mah</t>
  </si>
  <si>
    <t>Аккумулятор ОР. Samsung G530H/J320 J500 (EB-BG530CBE) тех.упак.</t>
  </si>
  <si>
    <t>Аккумулятор ОР. Samsung G570F/DS Galaxy J5 Prime (EB-BG570ABE) оригинал 100%</t>
  </si>
  <si>
    <t>Аккумулятор ОР. Samsung G571 (EB-BG571ABE) оригинал100%</t>
  </si>
  <si>
    <t>Аккумулятор ОР. Samsung G900F/S5 (EB-BG900) тех.упак.</t>
  </si>
  <si>
    <t>Аккумулятор ОР. Samsung G930F (EB-BG930ABE) Galaxy S7  оригинал 100%</t>
  </si>
  <si>
    <t>Аккумулятор ОР. Samsung i8150/i8350/(EB484659VU)</t>
  </si>
  <si>
    <t>Аккумулятор ОР. Samsung I8260/ I8262 / SM-G350E  (B150AE) </t>
  </si>
  <si>
    <t>Аккумулятор ОР. Samsung i8552/ i8530/ G355H (EB585157LU) тех.упак</t>
  </si>
  <si>
    <t>Аккумулятор ОР. Samsung I8910 EB504465V</t>
  </si>
  <si>
    <t>Аккумулятор ОР. Samsung I900 AB653850CE/CU</t>
  </si>
  <si>
    <t>Аккумулятор ОР. Samsung I9000 EB575152VU</t>
  </si>
  <si>
    <t>Аккумулятор ОР. Samsung I9060/i9082/i9300-EB535163LU Премиум</t>
  </si>
  <si>
    <t>Аккумулятор ОР. Samsung I9070 EB535151VU в блистере</t>
  </si>
  <si>
    <t>Аккумулятор ОР. Samsung I9152/i9150-B650AE тех.упак.</t>
  </si>
  <si>
    <t>Аккумулятор ОР. Samsung I9250 EB-L1F2H VU</t>
  </si>
  <si>
    <t>208</t>
  </si>
  <si>
    <t>Аккумулятор ОР. Samsung i9260 (EB-L1L7LLU) </t>
  </si>
  <si>
    <t>Аккумулятор ОР. Samsung I9500/i9505 (B600BE) тех.упаковка</t>
  </si>
  <si>
    <t>Аккумулятор ОР. Samsung J100F (EB-BJ100BBE) тех.упак.</t>
  </si>
  <si>
    <t>Аккумулятор ОР. Samsung J130/S5360/S5300/S5302/B5510/B5512 (EB-BG130ABE) (EB454357VU) в блистере</t>
  </si>
  <si>
    <t>319</t>
  </si>
  <si>
    <t>Аккумулятор ОР. Samsung L700/C3510/S3650/S5560 (AB463651BU) BN тех.упак.</t>
  </si>
  <si>
    <t>Аккумулятор ОР. Samsung N7505 (BN750BBE) оригинал 100%</t>
  </si>
  <si>
    <t>Аккумулятор ОР. Samsung N910 (EB-BN910BBE) Note 4 Премиум</t>
  </si>
  <si>
    <t>Аккумулятор ОР. Samsung P1000/GT-P1010 оригинал тех.упак.</t>
  </si>
  <si>
    <t>Аккумулятор ОР. Samsung P550/T550/T555 оригинал 100%</t>
  </si>
  <si>
    <t>Аккумулятор ОР. Samsung P600/P601/T520/T525 Galaxy Note 10.1 оригинал 100%</t>
  </si>
  <si>
    <t>1 040</t>
  </si>
  <si>
    <t>1 060</t>
  </si>
  <si>
    <t>Аккумулятор ОР. Samsung P6200/3100/3110/6210/P6211 тех.упак.</t>
  </si>
  <si>
    <t>Аккумулятор ОР. Samsung S3600 (AB533640CU) BG тех.упак.</t>
  </si>
  <si>
    <t>Аккумулятор ОР. Samsung S7230/C6712/S5250/S5282/S5310/S5330/S5570/YP-G (EB494353)</t>
  </si>
  <si>
    <t>Аккумулятор ОР. Samsung S7262/S7272/S7275/G313H (B100AE) Премиум</t>
  </si>
  <si>
    <t>Аккумулятор ОР. Samsung SM-T110/T111/T113/T116 Galaxy Tab 3 Lite 7.0 (3600mAh) оригинал 100%</t>
  </si>
  <si>
    <t>910</t>
  </si>
  <si>
    <t>Аккумулятор ОР. Samsung SM-T210/T2105/T211 SP4960C3C тех.упак.</t>
  </si>
  <si>
    <t>Аккумулятор ОР. Samsung SM-T230/T235 оригинал 100%</t>
  </si>
  <si>
    <t>Аккумулятор ОР. Samsung SM-T585 (EB-BT585ABE) оригинал 100%</t>
  </si>
  <si>
    <t>860</t>
  </si>
  <si>
    <t>Аккумулятор ОР. Samsung SM-T800/T801/T805/T807 оригинал 100%</t>
  </si>
  <si>
    <t>Аккумулятор ОР. Samsung U600 (AB423643CU) AA</t>
  </si>
  <si>
    <t>Аккумулятор ОР. Samsung X200/Е1200/E1202 (AB463446BU) Премиум</t>
  </si>
  <si>
    <t xml:space="preserve">           АКБ Siemens</t>
  </si>
  <si>
    <t>Акб.Siemens C62</t>
  </si>
  <si>
    <t xml:space="preserve">           АКБ SONY-ERICSSON</t>
  </si>
  <si>
    <t>АКБ Craftman Sony Ericsson K700/T230</t>
  </si>
  <si>
    <t>Акб Sony Ericsson BA-750(Maverick)</t>
  </si>
  <si>
    <t>Акб Sony Ericsson BST-39 (Maverick)</t>
  </si>
  <si>
    <t>Аккумулятор ОР. Sony AGPB009-A003 ( ST27i Go ) тех. упак.</t>
  </si>
  <si>
    <t>Аккумулятор ОР. Sony AGPB012-A001 ( D5303/XM50T T2 Ultra/D5322 T2 Ultra Dual ) тех. упак.</t>
  </si>
  <si>
    <t>Аккумулятор ОР. Sony AGPB016-A001 ( E5603 M5/E5633 M5 Dual )</t>
  </si>
  <si>
    <t>Аккумулятор ОР. Sony BA900 ( ST26i J/LT29i/C1905/C1904/C2004/C2005 )</t>
  </si>
  <si>
    <t>Аккумулятор ОР. Sony Ericsson BA600</t>
  </si>
  <si>
    <t>189</t>
  </si>
  <si>
    <t>Аккумулятор ОР. Sony Ericsson BA750</t>
  </si>
  <si>
    <t>Аккумулятор ОР. Sony Ericsson BA800</t>
  </si>
  <si>
    <t>Аккумулятор ОР. Sony Ericsson BST-30</t>
  </si>
  <si>
    <t>Аккумулятор ОР. Sony Ericsson BST-39</t>
  </si>
  <si>
    <t>Аккумулятор ОР. Sony Ericsson BST-40</t>
  </si>
  <si>
    <t>Аккумулятор ОР. Sony Ericsson BST-41</t>
  </si>
  <si>
    <t>Аккумулятор ОР. Sony Ericsson BST-43</t>
  </si>
  <si>
    <t>Аккумулятор ОР. Sony Ericsson EP500 </t>
  </si>
  <si>
    <t>Аккумулятор ОР. Sony LIS1489ERPC ( LT26w Acro S ) тех. упак.</t>
  </si>
  <si>
    <t>Аккумулятор ОР. Sony LIS1501ERPC ( C6503 ZL ) тех. упак.</t>
  </si>
  <si>
    <t>Аккумулятор ОР. Sony LIS1502ERPC ( C6603 Z/C2305 C ) премиум тех. упак.</t>
  </si>
  <si>
    <t>Аккумулятор ОР. Sony LIS1509ERPC ( C5302 SP ) тех. упак.</t>
  </si>
  <si>
    <t>Аккумулятор ОР. Sony LIS1558ERPC ( D6603 Z3/D6633 Z3 Dual ) тех. упак.</t>
  </si>
  <si>
    <t>Аккумулятор ОР. Sony LIS1574ERPC ( E2003 E4g/E2033 E4g Dual/E2105 E4/E2115 E4 Dual ) - тех.упак.</t>
  </si>
  <si>
    <t>Аккумулятор ОР. Sony LIS1576ERPC ( E2303 M4/E2312 M4 Dual ) - тех.упак.</t>
  </si>
  <si>
    <t>Аккумулятор ОР. Sony LIS1579ERPC ( E6553 Z3+/E6533 Z3+ Dual ) - тех.упак.</t>
  </si>
  <si>
    <t>Аккумулятор ОР. Sony LIS1593ERPC ( E6653 Z5/E6683 Z5 Dual ) тех. упак.</t>
  </si>
  <si>
    <t xml:space="preserve">           АКБ TELE 2</t>
  </si>
  <si>
    <t>АКБ TELE 2- Midi BL-231</t>
  </si>
  <si>
    <t>АКБ TELE 2- Mini BL-252</t>
  </si>
  <si>
    <t xml:space="preserve">           АКБ Wexler</t>
  </si>
  <si>
    <t>акб Wexler T7022 (3,7v/2800ma)</t>
  </si>
  <si>
    <t>акб Wexler TAB7B (3,7v/2000ma)</t>
  </si>
  <si>
    <t xml:space="preserve">           АКБ Xiaomi</t>
  </si>
  <si>
    <t>АКБ  Xiaomi BM3F ( Mi 8 Pro )</t>
  </si>
  <si>
    <t>АКБ Xiaomi BM34 ( Mi Note Pro )</t>
  </si>
  <si>
    <t>АКБ Xiaomi BM37 ( Xiaomi Mi 5S Plus )</t>
  </si>
  <si>
    <t>АКБ Xiaomi BM47 ( Xiaomi Redmi 3/Redmi 3S/Redmi 3 Pro/Redmi 4X)</t>
  </si>
  <si>
    <t>АКБ Xiaomi BM49 ( Xiaomi Mi Max )</t>
  </si>
  <si>
    <t>АКБ Xiaomi BM4J (Redmi Note 8 Pro) </t>
  </si>
  <si>
    <t>АКБ Xiaomi BN30 ( Redmi 4A )</t>
  </si>
  <si>
    <t>640</t>
  </si>
  <si>
    <t>АКБ Xiaomi BN37 ( Redmi 6/6A )</t>
  </si>
  <si>
    <t>АКБ Xiaomi BN41 ( Redmi Note 4/Note 4 Pro )</t>
  </si>
  <si>
    <t>АКБ Xiaomi BN42 ( Redmi 4 )</t>
  </si>
  <si>
    <t>АКБ Xiaomi BN44 (Redmi 5 PLUS)</t>
  </si>
  <si>
    <t>АКБ Xiaomi BN45 (Redmi Note 5/Note 5 Pro)</t>
  </si>
  <si>
    <t>АКБ Xiaomi BN46 ( Redmi 7/Note 8/8T )</t>
  </si>
  <si>
    <t>АКБ Xiaomi BN47 ( Mi A2 Lite/Redmi 6 Pro )</t>
  </si>
  <si>
    <t xml:space="preserve">           АКБ ZTE</t>
  </si>
  <si>
    <t>АКБ ZTE Li3820T43P3h636338 ( Blade L2 ) тех. упак.</t>
  </si>
  <si>
    <t>АКБ ZTE Li3821T43P3h745741 ( Blade L5/L5 Plus )</t>
  </si>
  <si>
    <t>АКБ ZTE Li3822T43P3h725638 ( Blade A510 )</t>
  </si>
  <si>
    <t>АКБ ZTE Li3826T43P4h695950 ( Blade A5 2019/A3 2020 )</t>
  </si>
  <si>
    <t>АКБ ZTE Li3830T43P4h835750 ( S291/Grand S2 ) тех. упак.</t>
  </si>
  <si>
    <t>АКБ ZTE Li3830T43P6h856337 ( Blade X9 ) тех. упак.</t>
  </si>
  <si>
    <t xml:space="preserve">           АКБ Универсальная</t>
  </si>
  <si>
    <t>акб  IRBIS HIT  TZ49 оригинал 100%</t>
  </si>
  <si>
    <t>АКБ Tecno BL-49FT (Tecno Spark 5 Air/Spark 6 Go/POP 5 LTE/Camon 15/15 Air/Spark Go 2022/Spark 8P/Spa</t>
  </si>
  <si>
    <t>АКБ Turbokids 3G</t>
  </si>
  <si>
    <t>АКБ МТС Smart Race 4G</t>
  </si>
  <si>
    <t>АКБ универсальная 304569p 3,7v Li-Pol 2000 mAh (3*45*69 mm)</t>
  </si>
  <si>
    <t>АКБ универсальная 307092p 3,7v Li-Pol 2000 mAh (3*70*92 mm)</t>
  </si>
  <si>
    <t>АКБ универсальная 3480102p 3,7v Li-Pol 3500 mAh (3.4*80*102 mm)</t>
  </si>
  <si>
    <t>АКБ универсальная 355490p 3,7v Li-Pol 3200 mAh (3.5*54*90 mm)</t>
  </si>
  <si>
    <t>АКБ универсальная 3555140p 3,7v Li-Pol 3200 mAh (3.5*55*140 mm)</t>
  </si>
  <si>
    <t>Акб универсальная 357090P 2500mAh размер 0,35x7x9 см</t>
  </si>
  <si>
    <t>АКБ универсальная 367590p 3,7v Li-Pol 4000 mAh (3.6*75*90 mm)</t>
  </si>
  <si>
    <t>АКБ универсальная 3766125p 3,7v Li-Pol 4000 mAh (3.7*66*125 mm)</t>
  </si>
  <si>
    <t>АКБ универсальная 386580p 3,7v Li-Pol 2500 mAh (3.8*65*80 mm)</t>
  </si>
  <si>
    <t>АКБ универсальная 401030p 3,7v Li-Pol 200 mAh (4*10*30 mm)</t>
  </si>
  <si>
    <t>АКБ универсальная 402530p 3,7v Li-Pol 300 mAh (4*25*30 mm)</t>
  </si>
  <si>
    <t>АКБ универсальная 403035p 3,7v Li-Pol 500 mAh (4*30*35 mm)</t>
  </si>
  <si>
    <t>АКБ универсальная 403450p 3,7v Li-Pol 1000 mAh (4*34*50 mm)</t>
  </si>
  <si>
    <t>АКБ универсальная 406075p 3,7v Li-Pol 3000 mAh (4*60*75 mm)</t>
  </si>
  <si>
    <t>АКБ универсальная 406090p 3,7v Li-Pol 3000 mAh (4*60*90 mm)</t>
  </si>
  <si>
    <t>АКБ универсальная 475070p 3,7v Li-Pol 2500 mAh (4.7*50*70 mm)</t>
  </si>
  <si>
    <t>АКБ универсальная 562438p 3,7v Li-Pol 600 mAh (5.6*24*38 mm)</t>
  </si>
  <si>
    <t>АКБ универсальная 721855p 3,7v Li-Pol 500 mAh (7.2*18*55 mm)</t>
  </si>
  <si>
    <t>АКБ универсальная 802540p 3,7v Li-Pol 1000 mAh (8*25*40 mm)</t>
  </si>
  <si>
    <t>АКБ универсальная 903048p 3,7v Li-Pol 1800 mAh (9*30*48 mm)</t>
  </si>
  <si>
    <t xml:space="preserve">           АКБ Фотоаппарат</t>
  </si>
  <si>
    <t>АКБ Фотоаппарат ST-FNP40 (1200 Ma.h)</t>
  </si>
  <si>
    <t xml:space="preserve">      Антенна</t>
  </si>
  <si>
    <t xml:space="preserve">           Антенна</t>
  </si>
  <si>
    <t>Антенна iPad 3 на GPS</t>
  </si>
  <si>
    <t>Антенна iPad 3/4 GSM (правая)</t>
  </si>
  <si>
    <t>Антенна iPad 3/4 на WiFi</t>
  </si>
  <si>
    <t>Антенна iPad Air 3G комплект 2шт.</t>
  </si>
  <si>
    <t>Антенна iPad Air GPS</t>
  </si>
  <si>
    <t>Антенна iPad Air WiFi</t>
  </si>
  <si>
    <t>Антенна iPhone 4 внутренняя</t>
  </si>
  <si>
    <t>Антенна iPhone 4S</t>
  </si>
  <si>
    <t>Антенна iPhone 5G Wi-Fi внутренняя</t>
  </si>
  <si>
    <t>Антенна iPhone 5S Wi-Fi </t>
  </si>
  <si>
    <t>Антенна iPhone 6 Plus Wi-Fi </t>
  </si>
  <si>
    <t>Антенна iPhone 6 Wi-Fi </t>
  </si>
  <si>
    <t>Антенна iPhone 6S Wi-Fi</t>
  </si>
  <si>
    <t>Антенна Nokia 3120c модуль со звонком-оригинал 100%</t>
  </si>
  <si>
    <t>Антенна Nokia 6101 внутренняя</t>
  </si>
  <si>
    <t>Антенна Nokia 620/820 в сборе</t>
  </si>
  <si>
    <t>Антенна Nokia C3-00-оригинал</t>
  </si>
  <si>
    <t>Антенна Nokia C3-01 в сборе</t>
  </si>
  <si>
    <t>Антенна Nokia C5-03 внутренняя в сборе с динамиком и звонком оригинал 100%</t>
  </si>
  <si>
    <t>Антенна Nokia N97 модуль со звонком-оригинал 100%</t>
  </si>
  <si>
    <t>Антенна SonyEricsson  MK16 (Xperia Pro) в сборе</t>
  </si>
  <si>
    <t>Антенный провод LG D821 (Nexus 5) комплект 2 шт.</t>
  </si>
  <si>
    <t>Антенный провод Nokia 925</t>
  </si>
  <si>
    <t>Антенный провод Samsung A105F (A10)</t>
  </si>
  <si>
    <t>Антенный провод Samsung G900/S5 38.5 mm Белый</t>
  </si>
  <si>
    <t>Антенный провод Samsung G900/S5 40.5 mm Синий</t>
  </si>
  <si>
    <t>Антенный провод Samsung G920F/S6 33 mm Белый</t>
  </si>
  <si>
    <t>Антенный провод Samsung G920F/S6 51 mm Красный</t>
  </si>
  <si>
    <t>Антенный провод Samsung i9300</t>
  </si>
  <si>
    <t>Антенный провод Samsung i9500/i9505</t>
  </si>
  <si>
    <t>Антенный провод Samsung N7100</t>
  </si>
  <si>
    <t>Антенный провод Sony C5502 (ZR)</t>
  </si>
  <si>
    <t>Антенный провод Sony D2203/D2212 (E3/E3 Dual) Белый</t>
  </si>
  <si>
    <t>Антенный провод Sony D5803 (Z3 Compact)</t>
  </si>
  <si>
    <t>Антенный провод Sony D6503 (Z2)</t>
  </si>
  <si>
    <t>Антенный провод Sony D6603/D6633 (Z3/Z3 Dual) Синий</t>
  </si>
  <si>
    <t>Антенный провод универсальный 110 мм.</t>
  </si>
  <si>
    <t>Антенный провод универсальный 115 мм.</t>
  </si>
  <si>
    <t>Антенный провод универсальный 120 мм.</t>
  </si>
  <si>
    <t>Антенный провод универсальный 150 мм.</t>
  </si>
  <si>
    <t>Антенный провод универсальный 166 мм.</t>
  </si>
  <si>
    <t>Антенный провод универсальный 90 мм.</t>
  </si>
  <si>
    <t xml:space="preserve">      Вибромотор</t>
  </si>
  <si>
    <t xml:space="preserve">           Вибромотор</t>
  </si>
  <si>
    <t>Вибромотор iPhone 3G/3Gs</t>
  </si>
  <si>
    <t>Вибромотор iPhone 4</t>
  </si>
  <si>
    <t>Вибромотор iPhone 4S</t>
  </si>
  <si>
    <t>Вибромотор iPhone 5/5S</t>
  </si>
  <si>
    <t>Вибромотор iPhone 5C</t>
  </si>
  <si>
    <t>Вибромотор iPhone 6 </t>
  </si>
  <si>
    <t>Вибромотор iPhone 6 Plus</t>
  </si>
  <si>
    <t>Вибромотор iPhone 7</t>
  </si>
  <si>
    <t>Вибромотор iPhone X/XR/11</t>
  </si>
  <si>
    <t xml:space="preserve">      Винт</t>
  </si>
  <si>
    <t xml:space="preserve">           Винт</t>
  </si>
  <si>
    <t>Винт IPhone 4 (49 шт.)</t>
  </si>
  <si>
    <t>Винт IPhone 4/4S системного разъема внешний(10шт)</t>
  </si>
  <si>
    <t>Винт IPhone 4S (49 шт.)</t>
  </si>
  <si>
    <t>Винт IPhone 5 комплект</t>
  </si>
  <si>
    <t>Винт iPhone 5/5S внешний (10 шт.) Серебро</t>
  </si>
  <si>
    <t>Винт iPhone 5/5S внешний (10 шт.) Черный</t>
  </si>
  <si>
    <t>Винт IPhone 5c комплект</t>
  </si>
  <si>
    <t>Винт iPhone 6 Plus (комплект) чёрный</t>
  </si>
  <si>
    <t>Винт iPhone 6/6 Plus внешний (10 шт.) Золото</t>
  </si>
  <si>
    <t>Винт iPhone 6/6 Plus внешний (10 шт.) Серебро</t>
  </si>
  <si>
    <t>Винт iPhone 6S (внутренние)</t>
  </si>
  <si>
    <t>Винт iPhone 6S/6S Plus внешний (10 шт.) Золото</t>
  </si>
  <si>
    <t>Винт iPhone 6S/6S Plus внешний (10 шт.) Серебро</t>
  </si>
  <si>
    <t>Винт iPhone 7 / 7 Plus внешний (10 шт.) Чёрный</t>
  </si>
  <si>
    <t>Винт iPhone 7 7 Plus внешний (10 шт.) Серебро</t>
  </si>
  <si>
    <t>Винт iPhone X (комплект) внутренний</t>
  </si>
  <si>
    <t>Винт iPhone X/Xs/Xs Max/11/11 Pro/11 Pro Max внешний (10 шт.) Серебро</t>
  </si>
  <si>
    <t>Винт iPhone X/Xs/Xs Max/11/11 Pro/11 Pro Max внешний (10 шт.) Чёрный</t>
  </si>
  <si>
    <t>Винт iPhone Xr внешний (2 шт.) Черный</t>
  </si>
  <si>
    <t>Винт Nokia C6-00/6700s/N97 mini/E75/7100s (M1.4*2.5) оригинал 100% (комплект 10 шт.)</t>
  </si>
  <si>
    <t>Винт Nokia C7-00  (M1.6*4.5) оригинал 100% (комплект 10 шт.)</t>
  </si>
  <si>
    <t xml:space="preserve">      Джойстик</t>
  </si>
  <si>
    <t xml:space="preserve">           Джойстик</t>
  </si>
  <si>
    <t>Джойстик(механизм) Nokia 5610</t>
  </si>
  <si>
    <t>Джойстик(механизм) Nokia 5610 оригинал 100%</t>
  </si>
  <si>
    <t>Джойстик(механизм) Nokia 6600/7560</t>
  </si>
  <si>
    <t>Джойстик(механизм) Nokia E61 на подложке оригинал 100%</t>
  </si>
  <si>
    <t>Джойстик(механизм) Philips X530</t>
  </si>
  <si>
    <t>Джойстик(механизм) Sony PSP 1000</t>
  </si>
  <si>
    <t>Джойстик(механизм) Sony PSP 2000</t>
  </si>
  <si>
    <t>Джойстик(механизм) SonyEricsson K700/K750...</t>
  </si>
  <si>
    <t xml:space="preserve">      Динамик (speaker)</t>
  </si>
  <si>
    <t xml:space="preserve">           Динамик (speaker) Alcatel</t>
  </si>
  <si>
    <t>Динамик (speaker) Alcatel OT-8020/OT-8030/OT-8008/OT-8000/OT-7050/OT-7041/OT-7025/OT-6050/OT-6040</t>
  </si>
  <si>
    <t xml:space="preserve">           Динамик (speaker) Apple</t>
  </si>
  <si>
    <t>Динамик (speaker) iPhone 11</t>
  </si>
  <si>
    <t>Динамик (speaker) iPhone 11 Pro</t>
  </si>
  <si>
    <t>Динамик (speaker) iPhone 11 Pro Max</t>
  </si>
  <si>
    <t>Динамик (speaker) iPhone 4</t>
  </si>
  <si>
    <t>Динамик (speaker) iPhone 4 S</t>
  </si>
  <si>
    <t>Динамик (speaker) iPhone 5</t>
  </si>
  <si>
    <t>Динамик (speaker) iPhone 5C</t>
  </si>
  <si>
    <t>Динамик (speaker) iPhone 5s</t>
  </si>
  <si>
    <t>Динамик (speaker) iPhone 6</t>
  </si>
  <si>
    <t>Динамик (speaker) iPhone 6 Plus</t>
  </si>
  <si>
    <t>Динамик (speaker) iPhone 6S</t>
  </si>
  <si>
    <t>Динамик (speaker) iPhone 6S Plus</t>
  </si>
  <si>
    <t>Динамик (speaker) iPhone 7/8/SE(2020)</t>
  </si>
  <si>
    <t>Динамик (speaker) iPhone X</t>
  </si>
  <si>
    <t>Динамик (speaker) iPhone Xr</t>
  </si>
  <si>
    <t>Динамик (speaker) iPhone Xs</t>
  </si>
  <si>
    <t>Динамик (speaker) iPhone Xs Max</t>
  </si>
  <si>
    <t xml:space="preserve">           Динамик (speaker) Fly</t>
  </si>
  <si>
    <t>Динамик  Fly DS120/E176/E133/E134/ E141TV/E151/B501 оригинал 100%</t>
  </si>
  <si>
    <t xml:space="preserve">           Динамик (speaker) HTC</t>
  </si>
  <si>
    <t>Динамик (speaker) HTC HD2</t>
  </si>
  <si>
    <t>Динамик (speaker) HTC Sensation(XE/XL)/WT19/G14/G18/G21/Rhyme/G20 (15*5 мм на лапках)</t>
  </si>
  <si>
    <t xml:space="preserve">           Динамик (speaker) Huawei</t>
  </si>
  <si>
    <t>Динамик (speaker) Huawei Ascend G7/G8/Ascend P6/Ascend Mate 7/Honor 4C Pro/Honor 5C</t>
  </si>
  <si>
    <t>Динамик (speaker) Huawei P9 Lite/P8 Lite/P8/Honor 7X/Honor 8 Pro/Nova 2/Nova 2 Plus/P10 Lite</t>
  </si>
  <si>
    <t>Динамик (speaker) для Huawei P9/P9 Plus/Honor 8/Nova/Honor 9/Honor 9 Premium/P10/P10 Plus/P20</t>
  </si>
  <si>
    <t>Динамик (speaker) для Huawei Y6 2019/Y6 Prime 2019/P Smart Z/P30 Lite/P30/Honor 20/20 Pro</t>
  </si>
  <si>
    <t xml:space="preserve">           Динамик (speaker) LG</t>
  </si>
  <si>
    <t>Динамик (speaker) LG E960 Nexus 4</t>
  </si>
  <si>
    <t>Динамик (speaker) LG E975/P940/P895</t>
  </si>
  <si>
    <t>Динамик (speaker) LG KP500</t>
  </si>
  <si>
    <t xml:space="preserve">           Динамик (speaker) Meizu</t>
  </si>
  <si>
    <t>Динамик (speaker) Meizu MX5/MX6/M3E/M5 Note/M5s/Pro 6 Plus/M5c/M6/M6T/M8c</t>
  </si>
  <si>
    <t xml:space="preserve">           Динамик (speaker) Motorola</t>
  </si>
  <si>
    <t>Динамик (speaker) Motorola L6 с коннектором</t>
  </si>
  <si>
    <t>Динамик (speaker) Motorola V3/E398/PEBL U6/V3i/C380/С390/E1/C250</t>
  </si>
  <si>
    <t xml:space="preserve">           Динамик (speaker) Nokia</t>
  </si>
  <si>
    <t>Динамик (speaker) Nokia 1100/1110/1112/1200/1208/6030/7370 </t>
  </si>
  <si>
    <t>Динамик (speaker) Nokia 1520/620/225/225 Dual</t>
  </si>
  <si>
    <t>Динамик (speaker) Nokia 3/Nokia 2/Nokia 5/Nokia 8/Xiaomi Redmi Note 5A/Xiaomi Redmi Note 5A Prime</t>
  </si>
  <si>
    <t>Динамик (speaker) Nokia 303/305/500/535/600/610/700/820/920/MT27i </t>
  </si>
  <si>
    <t>Динамик (speaker) Nokia 6300/6230/3110C/5070/6120C/N900/N95/5000/1208 </t>
  </si>
  <si>
    <t>Динамик (speaker) Nokia 6610/3230/3250/5500/6100/6270/6630/6680/7610/N70/N72</t>
  </si>
  <si>
    <t>Динамик (speaker) Nokia 7.1 (2018)/8.1 (2018)</t>
  </si>
  <si>
    <t>Динамик (speaker) Nokia E65/N9/2700C/5130/5250/C5/800/203/202/300/302/X2/X3-02/3G/3G</t>
  </si>
  <si>
    <t>Динамик (speaker) Nokia E71/5230/5800/6303/7310S/600/603/900/710/200/201/X6/E6/X7/C7/C6-00 оригинал</t>
  </si>
  <si>
    <t xml:space="preserve">           Динамик (speaker) Samsung</t>
  </si>
  <si>
    <t>Динамик (buzzer+speaker) Samsung C170</t>
  </si>
  <si>
    <t>Динамик (speaker) Samsung A207F/A015F/A107F/M015F/A025F</t>
  </si>
  <si>
    <t>Динамик (speaker) Samsung A300F/A500F/A700FD на шлейфе </t>
  </si>
  <si>
    <t>Динамик (speaker) Samsung A310F/A510F/A710F/J320F</t>
  </si>
  <si>
    <t>Динамик (speaker) Samsung C3200 на шлейфе</t>
  </si>
  <si>
    <t>Динамик (speaker) Samsung C3330/С3332 на шлейфе</t>
  </si>
  <si>
    <t>Динамик (speaker) Samsung C3520 на шлейфе/микрофон</t>
  </si>
  <si>
    <t>Динамик (speaker) Samsung C3595 на шлейфе/вибро оригинал 100%</t>
  </si>
  <si>
    <t>Динамик (speaker) Samsung C6112 на шлейфе</t>
  </si>
  <si>
    <t>Динамик (speaker) Samsung G318H/G313H/J105H на шлейфе </t>
  </si>
  <si>
    <t>Динамик (speaker) Samsung G318H/G313H/J105H на шлейфе оригинал 100%</t>
  </si>
  <si>
    <t>Динамик (speaker) Samsung G350E/T111 оригинал 100%</t>
  </si>
  <si>
    <t>Динамик (speaker) Samsung G355H на шлейфе оригинал 100%</t>
  </si>
  <si>
    <t>Динамик (speaker) Samsung J100H оригинал 100%</t>
  </si>
  <si>
    <t>Динамик (speaker) Samsung J120F на шлейфе </t>
  </si>
  <si>
    <t>Динамик (speaker) Samsung S5330 нa шлейфе c микрофоном</t>
  </si>
  <si>
    <t>Динамик (speaker) Samsung S5350 нa шлейфе c вибро</t>
  </si>
  <si>
    <t>Динамик (speaker) Samsung S5360/S5363/S5300/S5302 на шлейфе</t>
  </si>
  <si>
    <t>Динамик (speaker) Samsung S5610/E3300 оригинал 100%</t>
  </si>
  <si>
    <t>Динамик (speaker) Samsung S7262 оригинал 100%</t>
  </si>
  <si>
    <t>Динамик (speaker) Samsung T211 на шлейфе оригинал 100%</t>
  </si>
  <si>
    <t>Динамик (speaker) Samsung X700 (самый маленький 5mm*9mm*3mm с проводами)</t>
  </si>
  <si>
    <t xml:space="preserve">           Динамик (speaker) SonyEricsson</t>
  </si>
  <si>
    <t>Динамик (speaker) Sony C2305/D5102/D5103/D2203/D2212/E2105/E2115 (C/T3/E3/E3 Dual/E4/E4 Dual)</t>
  </si>
  <si>
    <t>Динамик (speaker) Sony C6602 (Z)/LT25i (V)/C6833 (Z Ultra)/C6903 (Z1)/D5503 (Z1 Compact)</t>
  </si>
  <si>
    <t>Динамик (speaker) Sony D6503/D5803/E6553/E6533/E6653/E6683 (Z2/Z3 Compactl/Z3+/Z5)</t>
  </si>
  <si>
    <t>Динамик (speaker) Sony D6603/D6633 (Z3/Z3 Dual)</t>
  </si>
  <si>
    <t>Динамик (speaker) Sony E2003/E2033 (E4g/E4g Dual)</t>
  </si>
  <si>
    <t>Динамик (speaker) Sony E2303/E2312/E5603/E5633 (M4/M5)</t>
  </si>
  <si>
    <t>Динамик (speaker) Sony E5303/E5333 (C4/C4 Dual)</t>
  </si>
  <si>
    <t>Динамик (speaker) Sony E5533/F3311 (C5 Ultra Dual/E5)</t>
  </si>
  <si>
    <t>Динамик (speaker) SonyEricsson G705/W705/W715</t>
  </si>
  <si>
    <t>Динамик (speaker) SonyEricsson K310/W200</t>
  </si>
  <si>
    <t>Динамик (speaker) SonyEricsson K510</t>
  </si>
  <si>
    <t>Динамик (speaker) SonyEricsson K550i/ W610i/ G700i/ G900i/ K770i/ M600i/ T650i/ W950i оригинал 100%</t>
  </si>
  <si>
    <t>Динамик (speaker) SonyEricsson K790/K800/W550/Z550</t>
  </si>
  <si>
    <t>Динамик (speaker) SonyEricsson S500/W580</t>
  </si>
  <si>
    <t>Динамик (speaker) SonyEricsson T303</t>
  </si>
  <si>
    <t>Динамик (speaker) SonyEricsson W595 со шлейфом</t>
  </si>
  <si>
    <t>Динамик (speaker) SonyEricsson W595 со шлейфом оригинал 100%</t>
  </si>
  <si>
    <t xml:space="preserve">           Динамик (speaker) Xiaomi</t>
  </si>
  <si>
    <t>Динамик (speaker)  Xiaomi Redmi Note 7/Redmi 7/Mi A3/Mi Play/Redmi 8/Redmi Note 8/Mi Note 10</t>
  </si>
  <si>
    <t>Динамик (speaker) Xiaomi Mi 5</t>
  </si>
  <si>
    <t xml:space="preserve">           Динамик (speaker) универсальный</t>
  </si>
  <si>
    <t>Динамик универсальный 10мм*5мм на лапках</t>
  </si>
  <si>
    <t>Динамик универсальный 10мм*5мм с проводами</t>
  </si>
  <si>
    <t>Динамик универсальный 12мм*6мм на лапках</t>
  </si>
  <si>
    <t>Динамик универсальный 15мм*6мм на лапках</t>
  </si>
  <si>
    <t xml:space="preserve">      Дисплей</t>
  </si>
  <si>
    <t xml:space="preserve">           Дисплей Alcatel</t>
  </si>
  <si>
    <t>Дисплей Alcatel OT-1016D</t>
  </si>
  <si>
    <t>Дисплей Alcatel OT-1035D</t>
  </si>
  <si>
    <t>Дисплей Alcatel OT-1052D</t>
  </si>
  <si>
    <t>Дисплей Alcatel OT-3041D/3040</t>
  </si>
  <si>
    <t>Дисплей Alcatel OT-4007D/OT-4014D/OT-4015D/OT-4018 (Pixi/Pixi 2/C1/D1</t>
  </si>
  <si>
    <t>Дисплей Alcatel OT-4009D (Pixi 3) (3,5")</t>
  </si>
  <si>
    <t>Дисплей Alcatel OT-4010/4030/МТС 970 (T'Pop/S'Pop)</t>
  </si>
  <si>
    <t>Дисплей Alcatel OT-4013D/OT-4045D (Pixi 3) (4")/(Pop 2) (4")</t>
  </si>
  <si>
    <t>Дисплей Alcatel OT-4027D/5017D/5017D/5017X (Pixi 3) (4.5" 3G) в сборе с тачскрином Черный</t>
  </si>
  <si>
    <t>Дисплей Alcatel OT-4033D/4032X/4032D/4035X/4035D (Pop C2/C3/D3)</t>
  </si>
  <si>
    <t>Дисплей Alcatel OT-4034D (Pixi 4)</t>
  </si>
  <si>
    <t>Дисплей Alcatel OT-5015D (Pop 3) (5")</t>
  </si>
  <si>
    <t>Дисплей Alcatel OT-5020/МТС 972 (M'Pop)</t>
  </si>
  <si>
    <t>Дисплей Alcatel OT-5036D/OT-5036X/OT-5038D (Pop C5/Pop D5)</t>
  </si>
  <si>
    <t>Дисплей Alcatel OT-5045D (Pixi 4) (5")</t>
  </si>
  <si>
    <t>Дисплей Alcatel OT-5050X (Pop S3)</t>
  </si>
  <si>
    <t>Дисплей Alcatel OT-6036Y (Idol 2 Mini S) в сборе с тачскрином Черный</t>
  </si>
  <si>
    <t>Дисплей Alcatel OT-6040D (Idol X) в сборе с тачскрином Черный</t>
  </si>
  <si>
    <t>Дисплей Alcatel OT-6043D (Idol X+) в сборе с тачскрином Черный</t>
  </si>
  <si>
    <t>Дисплей Alcatel OT-7047D (Pop C9)</t>
  </si>
  <si>
    <t>Дисплей Alcatel OT-8050D (Pixi 4) (6")</t>
  </si>
  <si>
    <t xml:space="preserve">           Дисплей Apple</t>
  </si>
  <si>
    <t>Дисплей iPad 2/tm-9767/tm-9757</t>
  </si>
  <si>
    <t>1 760</t>
  </si>
  <si>
    <t>Дисплей iPad 3/iPad 4</t>
  </si>
  <si>
    <t>Дисплей iPad Mini 2 Retina/Mini 3/Mini 4</t>
  </si>
  <si>
    <t>Дисплей IPhone 3G оригинал</t>
  </si>
  <si>
    <t>Дисплей iPhone 4 в сборе Белый - Аналог</t>
  </si>
  <si>
    <t>Дисплей iPhone 4S в сборе white (бел.) -Аналог</t>
  </si>
  <si>
    <t>Дисплей iPhone 4S в сборе Черный -Аналог</t>
  </si>
  <si>
    <t>Дисплей iPhone 5 в сборе белый (аналог)</t>
  </si>
  <si>
    <t>Дисплей iPhone 5 в сборе черный (аналог)</t>
  </si>
  <si>
    <t>Дисплей iPhone 5C в сборе чёрный (аналог)</t>
  </si>
  <si>
    <t>Дисплей iPhone 6 plus в сборе белый (аналог)</t>
  </si>
  <si>
    <t>Дисплей iPhone 6 plus в сборе чёрный (аналог)</t>
  </si>
  <si>
    <t>Дисплей iPhone 6S Plus в сборе Черный (аналог)</t>
  </si>
  <si>
    <t>Дисплей iPhone 7 в сборе Черный (аналог)</t>
  </si>
  <si>
    <t>Дисплей iPhone 8 Plus в сборе Чёрный </t>
  </si>
  <si>
    <t>Дисплей iPod Nano 6 gen. в сборе с тачскрином</t>
  </si>
  <si>
    <t>Дисплей iPod Nano 7 gen.</t>
  </si>
  <si>
    <t>Дисплей iPod Touch 3G</t>
  </si>
  <si>
    <t xml:space="preserve">           Дисплей Asus</t>
  </si>
  <si>
    <t>Дисплей Asus Fonepad (ME371MG/k004)</t>
  </si>
  <si>
    <t>Дисплей Asus Fonepad 7 (FE170CG)</t>
  </si>
  <si>
    <t>Дисплей Asus Fonepad 7 (ME372CG/k00E)</t>
  </si>
  <si>
    <t>Дисплей Asus MeMO Pad (ME172V) в сборе с тачскрином Черный</t>
  </si>
  <si>
    <t>Дисплей Asus MeMO Pad HD 7 (ME173X) со шлейфом</t>
  </si>
  <si>
    <t>Дисплей Asus Nexus 7 Tab WiFi модуль - ОРИГИНАЛ</t>
  </si>
  <si>
    <t>Дисплей Asus Nexus 7 Tab в сборе с тачскрином - Аналог</t>
  </si>
  <si>
    <t>Дисплей Asus ZE552KL (ZenFone 3) в сборе с тачскрином Черный</t>
  </si>
  <si>
    <t>Дисплей Asus ZenFone 2 (ZE500CL) в сборе с тачскрином Черный</t>
  </si>
  <si>
    <t>Дисплей Asus ZenFone 2 Laser ZE550KL  в сборе с тачскрином Черный</t>
  </si>
  <si>
    <t>Дисплей Asus ZenFone 4 (A400CG) в сборе с тачскрином Черный</t>
  </si>
  <si>
    <t>Дисплей Asus ZenFone 4 (A450CG) в сборе с тачскрином Черный</t>
  </si>
  <si>
    <t>Дисплей Asus ZenFone 5 (A500KL/A501CG) в сборе с тачскрином Черный</t>
  </si>
  <si>
    <t>Дисплей Asus ZenFone C (ZC451CG) в сборе с тачскрином Черный</t>
  </si>
  <si>
    <t>Дисплей Asus ZenFone Go (ZB452KG) (FPC9396H- V0)  в сборе с тачскрином Черный</t>
  </si>
  <si>
    <t>Дисплей Asus ZenFone Selfie (ZD551KL) в сборе с тачскрином Черный</t>
  </si>
  <si>
    <t>940</t>
  </si>
  <si>
    <t xml:space="preserve">           Дисплей Explay</t>
  </si>
  <si>
    <t>Дисплей Explay Air</t>
  </si>
  <si>
    <t>Дисплей Explay Alto</t>
  </si>
  <si>
    <t>Дисплей Explay Bit</t>
  </si>
  <si>
    <t>Дисплей Explay Blaze</t>
  </si>
  <si>
    <t>Дисплей Explay Craft</t>
  </si>
  <si>
    <t>Дисплей Explay Hit (телефон)</t>
  </si>
  <si>
    <t>Дисплей Explay Onyx/Light</t>
  </si>
  <si>
    <t>Дисплей Explay Stile</t>
  </si>
  <si>
    <t>Дисплей Explay Vega</t>
  </si>
  <si>
    <t xml:space="preserve">           Дисплей Fly</t>
  </si>
  <si>
    <t>Дисплей Fly DS103</t>
  </si>
  <si>
    <t>Дисплей Fly DS105d/DS113 (PCBA B1050A-MB-4L-NOR-V1.0)</t>
  </si>
  <si>
    <t>Дисплей Fly DS108</t>
  </si>
  <si>
    <t>Дисплей Fly DS113 (PCBA B1052A_V1.0)</t>
  </si>
  <si>
    <t>Дисплей Fly DS165</t>
  </si>
  <si>
    <t>Дисплей Fly E145 TV/IQ236 (Victory)</t>
  </si>
  <si>
    <t>Дисплей Fly FS401 (Stratus 1) в сборе с тачскрином Черный</t>
  </si>
  <si>
    <t>Дисплей Fly FS404 FPC-Y83272 V01 ( Stratus 3/Теле2 mini/МТС Smart Start 2 )</t>
  </si>
  <si>
    <t>Дисплей Fly FS451 (Nimbus 1) в сборе с тачскрином Черный</t>
  </si>
  <si>
    <t>Дисплей Fly FS452 (Nimbus 2) в сборе с тачскрином Черный</t>
  </si>
  <si>
    <t>Дисплей Fly FS501 (Nimbus 3) в сборе с тачскрином Черный</t>
  </si>
  <si>
    <t>Дисплей Fly FS502 (Cirrus 1) в сборе с тачскрином Черный</t>
  </si>
  <si>
    <t>Дисплей Fly FS506 (Cirrus 3) модуль Черный</t>
  </si>
  <si>
    <t>Дисплей Fly IQ230 Compact</t>
  </si>
  <si>
    <t>Дисплей Fly IQ239 (Era Nano 2)</t>
  </si>
  <si>
    <t>Дисплей Fly IQ240 Whizz</t>
  </si>
  <si>
    <t>Дисплей Fly IQ245 (Wizard)/IQ245+/IQ430 (Evoke)/IQ246 (Power)</t>
  </si>
  <si>
    <t>Дисплей Fly IQ431/IQ432 (Glory/Era Nano 1)</t>
  </si>
  <si>
    <t>Дисплей Fly IQ434 (Era Nano 5)</t>
  </si>
  <si>
    <t>Дисплей Fly IQ436 (Era Nano 3)</t>
  </si>
  <si>
    <t>Дисплей Fly IQ4402</t>
  </si>
  <si>
    <t>Дисплей Fly IQ4404 (Spark)</t>
  </si>
  <si>
    <t>Дисплей Fly IQ4405 (Evo Chic 1) в сборе с тачскрином Черный</t>
  </si>
  <si>
    <t>Дисплей Fly IQ4407 (Era Nano 7)</t>
  </si>
  <si>
    <t>Дисплей Fly IQ4410 (Quad Phoenix) в сборе с тачскрином Черный</t>
  </si>
  <si>
    <t>Дисплей Fly IQ4415 (Era Style 3)/IQ4416 (Era Life 5)</t>
  </si>
  <si>
    <t>Дисплей Fly IQ4418 (Era Style 4)</t>
  </si>
  <si>
    <t>Дисплей Fly IQ442</t>
  </si>
  <si>
    <t>Дисплей Fly IQ448</t>
  </si>
  <si>
    <t>Дисплей Fly IQ4490i (Era Nano 10)</t>
  </si>
  <si>
    <t>Дисплей Fly IQ4502 (Quad Era Energy 1)</t>
  </si>
  <si>
    <t>Дисплей Fly IQ4503 (Era Life 6) в сборе с тачскрином Черный</t>
  </si>
  <si>
    <t>Дисплей Fly IQ451 (Quattro Vista)</t>
  </si>
  <si>
    <t>Дисплей Fly IQ4511 (Tornado One) в сборе с тачскрином Черный</t>
  </si>
  <si>
    <t>Дисплей Fly IQ454 (Evo Tech 1)</t>
  </si>
  <si>
    <t>816</t>
  </si>
  <si>
    <t>Дисплей Fly IQ456 (Era Life 2)</t>
  </si>
  <si>
    <t>Дисплей Fly MP-100</t>
  </si>
  <si>
    <t>Дисплей Fly TS100</t>
  </si>
  <si>
    <t xml:space="preserve">           Дисплей Highscreen</t>
  </si>
  <si>
    <t>Дисплей Highscreen Omega Prime S в сборе с тачскрином Черный</t>
  </si>
  <si>
    <t xml:space="preserve">           Дисплей HTC</t>
  </si>
  <si>
    <t>Дисплей HTC 8S в сборе с тачскрином Белый (оригинал)</t>
  </si>
  <si>
    <t>Дисплей HTC 8X в сборе с тачскрином Черный</t>
  </si>
  <si>
    <t>Дисплей HTC A3288 (Tatoo)/T3333 (Touch 2)-оригинал</t>
  </si>
  <si>
    <t>Дисплей HTC A6262 (Hero)</t>
  </si>
  <si>
    <t>Дисплей HTC A6363 (Legend)</t>
  </si>
  <si>
    <t>Дисплей HTC Aria/Gratia/HD mini T5555/G9/A6380/Liberty</t>
  </si>
  <si>
    <t>Дисплей HTC Desire 210 Dual в сборе с тачскрином Черный</t>
  </si>
  <si>
    <t>Дисплей HTC Desire 300 в сборе с тачскрином</t>
  </si>
  <si>
    <t>Дисплей HTC Desire 310/Desire 310 Dual в сборе с тачскрином Черный</t>
  </si>
  <si>
    <t>Дисплей HTC Desire 400 Dual в сборе с тачскрином Черный</t>
  </si>
  <si>
    <t>Дисплей HTC Desire 510 в сборе с тачскрином Черный</t>
  </si>
  <si>
    <t>Дисплей HTC Desire 516 Dual в сборе с тачскрином Черный</t>
  </si>
  <si>
    <t>Дисплей HTC Desire 610 в сборе с тачскрином Черный</t>
  </si>
  <si>
    <t>Дисплей HTC Desire 700 Dual в сборе с тачскрином Черный</t>
  </si>
  <si>
    <t>Дисплей HTC Desire 816/Desire 816 Dual в сборе с тачскрином Черный (45 pin)</t>
  </si>
  <si>
    <t>Дисплей HTC Desire 820 в сборе с тачскрином Черный</t>
  </si>
  <si>
    <t>Дисплей HTC Desire C/Desire 200</t>
  </si>
  <si>
    <t>Дисплей HTC Desire S/Rhyme (Hitachi version)  (оригинал)</t>
  </si>
  <si>
    <t>Дисплей HTC Desire X в сборе с тачскрином Черный</t>
  </si>
  <si>
    <t>Дисплей HTC Evo 3D (оригинал)</t>
  </si>
  <si>
    <t>Дисплей HTC Evo 3D в сборе с тач скрином (оригинал)</t>
  </si>
  <si>
    <t>Дисплей HTC Incredible S/Desire X/Desire V/G11</t>
  </si>
  <si>
    <t>Дисплей HTC One Dual/802w в сборе с тачскрином Черный</t>
  </si>
  <si>
    <t>Дисплей HTC One Mini 2 в сборе с тачскрином Черный</t>
  </si>
  <si>
    <t>Дисплей HTC One Mini в сборе с тачскрином (оригинал)</t>
  </si>
  <si>
    <t>Дисплей HTC One SV в сборе с тач скрином</t>
  </si>
  <si>
    <t>Дисплей HTC One V (T320) в сборе (оригинал)</t>
  </si>
  <si>
    <t>Дисплей HTC One X/One (оригинал)</t>
  </si>
  <si>
    <t>Дисплей HTC One X/One XL в сборе (аналог)</t>
  </si>
  <si>
    <t>Дисплей HTC One/M8 в сборе с тачскрином Черный</t>
  </si>
  <si>
    <t>Дисплей HTC Sensation XE в сборе с тач скрином (оригинал)</t>
  </si>
  <si>
    <t>Дисплей HTC Sensation XL/G21 в сборе с тачскрином Белый</t>
  </si>
  <si>
    <t>Дисплей HTC Sensation/G14 в сборе с тачскрином Черный</t>
  </si>
  <si>
    <t>Дисплей HTC T8282 (Touch HD)/T8290 (MAX 4G)</t>
  </si>
  <si>
    <t>Дисплей HTC T8585 (Touch HD2) (ревизия с разъемом)</t>
  </si>
  <si>
    <t>Дисплей HTC T8585 (Touch HD2) в сборе с тачскрином</t>
  </si>
  <si>
    <t xml:space="preserve">           Дисплей Huawei</t>
  </si>
  <si>
    <t>Дисплей Huawei Ascend Mate U06/MT1 в сборе с тачскрином</t>
  </si>
  <si>
    <t>Дисплей Huawei G8 в сборе с тачскрином Белый</t>
  </si>
  <si>
    <t>Дисплей Huawei Honor 10 в сборе Черный Орипинал</t>
  </si>
  <si>
    <t>Дисплей Huawei Honor 3C в сборе с тачскрином Черный</t>
  </si>
  <si>
    <t>Дисплей Huawei Honor 3X в сборе с тачскрином Черный</t>
  </si>
  <si>
    <t>Дисплей Huawei Honor 4C Pro в сборе с тачскрином Золото</t>
  </si>
  <si>
    <t>Дисплей Huawei Honor 4X в сборе с тачскрином Черный</t>
  </si>
  <si>
    <t>Дисплей Huawei Honor 6 Plus в сборе с тачскрином Черный</t>
  </si>
  <si>
    <t>Дисплей Huawei Honor 6 в сборе с тачскрином Черный</t>
  </si>
  <si>
    <t>Дисплей Huawei Honor 7 в сборе с тачскрином Белый</t>
  </si>
  <si>
    <t>Дисплей Huawei Honor 7A Pro/Honor 7C/Y6 2018/Y6 Prime 2018 в сборе с тачскрином Белый</t>
  </si>
  <si>
    <t>Дисплей Huawei P20 Lite/Nova 3e в сборе с тачскрином Черный ориг.</t>
  </si>
  <si>
    <t>Дисплей Huawei P9 в сборе с тачскрином Золото</t>
  </si>
  <si>
    <t>Дисплей Huawei U8110 (MTC Android) (1-я категория)</t>
  </si>
  <si>
    <t>Дисплей Huawei U8230/U8650 (MTC 955)/U8220/U8660/C8600/M860 </t>
  </si>
  <si>
    <t>Дисплей Huawei U8825/U8815/U8816 Ascend G300/G301/G330</t>
  </si>
  <si>
    <t>Дисплей Huawei U8860(Honor)-оригинал</t>
  </si>
  <si>
    <t>Дисплей Huawei Y210 Ascend</t>
  </si>
  <si>
    <t>Дисплей Huawei Y5 2018/Y5 Prime 2018/Honor 7A в сборе с тачскрином Черный</t>
  </si>
  <si>
    <t>Дисплей Huawei Y530 Ascend</t>
  </si>
  <si>
    <t>Дисплей Huawei Y6 II в сборе с тачскрином Черный</t>
  </si>
  <si>
    <t>Дисплей Huawei Y600 Ascend</t>
  </si>
  <si>
    <t xml:space="preserve">           Дисплей Lenovo</t>
  </si>
  <si>
    <t>Дисплей Lenovo A2010</t>
  </si>
  <si>
    <t>Дисплей Lenovo A316i/A319/A396</t>
  </si>
  <si>
    <t>Дисплей Lenovo A369i</t>
  </si>
  <si>
    <t>Дисплей Lenovo A5000 в сборе с тачскрином</t>
  </si>
  <si>
    <t>Дисплей Lenovo A516</t>
  </si>
  <si>
    <t>Дисплей Lenovo A526</t>
  </si>
  <si>
    <t>Дисплей Lenovo A536/A680</t>
  </si>
  <si>
    <t>Дисплей Lenovo A606</t>
  </si>
  <si>
    <t>Дисплей Lenovo A7000 в сборе с тачскрином Черный</t>
  </si>
  <si>
    <t>Дисплей Lenovo A7010 в сборе с тачскрином Черный</t>
  </si>
  <si>
    <t>Дисплей Lenovo A850</t>
  </si>
  <si>
    <t>Дисплей Lenovo A859 в сборе с тачскрином Черный</t>
  </si>
  <si>
    <t>Дисплей Lenovo A880</t>
  </si>
  <si>
    <t>Дисплей Lenovo K910 в сборе с тачскрином черный (оригинал)</t>
  </si>
  <si>
    <t>Дисплей Lenovo P780 в сборе с тачскрином черный </t>
  </si>
  <si>
    <t>Дисплей Lenovo P90 в сборе с тачскрином Черный</t>
  </si>
  <si>
    <t>Дисплей Lenovo S60 в сборе с тачскрином Черный</t>
  </si>
  <si>
    <t>Дисплей Lenovo S650 в сборе с тачскрином Черный</t>
  </si>
  <si>
    <t>Дисплей Lenovo S660 в сборе с тачскрином Черный</t>
  </si>
  <si>
    <t>Дисплей Lenovo S820 в сборе с тачскрином черный </t>
  </si>
  <si>
    <t>Дисплей Lenovo S850 в сборе с тачскрином Черный</t>
  </si>
  <si>
    <t>Дисплей Lenovo S856 в сборе с тачскрином Черный</t>
  </si>
  <si>
    <t>Дисплей Lenovo S930 в сборе с тачскрином Черный</t>
  </si>
  <si>
    <t>Дисплей Lenovo Vibe C2/Vibe C2 Power в сборе с тачскрином Черный</t>
  </si>
  <si>
    <t>Дисплей Lenovo Vibe P1 в сборе с тачскрином Черный</t>
  </si>
  <si>
    <t xml:space="preserve">           Дисплей LG</t>
  </si>
  <si>
    <t>Дисплей LG A100</t>
  </si>
  <si>
    <t>Дисплей LG A120</t>
  </si>
  <si>
    <t>Дисплей LG D170 (L40) оригинал</t>
  </si>
  <si>
    <t>Дисплей LG D285 (L65) - Оригинал (нужна изоляция от корпуса)</t>
  </si>
  <si>
    <t>Дисплей LG D320/D321/D325/MS323/D320N (L70) оригинал 100%</t>
  </si>
  <si>
    <t>Дисплей LG D320/D321/D325/MS323/D320N(L70) </t>
  </si>
  <si>
    <t>Дисплей LG D410 (L90)</t>
  </si>
  <si>
    <t>Дисплей LG D618 (G2 mini)</t>
  </si>
  <si>
    <t>Дисплей LG D686 оригинал 100%</t>
  </si>
  <si>
    <t>Дисплей LG D855 (G3) модуль Серый</t>
  </si>
  <si>
    <t>Дисплей LG E430/E435 (L3)</t>
  </si>
  <si>
    <t>Дисплей LG E440/E445 (L4 ll/L4 ll Dual)</t>
  </si>
  <si>
    <t>Дисплей LG E440\E445 оригинал 100%</t>
  </si>
  <si>
    <t>Дисплей LG E510 Optimus Hub оригинал 100%</t>
  </si>
  <si>
    <t>Дисплей LG E615/E612 Optimus L5 Dual </t>
  </si>
  <si>
    <t>Дисплей LG GD510/GX500/KM555e оригинал 100%</t>
  </si>
  <si>
    <t>Дисплей LG GS107/GS101/GS106/GS155 оригинал 100%</t>
  </si>
  <si>
    <t>Дисплей LG GS200 оригинал 100%</t>
  </si>
  <si>
    <t>Дисплей LG GS310 оригинал 100%</t>
  </si>
  <si>
    <t>Дисплей LG GS500/KM570/GM600</t>
  </si>
  <si>
    <t>Дисплей LG GT540 </t>
  </si>
  <si>
    <t>Дисплей LG GT540 оригинал 100%</t>
  </si>
  <si>
    <t>Дисплей LG H422 Y70 (Spirit) в сборе с тачскрином Черный</t>
  </si>
  <si>
    <t>Дисплей LG H791 (Nexus 5X) в сборе с тачскрином Черный</t>
  </si>
  <si>
    <t>Дисплей LG K130E (K4) в сборе с тачскрином Черный</t>
  </si>
  <si>
    <t>Дисплей LG KE500/KE590</t>
  </si>
  <si>
    <t>Дисплей LG KP500/ KP501/ KP570/ GM360/ GS290/ GT500/ GT505 оригинал 100%</t>
  </si>
  <si>
    <t>Дисплей LG KP500/KP501/KP570/GT500/GT505/GM360/GS290 - Оригинал</t>
  </si>
  <si>
    <t>Дисплей LG M250 (K10 2017) в сборе с тачскрином Черный</t>
  </si>
  <si>
    <t>Дисплей LG P500 Optimus One/P690/P698 оригинал 100%</t>
  </si>
  <si>
    <t>Дисплей LG P500/P690/P698</t>
  </si>
  <si>
    <t>Дисплей LG P520\P350 </t>
  </si>
  <si>
    <t>Дисплей LG P705 (Optimus L7)/P713 (L7 ll)/P715 (L7 ll Dual) оригинал 100%</t>
  </si>
  <si>
    <t>Дисплей LG P760/P765 (Optimus L9)</t>
  </si>
  <si>
    <t>Дисплей LG P760/P765 (Optimus L9)оригинал 100%</t>
  </si>
  <si>
    <t>Дисплей LG P880 Optimus 4X HD оригинал 100%</t>
  </si>
  <si>
    <t>Дисплей LG P920</t>
  </si>
  <si>
    <t>Дисплей LG P940</t>
  </si>
  <si>
    <t>Дисплей LG P970</t>
  </si>
  <si>
    <t>Дисплей LG P970 (EAJ61772201)-оригинал 100%</t>
  </si>
  <si>
    <t>Дисплей LG P990 Optimus 2X </t>
  </si>
  <si>
    <t>Дисплей LG X210DS (K7) в сборе с тачскрином Белый</t>
  </si>
  <si>
    <t>Дисплей LG X210DS (K7) в сборе с тачскрином Черный</t>
  </si>
  <si>
    <t>Дисплей LG X220DS (K5) в сборе с тачскрином Белый</t>
  </si>
  <si>
    <t>Дисплей LG X220DS (K5) в сборе с тачскрином Черный</t>
  </si>
  <si>
    <t xml:space="preserve">           Дисплей Meizu</t>
  </si>
  <si>
    <t>Дисплей Meizu M1 Note в сборе с тачскрином Черный</t>
  </si>
  <si>
    <t>Дисплей Meizu M2 Note в сборе с тачскрином Черный</t>
  </si>
  <si>
    <t>Дисплей Meizu M3 Max в сборе с тачскрином Черный</t>
  </si>
  <si>
    <t>Дисплей Meizu M3E в сборе с тачскрином Белый</t>
  </si>
  <si>
    <t>Дисплей Meizu M3E в сборе с тачскрином Черный</t>
  </si>
  <si>
    <t>Дисплей Meizu MX4 в сборе с тачскрином Черный</t>
  </si>
  <si>
    <t>Дисплей Meizu U10 в сборе с тачскрином Черный</t>
  </si>
  <si>
    <t xml:space="preserve">           Дисплей Motorola</t>
  </si>
  <si>
    <t>Дисплей Motorola Moto X Play модуль Черный</t>
  </si>
  <si>
    <t>Дисплей Motorola W205/W208/W209</t>
  </si>
  <si>
    <t xml:space="preserve">           Дисплей Nokia</t>
  </si>
  <si>
    <t>Дисплей Microsoft 430 Dual (RM-1099)</t>
  </si>
  <si>
    <t>Дисплей Microsoft 435 Dual (RM-1069) - Оригинал 100%</t>
  </si>
  <si>
    <t>Дисплей Microsoft 532 Dual (RM-1031)</t>
  </si>
  <si>
    <t>Дисплей Microsoft 535 Dual (RM-1090)</t>
  </si>
  <si>
    <t>Дисплей Microsoft 540 Dual (RM-1141) в сборе с тачскрином Черный - Оригинал 100%</t>
  </si>
  <si>
    <t>1 270</t>
  </si>
  <si>
    <t>Дисплей Microsoft 640 (RM-1077) модуль Черный-оригинал</t>
  </si>
  <si>
    <t>Дисплей Microsoft 640 XL (RM-1067) модуль Черный</t>
  </si>
  <si>
    <t>Дисплей Nokia 1020 (RM-875/RM-877/RM-887) модуль Черный</t>
  </si>
  <si>
    <t>Дисплей Nokia 105</t>
  </si>
  <si>
    <t>Дисплей Nokia 1100 модуль</t>
  </si>
  <si>
    <t>Дисплей Nokia 1320 дисплей в сборе (оригинал)</t>
  </si>
  <si>
    <t>Дисплей Nokia 1520 модуль (оригинал)</t>
  </si>
  <si>
    <t>Дисплей Nokia 1600/2310/1208/6125 внешний/N71 внешний - Аналог</t>
  </si>
  <si>
    <t>Дисплей Nokia 1661/1800/5030/1616-аналог</t>
  </si>
  <si>
    <t>Дисплей Nokia 216/216 Dual (RM-1187)</t>
  </si>
  <si>
    <t>Дисплей Nokia 220/215 (RM-969/RM-970/RM-1110/RM-1111)</t>
  </si>
  <si>
    <t>Дисплей Nokia 2650/2600/6220/3200/6610i/7250i</t>
  </si>
  <si>
    <t>Дисплей Nokia 303 </t>
  </si>
  <si>
    <t>Дисплей Nokia 305/306/308/309/310 - Аналог</t>
  </si>
  <si>
    <t>Дисплей Nokia 311 Asha </t>
  </si>
  <si>
    <t>Дисплей Nokia 3110C/3109/3500C/7070/2680/2720/2330/2220S/2690</t>
  </si>
  <si>
    <t>Дисплей Nokia 3110C/3109/3500C/7070/2680/2720/2330/2220S/2690- Оригинал 100%</t>
  </si>
  <si>
    <t>Дисплей Nokia 3250/6280</t>
  </si>
  <si>
    <t>Дисплей Nokia 500 Dual/Asha 230 Dual - Оригинал</t>
  </si>
  <si>
    <t>Дисплей Nokia 5000/5220C/7210S/3610/5130/7100S/2700/C2-01/C2-05 - Оригинал</t>
  </si>
  <si>
    <t>Дисплей Nokia 501/501 Dual/502/502 Dual</t>
  </si>
  <si>
    <t>Дисплей Nokia 510/520/525</t>
  </si>
  <si>
    <t>Дисплей Nokia 5530 - Оригинал</t>
  </si>
  <si>
    <t>Дисплей Nokia 5700/5610/5630/6110N/6500S/6220C/6600S/E65/6303/3720</t>
  </si>
  <si>
    <t>Дисплей Nokia 5800/5228/5230/5235/X6/N97 mini/C5-03/C6-00/500</t>
  </si>
  <si>
    <t>Дисплей Nokia 603/900 оригинал</t>
  </si>
  <si>
    <t>Дисплей Nokia 610 (Lumia)</t>
  </si>
  <si>
    <t>620</t>
  </si>
  <si>
    <t>Дисплей Nokia 6101/6103/6125/6151/7360/5200/6060/6085/6070/5070/6080</t>
  </si>
  <si>
    <t>Дисплей Nokia 6101/6103/6125/6151/7360/5200/6060/6085/6070/5070/6080- Оригинал</t>
  </si>
  <si>
    <t>Дисплей Nokia 6111</t>
  </si>
  <si>
    <t>Дисплей Nokia 620 Lumia (оригинал)</t>
  </si>
  <si>
    <t>Дисплей Nokia 6230</t>
  </si>
  <si>
    <t>Дисплей Nokia 630/635/636/638 Lumia модуль в сборе </t>
  </si>
  <si>
    <t>Дисплей Nokia 6700S</t>
  </si>
  <si>
    <t>Дисплей Nokia 7.1 (2018) в сборе Черный</t>
  </si>
  <si>
    <t>1 750</t>
  </si>
  <si>
    <t>Дисплей Nokia 700 (RM-670) в сборе с тачскрином Белый - Оригинал</t>
  </si>
  <si>
    <t>Дисплей Nokia 7230/3208 </t>
  </si>
  <si>
    <t>Дисплей Nokia 7370/7373/5300/E50/6233/6234</t>
  </si>
  <si>
    <t>Дисплей Nokia 800 Lumia с тачскрином </t>
  </si>
  <si>
    <t>Дисплей Nokia 808</t>
  </si>
  <si>
    <t>Дисплей Nokia 925 Lumia с тачскрином оригинал</t>
  </si>
  <si>
    <t>Дисплей Nokia C2-02/2-03/C2-06/C2-08 </t>
  </si>
  <si>
    <t>Дисплей Nokia C2-02/C2-03/C2-06 - Оригинал </t>
  </si>
  <si>
    <t>Дисплей Nokia C2-02/C2-03/C2-06 - Оригинал 100%</t>
  </si>
  <si>
    <t>Дисплей Nokia C3-00/E5/X2-01/201/200/205/210/302</t>
  </si>
  <si>
    <t>Дисплей Nokia C7/N8/Oro -Аналог</t>
  </si>
  <si>
    <t>Дисплей Nokia E7-00 (оригинал)</t>
  </si>
  <si>
    <t>Дисплей Nokia E71/E63/E72 - Аналог</t>
  </si>
  <si>
    <t>Дисплей Nokia N82/N77/N78/N79/E66/E52/5330/5730/6210N/6760 </t>
  </si>
  <si>
    <t>Дисплей Nokia N85/N86 - Аналог</t>
  </si>
  <si>
    <t>Дисплей Nokia N95 </t>
  </si>
  <si>
    <t>Дисплей Nokia N97 (оригинал)</t>
  </si>
  <si>
    <t>Дисплей Nokia N97 [Парт. номер: 4850206]  оригинал 100%</t>
  </si>
  <si>
    <t>Дисплей Nokia X </t>
  </si>
  <si>
    <t>Дисплей Nokia X Dual (RM-980) модульЧерный</t>
  </si>
  <si>
    <t>Дисплей Nokia X2 Dual (RM-1013) в сборе с тачскрином (чёрный)</t>
  </si>
  <si>
    <t>Дисплей Nokia X2-02/X2-05</t>
  </si>
  <si>
    <t>Дисплей Nokia X5-01</t>
  </si>
  <si>
    <t>Дисплей Nokia X7-00 (оригинал)</t>
  </si>
  <si>
    <t>Дисплей Nokia XL Dual (RM-1030/RM-1042) модуль Черный</t>
  </si>
  <si>
    <t xml:space="preserve">           Дисплей Philips</t>
  </si>
  <si>
    <t>Дисплей Philips S308</t>
  </si>
  <si>
    <t>Дисплей Philips V526 в сборе с тачскрином Черный</t>
  </si>
  <si>
    <t>Дисплей Philips W626 </t>
  </si>
  <si>
    <t>Дисплей Philips W632 </t>
  </si>
  <si>
    <t xml:space="preserve">           Дисплей PSP (*)</t>
  </si>
  <si>
    <t>Дисплей PSP 2000 Slim оригинал</t>
  </si>
  <si>
    <t>Дисплей PSP N1000 (PSP Go)</t>
  </si>
  <si>
    <t xml:space="preserve">           Дисплей Samsung</t>
  </si>
  <si>
    <t>Дисплей Samsung A12 (A125F) в сборе с тачскрином Черный оригинал 100%</t>
  </si>
  <si>
    <t>Дисплей Samsung A500F/A5 в сборе с тачскрином Белый - Оригинал 100% </t>
  </si>
  <si>
    <t>2 750</t>
  </si>
  <si>
    <t>Дисплей Samsung A700FD/A7 в сборе с тачскрином Чёрный - Оригинал 100%</t>
  </si>
  <si>
    <t>3 300</t>
  </si>
  <si>
    <t>Дисплей Samsung C3050</t>
  </si>
  <si>
    <t>Дисплей Samsung C3110</t>
  </si>
  <si>
    <t>Дисплей Samsung C3200 </t>
  </si>
  <si>
    <t>Дисплей Samsung C3212/E250i стекло</t>
  </si>
  <si>
    <t>Дисплей Samsung C3222 - Аналог</t>
  </si>
  <si>
    <t>Дисплей Samsung C3310 слайдер</t>
  </si>
  <si>
    <t>Дисплей Samsung C3310/C3312/C3350</t>
  </si>
  <si>
    <t>Дисплей Samsung C3510 Corby Pop</t>
  </si>
  <si>
    <t>Дисплей Samsung C3510 TV Corby Pop (Genova TV) </t>
  </si>
  <si>
    <t>Дисплей Samsung C3520 </t>
  </si>
  <si>
    <t>Дисплей Samsung C5510 </t>
  </si>
  <si>
    <t>Дисплей Samsung C6712 Star II DUOS (оригинал)</t>
  </si>
  <si>
    <t>Дисплей Samsung D780</t>
  </si>
  <si>
    <t>Дисплей Samsung D900 - Аналог</t>
  </si>
  <si>
    <t>Дисплей Samsung D980 </t>
  </si>
  <si>
    <t>Дисплей Samsung E1070/E1080/E1050</t>
  </si>
  <si>
    <t>Дисплей Samsung E1220/E1225/E2230/E2232 (B559) не подходит от E2370</t>
  </si>
  <si>
    <t>Дисплей Samsung E250/E250D</t>
  </si>
  <si>
    <t>Дисплей Samsung E740 модуль - Оригинал</t>
  </si>
  <si>
    <t>Дисплей Samsung E840 модуль</t>
  </si>
  <si>
    <t>Дисплей Samsung G313H (Ace 4 Lite)</t>
  </si>
  <si>
    <t>Дисплей Samsung G350E</t>
  </si>
  <si>
    <t>Дисплей Samsung G355 Galaxy Core 2 дисплей в сборе с тачскрином (white)оригинал 100% </t>
  </si>
  <si>
    <t>Дисплей Samsung G360H</t>
  </si>
  <si>
    <t>Дисплей Samsung G386F</t>
  </si>
  <si>
    <t>Дисплей Samsung G530H (не подходит на G530H/DV)</t>
  </si>
  <si>
    <t>Дисплей Samsung G570F (J5 Prime) в сборе с тачскрином Белый - Оригинал</t>
  </si>
  <si>
    <t>1 870</t>
  </si>
  <si>
    <t>Дисплей Samsung G750F</t>
  </si>
  <si>
    <t>Дисплей Samsung G900f (Galaxy S5) в сборе белый оригинал 100%</t>
  </si>
  <si>
    <t>Дисплей Samsung G925F/S6 Edge модуль Черный оригинал 100% </t>
  </si>
  <si>
    <t>Дисплей Samsung i8150</t>
  </si>
  <si>
    <t>Дисплей Samsung i8260/i8262 (короткий шлейф)</t>
  </si>
  <si>
    <t>Дисплей Samsung i8262D (длинный шлейф)</t>
  </si>
  <si>
    <t>Дисплей Samsung i8550/8552</t>
  </si>
  <si>
    <t>Дисплей Samsung i9003 в сборе с тачскрином Черный</t>
  </si>
  <si>
    <t>Дисплей Samsung i9103 (Galaxy R) в сборе с тачскрином Черный</t>
  </si>
  <si>
    <t>Дисплей Samsung I9152</t>
  </si>
  <si>
    <t>Дисплей Samsung I9200/i9205 в сборе с тачскрином (чёрный)</t>
  </si>
  <si>
    <t>Дисплей Samsung i9300 Galaxy S3 модуль в сборе (белый) оригинал</t>
  </si>
  <si>
    <t>Дисплей Samsung I9300 Galaxy S3 модуль в сборе (чёрный) оригинал</t>
  </si>
  <si>
    <t>Дисплей Samsung J100F Galaxy J1 оригинал</t>
  </si>
  <si>
    <t>Дисплей Samsung J150</t>
  </si>
  <si>
    <t>Дисплей Samsung J500H (Black)в сборе оригинал 100% </t>
  </si>
  <si>
    <t>Дисплей Samsung J500H (White)в сборе оригинал 100%</t>
  </si>
  <si>
    <t>Дисплей Samsung P1000/P1010/P6200/P6210/P3100/T210/T211  Galaxy Tab 7.0</t>
  </si>
  <si>
    <t>Дисплей Samsung S3310 - Аналог</t>
  </si>
  <si>
    <t>Дисплей Samsung S3370</t>
  </si>
  <si>
    <t>Дисплей Samsung S3600</t>
  </si>
  <si>
    <t>Дисплей Samsung S3650 Corby/S3653/M3710 оригинал </t>
  </si>
  <si>
    <t>Дисплей Samsung S5233TV </t>
  </si>
  <si>
    <t>Дисплей Samsung S5260 </t>
  </si>
  <si>
    <t>Дисплей Samsung S5260 оригинал</t>
  </si>
  <si>
    <t>Дисплей Samsung S5292</t>
  </si>
  <si>
    <t>Дисплей Samsung S5300/S5302 оригинал</t>
  </si>
  <si>
    <t>Дисплей Samsung S5310/S5312</t>
  </si>
  <si>
    <t>Дисплей Samsung S5360/5363 оригинал</t>
  </si>
  <si>
    <t>Дисплей Samsung S5560 </t>
  </si>
  <si>
    <t>Дисплей Samsung S5560 - Оригинал</t>
  </si>
  <si>
    <t>Дисплей Samsung S5570i </t>
  </si>
  <si>
    <t>Дисплей Samsung S5600</t>
  </si>
  <si>
    <t>Дисплей Samsung S5620</t>
  </si>
  <si>
    <t>Дисплей Samsung S5660 Galaxy Gio аналог</t>
  </si>
  <si>
    <t>Дисплей Samsung S6010/S6012 Galaxy Music</t>
  </si>
  <si>
    <t>Дисплей Samsung S6102 Galaxy Y Duos</t>
  </si>
  <si>
    <t>Дисплей Samsung S6500 Galaxy Mini </t>
  </si>
  <si>
    <t>Дисплей Samsung S7070</t>
  </si>
  <si>
    <t>Дисплей Samsung S7230</t>
  </si>
  <si>
    <t>Дисплей Samsung S7250 Wave M </t>
  </si>
  <si>
    <t>Дисплей Samsung S7262 (Galaxy Star Plus)</t>
  </si>
  <si>
    <t>Дисплей Samsung S7270/S7272</t>
  </si>
  <si>
    <t>Дисплей Samsung S7390/S7392</t>
  </si>
  <si>
    <t>Дисплей Samsung S7562 Galaxy S(оригинал)</t>
  </si>
  <si>
    <t>Дисплей Samsung T230/T231 (Tab 4)</t>
  </si>
  <si>
    <t>Дисплей Samsung T310/T311/T330/T331/T335 Tab 3 </t>
  </si>
  <si>
    <t xml:space="preserve">           Дисплей SonyEricsson</t>
  </si>
  <si>
    <t>Дисплей Sony C1505 (Xperia E)/C1605 (Xperia E Dual) оригинал</t>
  </si>
  <si>
    <t>Дисплей Sony C1904/C1905 (Xperia M)/C2005 (Xperia M Dual)</t>
  </si>
  <si>
    <t>Дисплей Sony C2105 (Xperia L)</t>
  </si>
  <si>
    <t>Дисплей Sony C2105 (Xperia L) в сборе с тач.</t>
  </si>
  <si>
    <t>Дисплей Sony C2305/C2304 (Xperia C)</t>
  </si>
  <si>
    <t>Дисплей Sony C5302/M35h(SP)</t>
  </si>
  <si>
    <t>Дисплей Sony C5502/C5503 (Xperia ZR) в сборе с тачскрином Черный</t>
  </si>
  <si>
    <t>Дисплей Sony C6502 (Xperia ZL) в сборе с тачскрином Белый</t>
  </si>
  <si>
    <t>Дисплей Sony C6502 (Xperia ZL) в сборе с тачскрином Черный</t>
  </si>
  <si>
    <t>Дисплей Sony C6902/C6903/C6906/C6943/L39/L39H Xperia Z1 дисплей в сборе с тачскрином чёрный</t>
  </si>
  <si>
    <t>Дисплей Sony D2005/D2105 (Xperia E1 Dual)</t>
  </si>
  <si>
    <t>Дисплей Sony D2203/D2212 (E3/E3 Dual) в сборе с тачскрином Белый</t>
  </si>
  <si>
    <t>Дисплей Sony D2203/D2212 (E3/E3 Dual) в сборе с тачскрином Черный</t>
  </si>
  <si>
    <t>Дисплей Sony D2533/D2502 (C3/C3 Dual) в сборе с тачскрином Белый</t>
  </si>
  <si>
    <t>Дисплей Sony D2533/D2502 (C3/C3 Dual) в сборе с тачскрином Черный</t>
  </si>
  <si>
    <t>Дисплей Sony D5102/D5103 (T3) в сборе с тачскрином Черный</t>
  </si>
  <si>
    <t>Дисплей Sony D5303/D5322 (T2 Ultra/T2 Ultra Dual) в сборе с тачскрином Черный</t>
  </si>
  <si>
    <t>Дисплей Sony D5503 (Z1 Compact) в сборе с тачскрином Черный</t>
  </si>
  <si>
    <t>Дисплей Sony D6603/D6633 (Z3/Z3 Dual) в сборе с тачскрином Белый</t>
  </si>
  <si>
    <t>Дисплей Sony E2003/E2033 (E4g/E4g Dual) в сборе с тачскрином Черный</t>
  </si>
  <si>
    <t>Дисплей Sony E2105 </t>
  </si>
  <si>
    <t>Дисплей Sony E2303/E2312 (M4/M4 Dual) в сборе с тачскрином Черный</t>
  </si>
  <si>
    <t>Дисплей Sony E5533 (C5 Ultra Dual) в сборе с тачскрином Черный</t>
  </si>
  <si>
    <t>Дисплей Sony E6553 (Z3+) в сборе с тачскрином Черный</t>
  </si>
  <si>
    <t>Дисплей Sony LT15 (Xperia Arc)/LT18 (Xperia Arc S) в сборе (оригинал)</t>
  </si>
  <si>
    <t>Дисплей Sony LT22  (Xperia P) в сборе с тачскрином Черный</t>
  </si>
  <si>
    <t>Дисплей Sony LT26 (Xperia S)/LT26ii (Xperia SL) в сборе белый оригинал</t>
  </si>
  <si>
    <t>Дисплей Sony LT26 (Xperia S)/LT26ii (Xperia SL) в сборе с тачскрином Черный</t>
  </si>
  <si>
    <t>Дисплей Sony LT26w (Xperia acro S) в сборе черный (оригинал)</t>
  </si>
  <si>
    <t>Дисплей Sony LT28i (Ion) модуль Черный (оригинал)</t>
  </si>
  <si>
    <t>Дисплей Sony MT15i Neo/MT15A/MT11 Neo (AA)</t>
  </si>
  <si>
    <t>Дисплей Sony MT27 (Sola) (оригинал)</t>
  </si>
  <si>
    <t>Дисплей Sony SK17  (Xperia Mini Pro) в сборе &lt;черный&gt; </t>
  </si>
  <si>
    <t>Дисплей Sony ST17 (Xperia Active) в сборе (оригинал)</t>
  </si>
  <si>
    <t>Дисплей Sony ST21i/ST21i2 (Xperia Tipo/Xperia tipo Dual) </t>
  </si>
  <si>
    <t>Дисплей Sony ST23i (Xperia Miro) оригинал</t>
  </si>
  <si>
    <t>Дисплей Sony ST25i Xperia U (оригинал)</t>
  </si>
  <si>
    <t>Дисплей Sony ST27i Xperia Go (оригинал)</t>
  </si>
  <si>
    <t>Дисплей SonyEricsson C902 - Оригинал</t>
  </si>
  <si>
    <t>Дисплей SonyEricsson C902 - Оригинал 100%</t>
  </si>
  <si>
    <t>Дисплей SonyEricsson E15i (X8)</t>
  </si>
  <si>
    <t>Дисплей SonyEricsson G700/G900</t>
  </si>
  <si>
    <t>Дисплей SonyEricsson J105 оригинал 100%</t>
  </si>
  <si>
    <t>Дисплей SonyEricsson J10i (Elm) </t>
  </si>
  <si>
    <t>Дисплей SonyEricsson K660i/K530/K630/W660 -Оригинал 100%</t>
  </si>
  <si>
    <t>Дисплей SonyEricsson K750/W800/W700 аналог</t>
  </si>
  <si>
    <t>Дисплей SonyEricsson K810/K790/K800/W850</t>
  </si>
  <si>
    <t>Дисплей SonyEricsson K810/K790/K800/W850 оригинал 100%</t>
  </si>
  <si>
    <t>Дисплей SonyEricsson S500/W580 - оригинал 100%</t>
  </si>
  <si>
    <t>Дисплей SonyEricsson ST18i (Ray) в сборе с тачскрином Черный</t>
  </si>
  <si>
    <t>Дисплей SonyEricsson U20i (X10 mini PRO)</t>
  </si>
  <si>
    <t>Дисплей SonyEricsson U8i (Vivaz pro) - Оригинал</t>
  </si>
  <si>
    <t>Дисплей SonyEricsson W595 - Аналог</t>
  </si>
  <si>
    <t>Дисплей SonyEricsson W760</t>
  </si>
  <si>
    <t>Дисплей SonyEricsson W890i-оригинал 100%</t>
  </si>
  <si>
    <t>Дисплей SonyEricsson W910</t>
  </si>
  <si>
    <t>Дисплей SonyEricsson W910 - Оригинал</t>
  </si>
  <si>
    <t>Дисплей SonyEricsson X1 в сборе</t>
  </si>
  <si>
    <t>Дисплей SonyEricsson Z550 модуль</t>
  </si>
  <si>
    <t xml:space="preserve">           Дисплей Xiaomi</t>
  </si>
  <si>
    <t>Дисплей Xiaomi Mi 4 в сборе с тачскрином Черный.</t>
  </si>
  <si>
    <t>Дисплей Xiaomi Mi 5C в сборе с тачскрином Белый</t>
  </si>
  <si>
    <t>Дисплей Xiaomi Mi 5C в сборе с тачскрином Черный</t>
  </si>
  <si>
    <t>Дисплей Xiaomi Redmi 4 в сборе с тачскрином Белый</t>
  </si>
  <si>
    <t>Дисплей Xiaomi Redmi 4 в сборе с тачскрином Черный</t>
  </si>
  <si>
    <t>Дисплей Xiaomi Redmi Note 3 Pro SE (152 mm) в сборе с тачскрином Белый</t>
  </si>
  <si>
    <t>Дисплей Xiaomi Redmi Note 3 Pro SE (152 mm) в сборе с тачскрином Черный</t>
  </si>
  <si>
    <t>Дисплей Xiaomi Redmi Note 4/Note 4 PRO в сборе с тачскрином Золото</t>
  </si>
  <si>
    <t>Дисплей Xiaomi Redmi Note 4/Note 4 PRO в сборе с тачскрином Черный</t>
  </si>
  <si>
    <t xml:space="preserve">           Дисплей ZTE</t>
  </si>
  <si>
    <t>Дисплей ZTE Blade A310 в сборе с тачскрином Серый</t>
  </si>
  <si>
    <t>Дисплей ZTE Blade A515 в сборе с тачскрином Черный</t>
  </si>
  <si>
    <t>Дисплей ZTE Blade A520 в сборе с тачскрином Черный</t>
  </si>
  <si>
    <t>Дисплей ZTE Blade AF3/A5/A5 Pro</t>
  </si>
  <si>
    <t>Дисплей ZTE Blade L2</t>
  </si>
  <si>
    <t>Дисплей ZTE Blade L5 Plus в сборе с тачскрином Черный</t>
  </si>
  <si>
    <t>Дисплей ZTE Blade S6 в сборе с тачскрином Белый</t>
  </si>
  <si>
    <t>Дисплей ZTE Blade X7 в сборе с тачскрином Черный</t>
  </si>
  <si>
    <t>Дисплей ZTE Nubia Z11 mini в сборе с тачскрином Черный</t>
  </si>
  <si>
    <t>Дисплей ZTE Nubia Z9 Mini в сборе с тачскрином Черный</t>
  </si>
  <si>
    <t>Дисплей ZTE NX403A (Nubia Z5S Mini) в сборе с тачскрином Черный</t>
  </si>
  <si>
    <t>Дисплей ZTE NX40X (Nubia Z5 Mini) в сборе с тачскрином Черный</t>
  </si>
  <si>
    <t>Дисплей ZTE Star 1 в сборе с тачскрином Черный</t>
  </si>
  <si>
    <t>Дисплей ZTE V807</t>
  </si>
  <si>
    <t>Дисплей ZTE V829</t>
  </si>
  <si>
    <t>Дисплей ZTE V830 (Blade G Lux) в сборе с тачскрином Черный</t>
  </si>
  <si>
    <t>Дисплей ZTE V880G</t>
  </si>
  <si>
    <t xml:space="preserve">           Дисплей остальное</t>
  </si>
  <si>
    <t>Дисплей Micromax A69 Bolt</t>
  </si>
  <si>
    <t>Дисплей OPPO A5s/AX7/Realme 3 в сборе с тачскрином Черный</t>
  </si>
  <si>
    <t>Дисплей Realme C3/5/6i/OPPO A5 (2020)/A9 (2020)/A31 в сборе с тачскрином Черный</t>
  </si>
  <si>
    <t>Дисплей Tele2 Midi/Fly FS454 (FPC-Y85350 V02)</t>
  </si>
  <si>
    <t>Дисплей Мегафон Login+ (PH) в сборе с тачскрином Черный</t>
  </si>
  <si>
    <t>Дисплей МТС Smart Sprint 4G</t>
  </si>
  <si>
    <t>Дисплей МТС Smart Start 2</t>
  </si>
  <si>
    <t xml:space="preserve">           Дисплей Планшет</t>
  </si>
  <si>
    <t>Дисплей Digma Optima 7.4 3G</t>
  </si>
  <si>
    <t xml:space="preserve">      Звонок (buzzer)</t>
  </si>
  <si>
    <t xml:space="preserve">           Звонок (buzzer) Alcatel</t>
  </si>
  <si>
    <t>Звонок (buzzer) Alcatel OT-8020/OT-7025/OT-5050/OT-5042D</t>
  </si>
  <si>
    <t xml:space="preserve">           Звонок (buzzer) Apple</t>
  </si>
  <si>
    <t>Звонок (Buzzer) iPad 2 в сборе</t>
  </si>
  <si>
    <t>Звонок (buzzer) iPad mini/mini 2 Retina в сборе (2 штуки)</t>
  </si>
  <si>
    <t>Звонок (buzzer) iPhone 6</t>
  </si>
  <si>
    <t>Звонок (buzzer) iPhone 6 Plus</t>
  </si>
  <si>
    <t>Звонок (buzzer) iPhone 6S</t>
  </si>
  <si>
    <t>Звонок (buzzer) iPhone 6S Plus</t>
  </si>
  <si>
    <t>Звонок (buzzer) iPhone 7</t>
  </si>
  <si>
    <t>Звонок (buzzer) iPhone 7 Plus</t>
  </si>
  <si>
    <t>Звонок (buzzer) iPhone 8/SE (2020)</t>
  </si>
  <si>
    <t>Звонок (buzzer) iPhone X</t>
  </si>
  <si>
    <t>Звонок (buzzer) для iPhone 11</t>
  </si>
  <si>
    <t>Звонок (buzzer) для iPhone Xr</t>
  </si>
  <si>
    <t>Звонок (buzzer) для iPhone Xs</t>
  </si>
  <si>
    <t>Звонок iPhone 4 в сборе с Wi-Fi кабелем и антенной</t>
  </si>
  <si>
    <t>Звонок iPhone 4/4S в сборе</t>
  </si>
  <si>
    <t>Звонок iPhone 5 в сборе</t>
  </si>
  <si>
    <t>Звонок iPhone 5C в сборе</t>
  </si>
  <si>
    <t>Звонок iPhone 5S в сборе</t>
  </si>
  <si>
    <t xml:space="preserve">           Звонок (buzzer) Asus</t>
  </si>
  <si>
    <t>Звонок (buzzer) Asus ZC554KL (ZenFone 4 Max) в сборе</t>
  </si>
  <si>
    <t xml:space="preserve">           Звонок (buzzer) HTC</t>
  </si>
  <si>
    <t>Звонок (buzzer) HTC Desire HD/Google G10/A9191</t>
  </si>
  <si>
    <t>Звонок (buzzer) HTC Desire/Google G7/A8181/Smart/HD2</t>
  </si>
  <si>
    <t>Звонок (buzzer) HTC DesireS/G12/Salsa/C510/G15/Sensation/G14/SensationXE/G18/Radar/T5555/DesireZ</t>
  </si>
  <si>
    <t>Звонок (buzzer) HTC Legend/Google G6/A6363</t>
  </si>
  <si>
    <t>Звонок (buzzer) HTC One M7 в сборе с антенной</t>
  </si>
  <si>
    <t>Звонок (buzzer) HTC One M8/One M8 Dual/One M8s/One E8 Dual в сборе с антенной</t>
  </si>
  <si>
    <t>Звонок (buzzer) HTC One X/G12/G14/S720/Rhyme/G20/One/M7</t>
  </si>
  <si>
    <t xml:space="preserve">           Звонок (buzzer) Lenovo</t>
  </si>
  <si>
    <t>Звонок (buzzer) Lenovo S850/S920/K910/A2020</t>
  </si>
  <si>
    <t xml:space="preserve">           Звонок (Buzzer) LG</t>
  </si>
  <si>
    <t>Звонок (buzzer) LG D855 (G3) в сборе с антенной оригинал 100%</t>
  </si>
  <si>
    <t>Звонок (buzzer) LG H500F Magna в сборе с антенной оригинал 100%</t>
  </si>
  <si>
    <t>Звонок (buzzer) LG K410/K350E/K200DS/K220DS/M320/M250</t>
  </si>
  <si>
    <t>Звонок (buzzer) LG X145/X135 (L60) оригинал 100%</t>
  </si>
  <si>
    <t xml:space="preserve">           Звонок (buzzer) Motorola</t>
  </si>
  <si>
    <t>Звонок (buzzer) Motorola V3/V3i/V3x/W220/V360/U6</t>
  </si>
  <si>
    <t>Звонок(buzzer) Motorola L2/L6/L7/K1</t>
  </si>
  <si>
    <t xml:space="preserve">           Звонок (buzzer) Nokia</t>
  </si>
  <si>
    <t>Звонок (buzzer) Microsoft 650/650 Dual</t>
  </si>
  <si>
    <t>Звонок (buzzer) Nokia 1202/5030/1661... (speaker/earphone/vibro)</t>
  </si>
  <si>
    <t>Звонок (buzzer) Nokia 1616/1280/100/101/1800/C1-00(01/02/03)/...(speaker/earphone/vibro)</t>
  </si>
  <si>
    <t>Звонок (buzzer) Nokia 2630/2600C в сборе</t>
  </si>
  <si>
    <t>Звонок (buzzer) Nokia 5 в сборе</t>
  </si>
  <si>
    <t>Звонок (buzzer) Nokia 5310/5220/5610/6600S/7610S/N78/N79/N82/N85/N900/N97/X7-00</t>
  </si>
  <si>
    <t>Звонок (buzzer) Nokia 5530/X6/E6/N9/C7/603/700/710/SE R800/ST25i </t>
  </si>
  <si>
    <t>Звонок (buzzer) Nokia 6125/303/5250/5800/300/500/600/610/808/900/6233/N73/C5-03/6300/6303 оригинал</t>
  </si>
  <si>
    <t>Звонок (buzzer) Nokia 620/720/820 Lumia</t>
  </si>
  <si>
    <t>Звонок (buzzer) Nokia 6230/6100/6101/6170/6260/7610/6280/6610/6630/6680/7260/N70/N72/C2-01/5000...</t>
  </si>
  <si>
    <t>Звонок (buzzer) Nokia 625/1320/515 Dual</t>
  </si>
  <si>
    <t>Звонок (buzzer) Nokia 800 в сборе с антенной на шлейфе</t>
  </si>
  <si>
    <t>Звонок (buzzer) Nokia C3-01 в сборе с антенной</t>
  </si>
  <si>
    <t>Звонок (buzzer) Nokia X1-00/X2-01/C2-02/C2-03/C2-06/200/202/203/302</t>
  </si>
  <si>
    <t>Звонок (buzzer) Nokia X2 Dual в сборе</t>
  </si>
  <si>
    <t xml:space="preserve">           Звонок (buzzer) Samsung</t>
  </si>
  <si>
    <t>Звонок (buzzer) Samsung A300F в сборе оригинал 100%</t>
  </si>
  <si>
    <t>Звонок (buzzer) Samsung A310F в сборе</t>
  </si>
  <si>
    <t>Звонок (buzzer) Samsung A500 в сборе оригинал 100%</t>
  </si>
  <si>
    <t>Звонок (buzzer) Samsung A510F в сборе</t>
  </si>
  <si>
    <t>Звонок (buzzer) Samsung A710F в сборе</t>
  </si>
  <si>
    <t>Звонок (buzzer) Samsung B5330/S3570/S5310/S7390/S6790/S6792/S5292/G130/S7392/G110 оригинал 100%</t>
  </si>
  <si>
    <t>Звонок (buzzer) Samsung C3300 (нижний) в сборе с антенной</t>
  </si>
  <si>
    <t>Звонок (buzzer) Samsung D880</t>
  </si>
  <si>
    <t>Звонок (buzzer) Samsung E1070/E1125/E1080/E1232/C3322/E2222/C3350/E1050/E2232/E2222..</t>
  </si>
  <si>
    <t>Звонок (buzzer) Samsung E250/E370/B5702</t>
  </si>
  <si>
    <t>Звонок (buzzer) Samsung G318H/G313/J110H/J105H оригинал 100%</t>
  </si>
  <si>
    <t>Звонок (buzzer) Samsung G350E на шлейфе оригинал 100%</t>
  </si>
  <si>
    <t>Звонок (buzzer) Samsung G355H на шлейфе оригинал 100%</t>
  </si>
  <si>
    <t>Звонок (buzzer) Samsung G360H в сборе разъем гарнитуры/спикер</t>
  </si>
  <si>
    <t>Звонок (buzzer) Samsung G570 J5 Prime  оригинал 100%</t>
  </si>
  <si>
    <t>Звонок (buzzer) Samsung G930/S7 в сборе  оригинал 100%</t>
  </si>
  <si>
    <t>Звонок (buzzer) Samsung i8160 в сборе</t>
  </si>
  <si>
    <t>Звонок (buzzer) Samsung i8190 звонок в сборе белый</t>
  </si>
  <si>
    <t>Звонок (buzzer) Samsung i8190 звонок в сборе белый оригинал 100%</t>
  </si>
  <si>
    <t>Звонок (buzzer) Samsung i9000 звонок в сборе </t>
  </si>
  <si>
    <t>Звонок (buzzer) Samsung i9003 звонок в сборе </t>
  </si>
  <si>
    <t>Звонок (buzzer) Samsung i9020 звонок в сборе </t>
  </si>
  <si>
    <t>Звонок (buzzer) Samsung i9060 на шлейфе</t>
  </si>
  <si>
    <t>Звонок (buzzer) Samsung i9082 в сборе с разъемом гарнитуры чёрный</t>
  </si>
  <si>
    <t>Звонок (buzzer) Samsung i9100 в сборе с антенной</t>
  </si>
  <si>
    <t>Звонок (buzzer) Samsung i9190/i9192/i9195(серый) звонок в сборе</t>
  </si>
  <si>
    <t>Звонок (buzzer) Samsung i9250 в сборе с антенной</t>
  </si>
  <si>
    <t>Звонок (buzzer) Samsung i9260(чёрный) звонок в сборе оригинал 100%</t>
  </si>
  <si>
    <t>Звонок (buzzer) Samsung i9295/G900/S5/G800/S5 mini</t>
  </si>
  <si>
    <t>Звонок (buzzer) Samsung i9300(белый) звонок в сборе оригинал 100%</t>
  </si>
  <si>
    <t>Звонок (buzzer) Samsung i9300(чёрный) звонок в сборе оригинал 100%</t>
  </si>
  <si>
    <t>Звонок (buzzer) Samsung i9500(серый) звонок в сборе оригинал 100%</t>
  </si>
  <si>
    <t>Звонок (buzzer) Samsung J320F/J250F/J260F/J510F/J710F/G532F/T280/T285</t>
  </si>
  <si>
    <t>Звонок (buzzer) Samsung N7100(белый) звонок в сборе оригинал 100%</t>
  </si>
  <si>
    <t>Звонок (buzzer) Samsung N7100(серый) звонок в сборе оригинал 100%</t>
  </si>
  <si>
    <t>Звонок (buzzer) Samsung S5360 звонок в сборе оригинал 100%</t>
  </si>
  <si>
    <t>Звонок (buzzer) Samsung S5380 звонок в сборе оригинал 100%</t>
  </si>
  <si>
    <t>Звонок (buzzer) Samsung S5830 в сборе с разъемом гарнитуры</t>
  </si>
  <si>
    <t>Звонок (buzzer) Samsung S6802 звонок в сборе оригинал 100%</t>
  </si>
  <si>
    <t>Звонок (buzzer) Samsung S7230 звонок в сборе оригинал 100%</t>
  </si>
  <si>
    <t>Звонок (buzzer) Samsung S7270 звонок в сборе оригинал 100%</t>
  </si>
  <si>
    <t>Звонок (buzzer) Samsung S7500 звонок в сборе</t>
  </si>
  <si>
    <t>Звонок (buzzer) Samsung T560 Galaxy Tab E 9.6 оригинал 100%</t>
  </si>
  <si>
    <t>Звонок/Динамик Samsung U600 в корпусе с антенной</t>
  </si>
  <si>
    <t xml:space="preserve">           Звонок (buzzer) SonyEricsson</t>
  </si>
  <si>
    <t>Звонок (buzzer) Sony C5302 (SP)/C5303/C5306 в сборе</t>
  </si>
  <si>
    <t>Звонок (buzzer) Sony C6833/D5103 (Z Ultra/T3)</t>
  </si>
  <si>
    <t>Звонок (buzzer) Sony D2303/D2306/D2302 (M2/M2 Dual) в сборе</t>
  </si>
  <si>
    <t>Звонок (buzzer) Sony D2533/D2502 (C3/C3 Dual) в сборе с антенной</t>
  </si>
  <si>
    <t>Звонок (buzzer) Sony D5503 (Z1 Compact)</t>
  </si>
  <si>
    <t>Звонок (buzzer) Sony D5503 в сборе</t>
  </si>
  <si>
    <t>Звонок (buzzer) Sony E5303/E5333 (C4/C4 Dual)</t>
  </si>
  <si>
    <t>Звонок (buzzer) SonyEricsson J10 (Elm) в сборе - Оригинал</t>
  </si>
  <si>
    <t>Звонок (buzzer) SonyEricsson K790/K800 в сборе с антенной</t>
  </si>
  <si>
    <t>Звонок (buzzer) SonyEricsson K790/K800 в сборе с антенной оригинал</t>
  </si>
  <si>
    <t>Звонок (buzzer) SonyEricsson S500/W580</t>
  </si>
  <si>
    <t>Звонок (buzzer) SonyEricsson W20i (Zylo)</t>
  </si>
  <si>
    <t>Звонок (buzzer) SonyEricsson W910 со шлейфом оригинал 100%</t>
  </si>
  <si>
    <t xml:space="preserve">           Звонок (buzzer) Xiaomi</t>
  </si>
  <si>
    <t>Звонок (buzzer) Xiaomi Redmi 9 в сборе</t>
  </si>
  <si>
    <t>Звонок (buzzer) Xiaomi Redmi Note 3/Redmi Note 3 Pro/Redmi Note 4/Redmi 3/Redmi 3S/Redmi 3 Pro</t>
  </si>
  <si>
    <t>Звонок (buzzer) Xiaomi Redmi Note 6 Pro в сборе</t>
  </si>
  <si>
    <t xml:space="preserve">           Звонок (buzzer) универ.</t>
  </si>
  <si>
    <t>Звонок (buzzer) универсальный 25mm*35mm в корпусе</t>
  </si>
  <si>
    <t>Звонок (buzzer) универсальный 28mm*40mm овал с проводами</t>
  </si>
  <si>
    <t>Звонок (buzzer) универсальный овал 20mm*30mm</t>
  </si>
  <si>
    <t>Звонок универсальный круглый диаметр 12мм, толщина 3мм с проводами</t>
  </si>
  <si>
    <t xml:space="preserve">      Инструмент</t>
  </si>
  <si>
    <t xml:space="preserve">           BGA трафарет</t>
  </si>
  <si>
    <t>BGA трафарет HTC A00</t>
  </si>
  <si>
    <t>BGA трафарет HTC B462 (G14-G21)</t>
  </si>
  <si>
    <t>BGA трафарет i9500</t>
  </si>
  <si>
    <t>BGA трафарет iPhone 3GS (A319)</t>
  </si>
  <si>
    <t>BGA трафарет iPhone 4G (A413)</t>
  </si>
  <si>
    <t>BGA трафарет iPhone ver.2 (A247)</t>
  </si>
  <si>
    <t>BGA трафарет LG</t>
  </si>
  <si>
    <t>BGA трафарет Motorola</t>
  </si>
  <si>
    <t>BGA трафарет Nokia (A60)</t>
  </si>
  <si>
    <t>BGA трафарет Nokia 6700C (A238)</t>
  </si>
  <si>
    <t>BGA трафарет Nokia C6/N8/N900(A406}</t>
  </si>
  <si>
    <t>BGA трафарет Nokia N70/N72/N73/N95</t>
  </si>
  <si>
    <t>BGA трафарет Samsung G900F</t>
  </si>
  <si>
    <t>BGA трафарет Samsung G920F (S5038)</t>
  </si>
  <si>
    <t xml:space="preserve">           Аэрозоль</t>
  </si>
  <si>
    <t>Аэрозоль Solins DEGREAASER-400 мл.(для удаления жира,масла)</t>
  </si>
  <si>
    <t>Аэрозоль Solins FLUX OFF,-400 мл (очиститель от флюса)</t>
  </si>
  <si>
    <t xml:space="preserve">           Блок питания</t>
  </si>
  <si>
    <t>Тестер зарядного устройства USB</t>
  </si>
  <si>
    <t>Тестер зарядного устройства USB Keweisi</t>
  </si>
  <si>
    <t>Тестер разъема Lightning OSS Team</t>
  </si>
  <si>
    <t xml:space="preserve">           Инструмент</t>
  </si>
  <si>
    <t>Груша для очистки плат от пыли JAKEMY JM-CS11</t>
  </si>
  <si>
    <t>Инструмент Лента термостойкая, ширина 6 мм</t>
  </si>
  <si>
    <t>Инструмент- Штангенциркуль (электронный)</t>
  </si>
  <si>
    <t>579</t>
  </si>
  <si>
    <t>Инструмент-NBA Адаптер для плоских конт.акб.</t>
  </si>
  <si>
    <t>Инструмент-для снятия микросхем TE-01 (13 насадок) бронза (MR)</t>
  </si>
  <si>
    <t>Инструмент-Лампа UV</t>
  </si>
  <si>
    <t>Инструмент-Лезвия для скальпеля №11 (10 шт.)</t>
  </si>
  <si>
    <t>Инструмент-Лезвия для скальпеля №23 (10 шт.)</t>
  </si>
  <si>
    <t>Инструмент-Матрица для сборки дисплейного модуля iPhone 4/4S</t>
  </si>
  <si>
    <t>Инструмент-Матрица для сборки дисплейного модуля iPhone 5/5S/SE</t>
  </si>
  <si>
    <t>Инструмент-Матрица для сборки дисплейного модуля iPhone 6</t>
  </si>
  <si>
    <t>Инструмент-Матрица для сборки дисплейного модуля iPhone 6 plus</t>
  </si>
  <si>
    <t>Инструмент-Набор вскрывателей -SYT-881/BK-212 (медиаторы)</t>
  </si>
  <si>
    <t>Инструмент-Набор отверток BAKU BK-630-31 (30 насадок)</t>
  </si>
  <si>
    <t>Инструмент-Набор отверток BAKU BK-633-31A (30 насадок)</t>
  </si>
  <si>
    <t>Инструмент-Набор отверток Baseus iPhone 7+</t>
  </si>
  <si>
    <t>Инструмент-Набор отверток NO:6688, 5 насадок в ручке</t>
  </si>
  <si>
    <t>Инструмент-Набор отверток NO:7389 C 32 в 1</t>
  </si>
  <si>
    <t>Инструмент-Отвертка 0,8x25mm BK-338 ДЛЯ IPHONE 4/5/6/6s (звезда)</t>
  </si>
  <si>
    <t>Инструмент-Отвертка 0.6x30 мм Y BAKU BK-338 для iPhone 7/7 Plus/8/8 Plus</t>
  </si>
  <si>
    <t>Инструмент-Отвертка IPhone Y (0.6 iPhone 7/7 Plus/8/8 Plus)</t>
  </si>
  <si>
    <t>Инструмент-Отвертка T2 BK-332</t>
  </si>
  <si>
    <t>Инструмент-Пинцет BAKU 7-sa (изогнутый)</t>
  </si>
  <si>
    <t>Инструмент-Пинцет BAKU SS-sa (прямой)</t>
  </si>
  <si>
    <t>Инструмент-Пинцет(KAWA) изогнутый</t>
  </si>
  <si>
    <t>Инструмент-Пинцет(KAWA)прямой</t>
  </si>
  <si>
    <t>Инструмент-Плата для активации и зарядки АКБ IPhone 4/,,../6S Plus от USB</t>
  </si>
  <si>
    <t>Инструмент-Плата для активации и зарядки АКБ IPhone и др. с дисплеем.</t>
  </si>
  <si>
    <t>1 230</t>
  </si>
  <si>
    <t>Инструмент-Присоска для снятия дисплея обычная</t>
  </si>
  <si>
    <t>Инструмент-Шпатель супер тонкий T-0.1</t>
  </si>
  <si>
    <t>Прищепка (85 мм*55 мм)</t>
  </si>
  <si>
    <t>Ручка для скальпеля №4 (для лезвий №18-36)</t>
  </si>
  <si>
    <t>Клей для тачскрина и дисп.модуля B-7000 15 mL (прозрачный)</t>
  </si>
  <si>
    <t>Клей для тачскрина и дисп.модуля T-7000 (15 мл) чёрный</t>
  </si>
  <si>
    <t>Клей токопроводящий</t>
  </si>
  <si>
    <t xml:space="preserve">           Коврик</t>
  </si>
  <si>
    <t>Магнитный коврик yaxun для разборки iPhone 4S (карта винтов)</t>
  </si>
  <si>
    <t>Магнитный коврик yaxun для разборки iPhone 5 (карта винтов)</t>
  </si>
  <si>
    <t>Магнитный коврик yaxun для разборки iPhone 5S (карта винтов)</t>
  </si>
  <si>
    <t xml:space="preserve">           Лупы/Микроскоп</t>
  </si>
  <si>
    <t>Лупа MG 16090-C настольная с подсветкой</t>
  </si>
  <si>
    <t>Лупа светодиодная на голову 9892G-3A</t>
  </si>
  <si>
    <t>Лупа светодиодная на голову MG81007</t>
  </si>
  <si>
    <t>Микроскоп U500X -USB </t>
  </si>
  <si>
    <t xml:space="preserve">           Паяльник/Комплектующие</t>
  </si>
  <si>
    <t>Инструмент-Губка для паяльника</t>
  </si>
  <si>
    <t>Инструмент-Жало паяльника (медь)</t>
  </si>
  <si>
    <t>Инструмент-Жало паяльника Lukey 900-T-0,8D</t>
  </si>
  <si>
    <t>Инструмент-Лента для удаления припоя</t>
  </si>
  <si>
    <t>Инструмент-Нагревательный элемент для паяльника Lukey 852D/936....</t>
  </si>
  <si>
    <t>Инструмент-Паста паяльная Mechanic XG-50 (35гр.)</t>
  </si>
  <si>
    <t>Инструмент-Паяльник 65W/220V REXANT</t>
  </si>
  <si>
    <t>Инструмент-паяльник для станции Lukey 936A/702</t>
  </si>
  <si>
    <t>Инструмент-Флюс Amtech RMA-223 10cc (китай)</t>
  </si>
  <si>
    <t>Припой ПОС 30 10Г 1ММ ОЛОВО30%|СВИНЕЦ70%</t>
  </si>
  <si>
    <t>Сплав Вуда (10г.) олово 25%/свинец 12,5%/кадмий 12,5%/висмут 50%</t>
  </si>
  <si>
    <t>Сплав Розе (10г.) олово 25%/свинец 25%/висмут 50%</t>
  </si>
  <si>
    <t xml:space="preserve">      Камера</t>
  </si>
  <si>
    <t xml:space="preserve">           Камера</t>
  </si>
  <si>
    <t>Камера Apple iPad 2</t>
  </si>
  <si>
    <t>Камера Apple iPad 2 (фронтальная 3g)</t>
  </si>
  <si>
    <t>Камера Apple iPad 3 (задняя)</t>
  </si>
  <si>
    <t>Камера Apple iPad 3/4 (фронтальная 3g)</t>
  </si>
  <si>
    <t>Камера Apple IPhone 3G</t>
  </si>
  <si>
    <t>Камера Apple iPhone 4 основная</t>
  </si>
  <si>
    <t>Камера Apple IPhone 4 передняя</t>
  </si>
  <si>
    <t>Камера Apple IPhone 4S основная</t>
  </si>
  <si>
    <t>Камера Apple IPhone 4s передняя</t>
  </si>
  <si>
    <t>Камера Apple IPhone 5 основная</t>
  </si>
  <si>
    <t>Камера Apple IPhone 5C основная</t>
  </si>
  <si>
    <t>Камера Apple IPhone 5S основная</t>
  </si>
  <si>
    <t>Камера Apple IPhone 6 основная</t>
  </si>
  <si>
    <t>Камера LG P970/GD350 оригинал 100%</t>
  </si>
  <si>
    <t>Камера Nokia 500</t>
  </si>
  <si>
    <t>Камера Nokia 5130/5220/5228/5230/5233/5235/5310/7210S/7310S/2700/3120с</t>
  </si>
  <si>
    <t>Камера Nokia 5800</t>
  </si>
  <si>
    <t>Камера Nokia 600/700/E5-00/X2-00/C5-03/C3-01</t>
  </si>
  <si>
    <t>Камера Nokia 6131</t>
  </si>
  <si>
    <t>Камера Nokia 6300/5500/7373/3500C/N76</t>
  </si>
  <si>
    <t>Камера Nokia 6700c/6500i/C6-00/E72</t>
  </si>
  <si>
    <t>Камера Nokia C3-00/5630</t>
  </si>
  <si>
    <t>Камера Nokia C5/7230</t>
  </si>
  <si>
    <t>Камера Nokia C7/C6-01/701</t>
  </si>
  <si>
    <t>Камера Nokia E5\Х2</t>
  </si>
  <si>
    <t>Камера Nokia N9-00</t>
  </si>
  <si>
    <t>Камера Nokia N97</t>
  </si>
  <si>
    <t>Камера Nokia X3-00</t>
  </si>
  <si>
    <t>Камера Nokia X3-02</t>
  </si>
  <si>
    <t>Камера Samsung G900 (S5) основная</t>
  </si>
  <si>
    <t>Камера Samsung G900 (S5) фронтальная</t>
  </si>
  <si>
    <t>Камера Samsung G920F/G925F (S6/S6 Edge) передняя</t>
  </si>
  <si>
    <t>Камера Samsung G930F/G935F (S7/S7 Edge) передняя</t>
  </si>
  <si>
    <t>Камера Samsung i8750/i9300/N7100 (оригинал)</t>
  </si>
  <si>
    <t>Камера Samsung i9200 основная оригинал 100%</t>
  </si>
  <si>
    <t>Камера Samsung i9300 основная оригинал 100%</t>
  </si>
  <si>
    <t>Камера Samsung i9300 фронтальная</t>
  </si>
  <si>
    <t>Камера Samsung i9500 основная оригинал 100%</t>
  </si>
  <si>
    <t>1 160</t>
  </si>
  <si>
    <t>Камера Samsung P3100/3110 основная 3.15мп. оригинал 100%</t>
  </si>
  <si>
    <t>Камера Samsung P3100/3110 фронтальная VGA оригинал 100%</t>
  </si>
  <si>
    <t>Камера Samsung P5200 основная 3мп.оригинал 100%</t>
  </si>
  <si>
    <t>Камера Samsung P5200 фронтальная 1.3мп.оригинал 100%</t>
  </si>
  <si>
    <t>Камера Samsung S5230</t>
  </si>
  <si>
    <t>Камера Samsung S5610 оригинал 100%</t>
  </si>
  <si>
    <t>Камера Samsung S7562 оригинал 100%</t>
  </si>
  <si>
    <t>Камера Samsung T210/T211 основная 3мп.оригинал 100%</t>
  </si>
  <si>
    <t xml:space="preserve">           Стекло Камеры.</t>
  </si>
  <si>
    <t>Стекло камеры Huawei Honor 10 Lite (комплект 2 шт.)</t>
  </si>
  <si>
    <t>Стекло камеры Huawei Honor 10i</t>
  </si>
  <si>
    <t>Стекло камеры Huawei Honor 20 Lite/Honor 20S</t>
  </si>
  <si>
    <t>Стекло камеры Huawei Honor 9A</t>
  </si>
  <si>
    <t>Стекло камеры iPhone 6/6S Золото</t>
  </si>
  <si>
    <t>Стекло камеры iPhone 6/6S Серебро</t>
  </si>
  <si>
    <t>Стекло камеры iPhone 6/6S Чёрный</t>
  </si>
  <si>
    <t>Стекло камеры iPhone 7</t>
  </si>
  <si>
    <t>Стекло камеры iPhone 7 plus</t>
  </si>
  <si>
    <t>Стекло камеры iPhone 8 Черное</t>
  </si>
  <si>
    <t>Стекло камеры iPhone X Серебро</t>
  </si>
  <si>
    <t>Стекло камеры iPhone X Черный</t>
  </si>
  <si>
    <t>Стекло камеры Samsung A310F/A510F/A710F</t>
  </si>
  <si>
    <t>Стекло камеры Samsung A320F/A520F/A720F/T820/T825</t>
  </si>
  <si>
    <t>Стекло камеры Samsung A750F (A7 2018)</t>
  </si>
  <si>
    <t>Стекло камеры Samsung G950F/G955F (S8/S8+)</t>
  </si>
  <si>
    <t>Стекло камеры Samsung J120F</t>
  </si>
  <si>
    <t>Стекло камеры Samsung J510F/J710F</t>
  </si>
  <si>
    <t>Стекло камеры Samsung M215F (M21)</t>
  </si>
  <si>
    <t>Стекло камеры Tecno Spark 8C (KG5n) (комплект 2 шт.) Черный</t>
  </si>
  <si>
    <t>Стекло камеры для iPhone 8 Plus Черное</t>
  </si>
  <si>
    <t>Стекло камеры для iPhone 8 Белое</t>
  </si>
  <si>
    <t xml:space="preserve">      Клавиатура</t>
  </si>
  <si>
    <t xml:space="preserve">           Клавиатура Motorola</t>
  </si>
  <si>
    <t>Клавиатура Motorola L6 Серебро</t>
  </si>
  <si>
    <t>Клавиатура Motorola L6 чёрный</t>
  </si>
  <si>
    <t xml:space="preserve">           Клавиатура Nokia</t>
  </si>
  <si>
    <t>Клавиатура Nokia 100/101 Черный</t>
  </si>
  <si>
    <t>Клавиатура Nokia 1200/1208 Черный</t>
  </si>
  <si>
    <t>Клавиатура Nokia 1209 Черный Оригинал</t>
  </si>
  <si>
    <t>Клавиатура Nokia 1280 Черный</t>
  </si>
  <si>
    <t>Клавиатура Nokia 1616 Черный</t>
  </si>
  <si>
    <t>Клавиатура Nokia 1661 Чер.</t>
  </si>
  <si>
    <t>Клавиатура Nokia 1661 Чер.со стеклом</t>
  </si>
  <si>
    <t>Клавиатура Nokia 1800 Чер. Оригинал</t>
  </si>
  <si>
    <t>Клавиатура Nokia 201 Белый. - Оригинал</t>
  </si>
  <si>
    <t>Клавиатура Nokia 201 Синий. - Оригинал</t>
  </si>
  <si>
    <t>Клавиатура Nokia 201 Сиреневый. - Оригинал</t>
  </si>
  <si>
    <t>Клавиатура Nokia 201 Чер. - Оригинал</t>
  </si>
  <si>
    <t>Клавиатура Nokia 208 черный</t>
  </si>
  <si>
    <t>Клавиатура Nokia 2100 серебро</t>
  </si>
  <si>
    <t>Клавиатура Nokia 220 жёлтый</t>
  </si>
  <si>
    <t>Клавиатура Nokia 2220S комплект Розовый</t>
  </si>
  <si>
    <t>Клавиатура Nokia 225 белый</t>
  </si>
  <si>
    <t>Клавиатура Nokia 225 черный</t>
  </si>
  <si>
    <t>Клавиатура Nokia 2310 серебро</t>
  </si>
  <si>
    <t>Клавиатура Nokia 2323 Чер.</t>
  </si>
  <si>
    <t>Клавиатура Nokia 2330 Серебро</t>
  </si>
  <si>
    <t>Клавиатура Nokia 2600 Чер.</t>
  </si>
  <si>
    <t>Клавиатура Nokia 2610 серебристый</t>
  </si>
  <si>
    <t>Клавиатура Nokia 2610/2626 Чер. Оригинaл</t>
  </si>
  <si>
    <t>Клавиатура Nokia 2690 Черно-розовая</t>
  </si>
  <si>
    <t>Клавиатура Nokia 2710n Бежевый</t>
  </si>
  <si>
    <t>Клавиатура Nokia 2720 Серебро</t>
  </si>
  <si>
    <t>Клавиатура Nokia 2760 Серебро</t>
  </si>
  <si>
    <t>Клавиатура Nokia 302 Чер. - Оригинал</t>
  </si>
  <si>
    <t>Клавиатура Nokia 303 Чер-сер. - Оригинал</t>
  </si>
  <si>
    <t>Клавиатура Nokia 305/306 Чер.</t>
  </si>
  <si>
    <t>Клавиатура Nokia 308/309/310 Черный</t>
  </si>
  <si>
    <t>Клавиатура Nokia 3110C Чер.</t>
  </si>
  <si>
    <t>Клавиатура Nokia 3120C Чер.</t>
  </si>
  <si>
    <t>Клавиатура Nokia 3230</t>
  </si>
  <si>
    <t>Клавиатура Nokia 3600s комплект (серый)</t>
  </si>
  <si>
    <t>Клавиатура Nokia 500 Чер.</t>
  </si>
  <si>
    <t>Клавиатура Nokia 5000 черная</t>
  </si>
  <si>
    <t>Клавиатура Nokia 5030 Чер.со стеклом</t>
  </si>
  <si>
    <t>Клавиатура Nokia 5070/6070 Серебро</t>
  </si>
  <si>
    <t>Клавиатура Nokia 5070/6070 Чёрный</t>
  </si>
  <si>
    <t>Клавиатура Nokia 5130 чёрно-красный Оригинал</t>
  </si>
  <si>
    <t>Клавиатура Nokia 5130 чёрно-синий Оригинал</t>
  </si>
  <si>
    <t>Клавиатура Nokia 5130 Чёрный Оригинал</t>
  </si>
  <si>
    <t>Клавиатура Nokia 5228/5230/5235(белый)</t>
  </si>
  <si>
    <t>Клавиатура Nokia 5228/5230/5235(чёрный)</t>
  </si>
  <si>
    <t>Клавиатура Nokia 5300 Чёрный</t>
  </si>
  <si>
    <t>Клавиатура Nokia 5310 Оригинал</t>
  </si>
  <si>
    <t>Клавиатура Nokia 5610 комплект Чер. Оригинал</t>
  </si>
  <si>
    <t>Клавиатура Nokia 5730 внешняя черно-серая</t>
  </si>
  <si>
    <t>Клавиатура Nokia 5730 комплект чёрный</t>
  </si>
  <si>
    <t>Клавиатура Nokia 5800 Чер.</t>
  </si>
  <si>
    <t>Клавиатура Nokia 6030 Чер.</t>
  </si>
  <si>
    <t>Клавиатура Nokia 6120C </t>
  </si>
  <si>
    <t>Клавиатура Nokia 6131 черный</t>
  </si>
  <si>
    <t>Клавиатура Nokia 6151 черный</t>
  </si>
  <si>
    <t>Клавиатура Nokia 6230 серебристый</t>
  </si>
  <si>
    <t>Клавиатура Nokia 6230 черный</t>
  </si>
  <si>
    <t>Клавиатура Nokia 6288 комплект черный (оригинал)</t>
  </si>
  <si>
    <t>Клавиатура Nokia 6300 (бронзовый)</t>
  </si>
  <si>
    <t>Клавиатура Nokia 6300 Серебро</t>
  </si>
  <si>
    <t>Клавиатура Nokia 6600s комплект</t>
  </si>
  <si>
    <t>Клавиатура Nokia 6610/6610i</t>
  </si>
  <si>
    <t>Клавиатура Nokia 7070</t>
  </si>
  <si>
    <t>Клавиатура Nokia 7250 Чёр-крас.</t>
  </si>
  <si>
    <t>Клавиатура Nokia 7500 Чер.</t>
  </si>
  <si>
    <t>Клавиатура Nokia 8800 arte нижняя</t>
  </si>
  <si>
    <t>Клавиатура Nokia 8800 без кириллицы</t>
  </si>
  <si>
    <t>Клавиатура Nokia C1-01/C2-00 серебристый</t>
  </si>
  <si>
    <t>Клавиатура Nokia C1-01/C2-00 черный</t>
  </si>
  <si>
    <t>Клавиатура Nokia C2-03/C2-06 Белый</t>
  </si>
  <si>
    <t>Клавиатура Nokia C2-03/C2-06 черный</t>
  </si>
  <si>
    <t>Клавиатура Nokia C3-00 золото</t>
  </si>
  <si>
    <t>Клавиатура Nokia C3-00 Чер. Оригинал</t>
  </si>
  <si>
    <t>Клавиатура Nokia C3-01 золото</t>
  </si>
  <si>
    <t>Клавиатура Nokia C3-01 Серебро</t>
  </si>
  <si>
    <t>Клавиатура Nokia C5-03/C5-06 Зеленый</t>
  </si>
  <si>
    <t>Клавиатура Nokia C5-03/C5-06 Розовый</t>
  </si>
  <si>
    <t>Клавиатура Nokia C5-03/C5-06 Серебро</t>
  </si>
  <si>
    <t>Клавиатура Nokia C6-00 комплект Чер.</t>
  </si>
  <si>
    <t>Клавиатура Nokia C7-00 Чёр. Оригинал</t>
  </si>
  <si>
    <t>Клавиатура Nokia E65 комплект</t>
  </si>
  <si>
    <t>Клавиатура Nokia N70 серебристый (оригинал)</t>
  </si>
  <si>
    <t>Клавиатура Nokia N70 Чер.</t>
  </si>
  <si>
    <t>Клавиатура Nokia N72 Чер.</t>
  </si>
  <si>
    <t>Клавиатура Nokia N95 комплект Черный</t>
  </si>
  <si>
    <t>Клавиатура Nokia N97 mini Черный - Оригинал</t>
  </si>
  <si>
    <t>Клавиатура Nokia N97 Черный Оригинал</t>
  </si>
  <si>
    <t>Клавиатура Nokia X1-00/X1-01 Чер.</t>
  </si>
  <si>
    <t>Клавиатура Nokia X2-01 белая</t>
  </si>
  <si>
    <t>Клавиатура Nokia X2-01 Чер.</t>
  </si>
  <si>
    <t>Клавиатура Nokia X3-00 Серебро-чёр.</t>
  </si>
  <si>
    <t>Клавиатура Nokia X3-02 (голубой)</t>
  </si>
  <si>
    <t>Клавиатура Nokia X6 Чер.</t>
  </si>
  <si>
    <t xml:space="preserve">           Клавиатура Samsung</t>
  </si>
  <si>
    <t>Клавиатура Samsung B5722 (черный)</t>
  </si>
  <si>
    <t>Клавиатура Samsung B7722 (черный)</t>
  </si>
  <si>
    <t>Клавиатура Samsung C100 серебро</t>
  </si>
  <si>
    <t>Клавиатура Samsung C3312 (белый)</t>
  </si>
  <si>
    <t>Клавиатура Samsung C3312 (чёрный)</t>
  </si>
  <si>
    <t>Клавиатура Samsung C3780/C3782 (чёрный)</t>
  </si>
  <si>
    <t>Клавиатура Samsung D820 чёр.</t>
  </si>
  <si>
    <t>Клавиатура Samsung E200 чёр.</t>
  </si>
  <si>
    <t>Клавиатура Samsung E600 серебро</t>
  </si>
  <si>
    <t>Клавиатура Samsung i9001/i9000 Чер. HOME</t>
  </si>
  <si>
    <t>Клавиатура Samsung i9003 Чер. HOME</t>
  </si>
  <si>
    <t>Клавиатура Samsung i9100 Бел. HOME</t>
  </si>
  <si>
    <t>Клавиатура Samsung i9100 Чер. HOME</t>
  </si>
  <si>
    <t>Клавиатура Samsung i9103 Galaxy R Чер. HOME</t>
  </si>
  <si>
    <t>Клавиатура Samsung i9105 Бел. HOME</t>
  </si>
  <si>
    <t>Клавиатура Samsung i9105 Синий HOME</t>
  </si>
  <si>
    <t>Клавиатура Samsung i9190/i9192/i9195 Бел.home</t>
  </si>
  <si>
    <t>Клавиатура Samsung i9260 Бел. HOME</t>
  </si>
  <si>
    <t>Клавиатура Samsung i9260 Серый HOME</t>
  </si>
  <si>
    <t>Клавиатура Samsung i9300 Бел. HOME</t>
  </si>
  <si>
    <t>Клавиатура Samsung N7000/i9220 Черный HOME</t>
  </si>
  <si>
    <t>Клавиатура Samsung S3600 (серебристо-чёрная)</t>
  </si>
  <si>
    <t>Клавиатура Samsung S5230 розовый</t>
  </si>
  <si>
    <t>Клавиатура Samsung S5230 черный</t>
  </si>
  <si>
    <t>Клавиатура Samsung S5570 белый</t>
  </si>
  <si>
    <t>Клавиатура Samsung S5610 серый</t>
  </si>
  <si>
    <t>Клавиатура Samsung S5620 черный</t>
  </si>
  <si>
    <t>Клавиатура Samsung S5830 Чер. HOME</t>
  </si>
  <si>
    <t xml:space="preserve">           Клавиатура SonyEricsson</t>
  </si>
  <si>
    <t>Клавиатура SonyEricsson G900 Чер.</t>
  </si>
  <si>
    <t>Клавиатура SonyEricsson J100 Серый</t>
  </si>
  <si>
    <t>Клавиатура SonyEricsson K500 Серебро</t>
  </si>
  <si>
    <t>Клавиатура SonyEricsson K510 Чер.</t>
  </si>
  <si>
    <t>Клавиатура SonyEricsson K550 Серебро</t>
  </si>
  <si>
    <t>Клавиатура SonyEricsson K700 Серебро</t>
  </si>
  <si>
    <t>Клавиатура SonyEricsson K750 Чер.</t>
  </si>
  <si>
    <t>Клавиатура SonyEricsson K750 Чер.оригинал</t>
  </si>
  <si>
    <t>Клавиатура SonyEricsson K790/K800 комплект &lt;черный&gt;</t>
  </si>
  <si>
    <t>Клавиатура SonyEricsson K850 черно-зеленый</t>
  </si>
  <si>
    <t>Клавиатура SonyEricsson K850 черно-синий</t>
  </si>
  <si>
    <t>Клавиатура SonyEricsson S500 Серебро/Бел. Оригинал</t>
  </si>
  <si>
    <t>Клавиатура SonyEricsson S500 Серебро/Зел. Оригинал</t>
  </si>
  <si>
    <t>Клавиатура SonyEricsson T650 Серебро</t>
  </si>
  <si>
    <t>Клавиатура SonyEricsson W580 Оранжевый с черным Оригинал</t>
  </si>
  <si>
    <t>Клавиатура SonyEricsson W580 Оранжевый/Бел. Оригинал</t>
  </si>
  <si>
    <t>Клавиатура SonyEricsson W580 черный Оригинал</t>
  </si>
  <si>
    <t>Клавиатура SonyEricsson W610 серебро</t>
  </si>
  <si>
    <t>Клавиатура SonyEricsson W660 Чер.</t>
  </si>
  <si>
    <t xml:space="preserve">      Кнопка включения</t>
  </si>
  <si>
    <t xml:space="preserve">           Кнопка включения</t>
  </si>
  <si>
    <t>Кнопка включения механизм Nokia 3310/6210/8210</t>
  </si>
  <si>
    <t>Кнопка включения механизм Nokia 5320/6120/6121/6220/6111/E71/N900 боковая оригинал 100%</t>
  </si>
  <si>
    <t>Кнопка включения механизм Nokia 6300/3100/7270....(4-х контактная маленькая)</t>
  </si>
  <si>
    <t>Кнопка включения механизм Nokia 7210/6230 (двухконтактная маленькая)</t>
  </si>
  <si>
    <t>Кнопка включения механизм Nokia N8/808</t>
  </si>
  <si>
    <t>Кнопка включения механизм Nokia N86/N8/C6-00/C7 блокировки</t>
  </si>
  <si>
    <t>Кнопка включения/громкости AJ-064 (1,8x4,7x3,5) Планшет/МР3/ПК/и тд.....</t>
  </si>
  <si>
    <t>Кнопка включения/громкости iPhone 4 AJ-072 (3x2.6) </t>
  </si>
  <si>
    <t>Кнопка включения/громкости iPhone 5 AJ-069 (3.5x2) 2х контактная</t>
  </si>
  <si>
    <t>Кнопка включения/громкости iPhone 6 AJ-128 (2,7x1,6) </t>
  </si>
  <si>
    <t>Кнопка включения/громкости Samsung i8160/…</t>
  </si>
  <si>
    <t>Кнопка включения/громкости Samsung i9220......</t>
  </si>
  <si>
    <t>Кнопка включения/громкости Samsung i9300</t>
  </si>
  <si>
    <t>Кнопка включения/громкости Samsung N9000/...</t>
  </si>
  <si>
    <t>Кнопка включения/громкости Samsung S7262</t>
  </si>
  <si>
    <t>Кнопка громкости Samsung B5512, B7722, B7722i, C3312, C3330, C3752, C3782, E2530, I8510, S3350, S525</t>
  </si>
  <si>
    <t xml:space="preserve">      Коннектор SIM- MMC</t>
  </si>
  <si>
    <t xml:space="preserve">           Коннектор SIM-MMC Alcatel</t>
  </si>
  <si>
    <t>Коннектор MMC Alcatel OT-4007D/OT-890D/OT-665/OT-7025D/OT-4010D/OT-4030D/OT-5020D</t>
  </si>
  <si>
    <t>Коннектор MMC Alcatel OT-7047D/OT-6030/OT-8000D/OT-8008D/OT-6037Y/OT-6036Y/OT-6050Y</t>
  </si>
  <si>
    <t>Коннектор SIM Alcatel OT-6012D/OT-6036Y/OT-6037Y/OT-6040D/OT-6050Y/OT-7047D/OT-7050Y</t>
  </si>
  <si>
    <t>Коннектор SIM Alcatel OT-8050D</t>
  </si>
  <si>
    <t xml:space="preserve">           Коннектор SIM-MMC Apple</t>
  </si>
  <si>
    <t>Конектор Sim iPad 1 (wifi+3g)</t>
  </si>
  <si>
    <t>Коннектор Sim iPad 3 на шлейфе</t>
  </si>
  <si>
    <t>Коннектор SIM iPhone 2G/3G</t>
  </si>
  <si>
    <t>Коннектор SIM iPhone 4/4S</t>
  </si>
  <si>
    <t>Коннектор SIM iPhone 5/5C</t>
  </si>
  <si>
    <t>Коннектор SIM iPhone 5S</t>
  </si>
  <si>
    <t>Контейнер Sim  iPad mini (серебро)</t>
  </si>
  <si>
    <t>Контейнер Sim iPad 2 (wifi и 3g)</t>
  </si>
  <si>
    <t>Контейнер SIM iPad Air 2 Золото</t>
  </si>
  <si>
    <t>Контейнер SIM iPad Air 2 Серебро</t>
  </si>
  <si>
    <t>Контейнер Sim iPad mini (чёрный)</t>
  </si>
  <si>
    <t>Контейнер SIM iPhone 2G</t>
  </si>
  <si>
    <t>Контейнер SIM iPhone 3G/3Gs бел.</t>
  </si>
  <si>
    <t>Контейнер Sim iPhone 5 белый</t>
  </si>
  <si>
    <t>Контейнер Sim iPhone 5 черный</t>
  </si>
  <si>
    <t>Контейнер SIM iPhone 5C Розовый</t>
  </si>
  <si>
    <t>Контейнер Sim iPhone 5s серебро</t>
  </si>
  <si>
    <t>Контейнер Sim iPhone 5s серый</t>
  </si>
  <si>
    <t>Контейнер SIM iPhone 6 Plus Золото</t>
  </si>
  <si>
    <t>Контейнер SIM iPhone 6 Plus Серебро</t>
  </si>
  <si>
    <t>Контейнер SIM iPhone 6 Plus Серый</t>
  </si>
  <si>
    <t>Контейнер SIM iPhone 6 Золото</t>
  </si>
  <si>
    <t>Контейнер SIM iPhone 6 Серый</t>
  </si>
  <si>
    <t>Контейнер SIM iPhone 6S Plus Серый</t>
  </si>
  <si>
    <t>Контейнер SIM iPhone 6S Серебро</t>
  </si>
  <si>
    <t>Контейнер SIM iPhone 7 Plus Золото</t>
  </si>
  <si>
    <t>Контейнер SIM iPhone 7 Plus Серебро</t>
  </si>
  <si>
    <t>Контейнер SIM iPhone 7 Золото</t>
  </si>
  <si>
    <t>Контейнер SIM iPhone 7 Серебро</t>
  </si>
  <si>
    <t xml:space="preserve">           Коннектор SIM-MMC Fly</t>
  </si>
  <si>
    <t>Коннектор SIM Fly E133 (первой) оригинал 100%</t>
  </si>
  <si>
    <t>Коннектор SIM Fly E175 WiFi (второй сим-карты) оригинал 100%</t>
  </si>
  <si>
    <t>Коннектор SIM Fly E210 оригинал 100%</t>
  </si>
  <si>
    <t>Коннектор SIM Fly iQ4410 оригинал 100%</t>
  </si>
  <si>
    <t>Коннектор SIM Fly iQ442 оригинал 100%</t>
  </si>
  <si>
    <t xml:space="preserve">           Коннектор SIM-MMC HTC</t>
  </si>
  <si>
    <t>Коннектор sim-карты HTC  One X/G23/One X+/8X/E960/E970/E975/D802 (G2)/D821/D958/K900/V490</t>
  </si>
  <si>
    <t>Коннектор sim-карты HTC Desire 200</t>
  </si>
  <si>
    <t>Коннектор SIM-карты HTC Desire 510</t>
  </si>
  <si>
    <t>Коннектор sim-карты HTC Desire 816/Desire 816 Dual/Desire 610</t>
  </si>
  <si>
    <t>Коннектор sim-карты HTC Desire 820</t>
  </si>
  <si>
    <t>Коннектор sim-карты HTC Incredible S</t>
  </si>
  <si>
    <t>Коннектор sim-карты HTC One Dual/M8</t>
  </si>
  <si>
    <t>Коннектор sim-карты HTC One S/8S/Desire 700 Dual/C6502/C6503 (ZL)</t>
  </si>
  <si>
    <t>Коннектор sim-карты HTC One/M8</t>
  </si>
  <si>
    <t>Коннектор sim-карты HTC Sensation XL</t>
  </si>
  <si>
    <t>Коннектор sim-карты HTC Sensation с разъемом для карты памяти</t>
  </si>
  <si>
    <t>Коннектор sim-карты HTC Wildfire S</t>
  </si>
  <si>
    <t>Контейнер sim-карты HTC One (белый)</t>
  </si>
  <si>
    <t>Контейнер sim-карты HTC One (чёрный)</t>
  </si>
  <si>
    <t>Контейнер sim-карты HTC One X/One X+/One XL (белый)</t>
  </si>
  <si>
    <t xml:space="preserve">           Коннектор SIM-MMC Huawei</t>
  </si>
  <si>
    <t>Коннектор SIM Huawei Ascend Mate7/Ascend G7</t>
  </si>
  <si>
    <t>Коннектор SIM Huawei P8</t>
  </si>
  <si>
    <t>Коннектор SIM Huawei Y320/G600 на две сим</t>
  </si>
  <si>
    <t>Коннектор SIM+MMC Huawei Honor 7/Honor 8/P9/P9 Lite/P9 Plus/Meizu M3E</t>
  </si>
  <si>
    <t>Коннектор SIM+MMC Huawei Honor P8 Lite</t>
  </si>
  <si>
    <t>Контейнер SIM Huawei P Smart 2019/Honor 10 Lite/10i/20 Lite Чёрный</t>
  </si>
  <si>
    <t>Контейнер SIM Huawei P Smart Z/Y9 Prime 2019 Черный</t>
  </si>
  <si>
    <t xml:space="preserve">           Коннектор SIM-MMC Lenovo</t>
  </si>
  <si>
    <t>Коннектор SIM Lenovo A316i/P780</t>
  </si>
  <si>
    <t>Коннектор SIM Lenovo S660/A690</t>
  </si>
  <si>
    <t xml:space="preserve">           Коннектор SIM-MMC LG</t>
  </si>
  <si>
    <t>Коннектор MMC LG E430/E435/E730/E988</t>
  </si>
  <si>
    <t>Коннектор MMC LG GT540 на шлейфе</t>
  </si>
  <si>
    <t>Коннектор SIM LG A290/D285/D410/E540/E450/E460/P713/Lenovo A536</t>
  </si>
  <si>
    <t>Коннектор SIM LG E405/P880/A230/D170/P920/P970</t>
  </si>
  <si>
    <t>Коннектор SIM LG E455/E615/P715/T370/T375/D686/D380/D325</t>
  </si>
  <si>
    <t>Коннектор SIM LG E988/H818/D335/Huawei Honor 4X</t>
  </si>
  <si>
    <t>Коннектор SIM LG P700/P705/P720/P725/E430/E435/S6312/S6810/E1202/E1272/i9082/D295</t>
  </si>
  <si>
    <t>Коннектор SIM+MMC LG D618/D855/D690/D724/H818/D335 (G2 Mini/G3/G3 Stylus/G3s/G4/L Bello</t>
  </si>
  <si>
    <t>Коннектор SIM+MMC LG P700/P705 (Optimus L7) в сборе с разъемом карты памяти</t>
  </si>
  <si>
    <t>Коннектор SIM+MMC LG P760/P765</t>
  </si>
  <si>
    <t>Коннектор SIM+MMC LG P970 на плате</t>
  </si>
  <si>
    <t>Коннектор SIM+MMC LG P990 на плате</t>
  </si>
  <si>
    <t xml:space="preserve">           Коннектор SIM-MMC Nokia</t>
  </si>
  <si>
    <t>Коннектор MMC Nokia 112/200/3110C/3500C/500/6555/C2-02/C2-03/C2-06/C2-07/C2-08/C2-09 оригинал</t>
  </si>
  <si>
    <t>Коннектор MMC Nokia 1320</t>
  </si>
  <si>
    <t>Коннектор MMC Nokia 1520</t>
  </si>
  <si>
    <t>Коннектор MMC Nokia 2700C/N82/6303i/2690/2730/3120c/3600s/5320/5530/5630/5700/6720c/X2-01/C3-00/C5-0</t>
  </si>
  <si>
    <t>Коннектор MMC Nokia 435</t>
  </si>
  <si>
    <t>Коннектор MMC Nokia 515/515 Dual/520/525/700 Lumia оригинал 100%</t>
  </si>
  <si>
    <t>Коннектор MMC Nokia 6120/E65/...</t>
  </si>
  <si>
    <t>Коннектор MMC Nokia 620/205/303/808/210/210 Dual</t>
  </si>
  <si>
    <t>Коннектор MMC Nokia 625 Lumia оригинал 100%</t>
  </si>
  <si>
    <t>Коннектор MMC Nokia 700</t>
  </si>
  <si>
    <t>Коннектор MMC Nokia 7230</t>
  </si>
  <si>
    <t>Коннектор MMC Nokia N8-00/820/206/207/208/301/302/308/309/310/500/501/502/503 Lumia/603/701/C2-00/C6</t>
  </si>
  <si>
    <t>Коннектор MMC Nokia N82/6303/2690/X2-01/6120/E65</t>
  </si>
  <si>
    <t>Коннектор MMC Nokia X3-00/6700S/C3-01/X3-02 </t>
  </si>
  <si>
    <t>Коннектор MMC Nokia X7-00 оригинал 100%</t>
  </si>
  <si>
    <t>Коннектор SIM Microsoft 532 Dual/Nokia Asha 230</t>
  </si>
  <si>
    <t>Коннектор SIM Microsoft 535 Dual/540 Dual</t>
  </si>
  <si>
    <t>Коннектор SIM Microsoft 640/640XL</t>
  </si>
  <si>
    <t>Коннектор SIM Nokia 1020</t>
  </si>
  <si>
    <t>Коннектор SIM Nokia 1202</t>
  </si>
  <si>
    <t>Коннектор SIM Nokia 1320</t>
  </si>
  <si>
    <t>Коннектор SIM Nokia 202/203/300/311/701</t>
  </si>
  <si>
    <t>Коннектор SIM Nokia 3120c/3250/8800 Arte/N82/N900. zoom.</t>
  </si>
  <si>
    <t>Коннектор SIM Nokia 510 Lumia оригинал 100%</t>
  </si>
  <si>
    <t>Коннектор SIM Nokia 620/800/900/920/925/301/301 Dual</t>
  </si>
  <si>
    <t>Коннектор SIM Nokia 625/LG X145 оригинал 100%</t>
  </si>
  <si>
    <t>Коннектор SIM Nokia 720 Lumia оригинал 100%</t>
  </si>
  <si>
    <t>Коннектор SIM Nokia 7210/7610... с держателем</t>
  </si>
  <si>
    <t>Коннектор SIM Nokia 820 </t>
  </si>
  <si>
    <t>Коннектор SIM Nokia 830/735/Microsoft 950 Dual/950XL Dual</t>
  </si>
  <si>
    <t>Коннектор SIM Nokia C2-00/C2-03/C2-06/C2-08/X2-02 в сборе</t>
  </si>
  <si>
    <t>Коннектор SIM Nokia C7 на шлейфе (оригинал)</t>
  </si>
  <si>
    <t>Коннектор SIM Nokia E51 с разъемом для карты памяти</t>
  </si>
  <si>
    <t>Коннектор SIM Nokia E65 с разъемом для карты памяти</t>
  </si>
  <si>
    <t>Коннектор SIM Nokia N8</t>
  </si>
  <si>
    <t>Коннектор SIM Nokia N9/X3-02/C3-01/C5-03</t>
  </si>
  <si>
    <t>Коннектор SIM Nokia X Duall/XL Dual/X2 Dual/502 Dual/530</t>
  </si>
  <si>
    <t>Коннектор SIM Nokia X3-00/N81/N76/620/205/2710/C3-00/N97 mini/X6</t>
  </si>
  <si>
    <t>Коннектор SIM+MMC Nokia 808 на плате оригинал 100%</t>
  </si>
  <si>
    <t>Коннектор дисплея Nokia 5800</t>
  </si>
  <si>
    <t>Контейнер SIM Nokia 1020 (черный)</t>
  </si>
  <si>
    <t>Контейнер SIM Nokia 800</t>
  </si>
  <si>
    <t>Контейнер SIM Nokia 920 (белый)</t>
  </si>
  <si>
    <t>Контейнер SIM Nokia 920 (черный)</t>
  </si>
  <si>
    <t xml:space="preserve">           Коннектор SIM-MMC Samsung</t>
  </si>
  <si>
    <t>Коннектор MMC Samsung B3410/C3212/C5212/i8000/S8000</t>
  </si>
  <si>
    <t>Коннектор MMC Samsung B5512/C3782/i8150/S5610/S6102/S6802</t>
  </si>
  <si>
    <t>Коннектор MMC Samsung B5702/B2100/B2700/B3310/B3310/C5510/C6112/D880/E2120/E2121/M2510/M3200/S3100/S</t>
  </si>
  <si>
    <t>Коннектор MMC Samsung C3200/C3520/C5530/E2600/S3850/S7500/S6500</t>
  </si>
  <si>
    <t>Коннектор MMC Samsung C3200/C3520/C5530/E2600/S3850/S7500/S6500 оригинал 100%</t>
  </si>
  <si>
    <t>Коннектор MMC Samsung C3312/S5222</t>
  </si>
  <si>
    <t>Коннектор MMC Samsung i8160/S7562/i8750</t>
  </si>
  <si>
    <t>Коннектор MMC Samsung i9190</t>
  </si>
  <si>
    <t>Коннектор MMC Samsung P5200/P5210/T110/T111/T310/T311/T320/T321/T325/T331/T530/T531/G357F/P550</t>
  </si>
  <si>
    <t>Коннектор MMC Samsung S3650/B7300/F480/S3660/S3310/i8510/i8910 </t>
  </si>
  <si>
    <t>Коннектор MMC Samsung S8500 c вибро на шлейфе</t>
  </si>
  <si>
    <t>Коннектор MMC Samsung М620/L770/L810/L811/U700</t>
  </si>
  <si>
    <t>Коннектор SIM Samsung A300F/A500F/A700FD</t>
  </si>
  <si>
    <t>Коннектор SIM Samsung A800F/G928F/E500H</t>
  </si>
  <si>
    <t>Коннектор SIM Samsung C101/S4 Zoom/OT-6010D/Alcatel OT-6030D/OT-6033X/Asus A400CG/Asus FE170CG</t>
  </si>
  <si>
    <t>Коннектор SIM Samsung C3322/C3350/C3520/C3530/C3560/C3752/C3782/E1182/i9250/E2222/S5610</t>
  </si>
  <si>
    <t>Коннектор SIM Samsung C6712/S7562</t>
  </si>
  <si>
    <t>Коннектор SIM Samsung G800H/G800F</t>
  </si>
  <si>
    <t>Коннектор SIM Samsung G850F</t>
  </si>
  <si>
    <t>Коннектор SIM Samsung G900/S5 на шлейфе</t>
  </si>
  <si>
    <t>Коннектор SIM Samsung G920F/G925F (S6/S6 Edge)</t>
  </si>
  <si>
    <t>Коннектор SIM Samsung G920FD (S6 Duos)</t>
  </si>
  <si>
    <t>Коннектор SIM Samsung i5700/i5800/S5560/S5620/S5292</t>
  </si>
  <si>
    <t>Коннектор SIM Samsung i8150/S6102/S6802/B5512/B7510/C3780/S3570 оригинал 100%</t>
  </si>
  <si>
    <t>Коннектор SIM Samsung i8160/i8190/i8200/E2232/i8350/S5260/S5302/S5660/S7250/S7270/S727 </t>
  </si>
  <si>
    <t>Коннектор SIM Samsung i8160/i8190/i8200/E2232/i8350/S5260/S5302/S5660/S7250/S7270/S727 оригинал 100%</t>
  </si>
  <si>
    <t>Коннектор SIM Samsung i9082/C3222/E1195</t>
  </si>
  <si>
    <t>Коннектор SIM Samsung i9100/i9103/i9105</t>
  </si>
  <si>
    <t>Коннектор SIM Samsung i9300/N5100/N5120/T211/T231</t>
  </si>
  <si>
    <t>Коннектор SIM Samsung P5100/P6800/P6810/S5250 </t>
  </si>
  <si>
    <t>Коннектор SIM Samsung S5282/S5310/S5312/S6790/S7262/S7390/S7392/G130/G313H</t>
  </si>
  <si>
    <t>Коннектор SIM+MMC Samsung A310F/A510F/A600F/A605F/G570/J330F/J415F/J530F/J600F/J610F/J730F/J810F</t>
  </si>
  <si>
    <t>Коннектор SIM+MMC Samsung A750F/A307F/A920F/A105F/A205F/A505F/M105F/M205F/M307F</t>
  </si>
  <si>
    <t>Коннектор SIM+MMC Samsung G930F/G935F/N930F/A320F/A520F (S7/S7 Edge/Note 7/A3 2017/A5 2017)</t>
  </si>
  <si>
    <t>Коннектор SIM+MMC Samsung I7500</t>
  </si>
  <si>
    <t>Коннектор SIM+MMC Samsung i8552/i8262/i8580/G350E</t>
  </si>
  <si>
    <t>Коннектор SIM+MMC Samsung i9070 на шлейфе оригинал 100%</t>
  </si>
  <si>
    <t>Коннектор SIM+MMC Samsung i9300 на шлейфе</t>
  </si>
  <si>
    <t>Коннектор SIM+MMC Samsung i9500/i9505 на шлейфе</t>
  </si>
  <si>
    <t>Коннектор SIM+MMC Samsung N9000/N9005/i9200/G7102/G900F/G355H/G360H/G530H/i9300I/N7505/J100/G750F</t>
  </si>
  <si>
    <t>Коннектор SIM+MMC Samsung S5230/C3010...</t>
  </si>
  <si>
    <t>Коннектор SIM+MMC Samsung S5690 на шлейфе</t>
  </si>
  <si>
    <t>Контейнер SIM Samsung A015F/M015F (A01/M01) Черный</t>
  </si>
  <si>
    <t>Контейнер SIM Samsung A03 Core (A032F) Черный</t>
  </si>
  <si>
    <t>Контейнер SIM Samsung A03S (A037F) Черный</t>
  </si>
  <si>
    <t>Контейнер SIM Samsung A12 Nacho (A127F) Черный</t>
  </si>
  <si>
    <t>Контейнер SIM Samsung A20/A30/A50/A70 (A205F/A305/A505/A705F) Синий</t>
  </si>
  <si>
    <t>Контейнер SIM Samsung A20/A30/A50/A70 (A205F/A305/A505/A705F) Черный</t>
  </si>
  <si>
    <t>Контейнер SIM Samsung A310F/A510F Золото</t>
  </si>
  <si>
    <t>Контейнер SIM Samsung A310F/A510F Черный</t>
  </si>
  <si>
    <t>Контейнер SIM Samsung G920F (S6) Черный</t>
  </si>
  <si>
    <t>Контейнер SIM Samsung G920FD (S6 Duos) Черный</t>
  </si>
  <si>
    <t>Контейнер SIM Samsung G925F (S6 Edge) Черный</t>
  </si>
  <si>
    <t>Контейнер SIM Samsung G930F (S7) Черный</t>
  </si>
  <si>
    <t>Контейнер SIM Samsung G935F/S7 Edge Золото</t>
  </si>
  <si>
    <t>Контейнер SIM Samsung G935F/S7 Edge Чёрный</t>
  </si>
  <si>
    <t>Контейнер SIM Samsung G950F/G955F (S8/S8+) Серебро</t>
  </si>
  <si>
    <t>Контейнер SIM Samsung G950F/G955F (S8/S8+) Синий</t>
  </si>
  <si>
    <t>Контейнер SIM Samsung G950F/G955F (S8/S8+) Чёрный</t>
  </si>
  <si>
    <t>Контейнер SIM Samsung G960F (S9) Серебро</t>
  </si>
  <si>
    <t>Контейнер SIM Samsung G960F (S9) Фиолетовый</t>
  </si>
  <si>
    <t>Контейнер SIM Samsung M11 (M115F) Черный</t>
  </si>
  <si>
    <t>Контейнер SIM+MicroSD Samsung A300F/A500F/A700FD (комплект 2 шт.) Белый</t>
  </si>
  <si>
    <t>Контейнер SIM+MicroSD Samsung A300F/A500F/A700FD (комплект 2 шт.) Черный</t>
  </si>
  <si>
    <t xml:space="preserve">           Коннектор SIM-MMC SonyEricsson</t>
  </si>
  <si>
    <t>Коннектор MMC Sony C6603 (Z)/C6903 (Z1)/D5503 (Z1 Compact)/D6503 (Z2)/C6833 (Z Ultra)</t>
  </si>
  <si>
    <t>Коннектор MMC Sony E2303/E2312 (M4/M4 Dual)</t>
  </si>
  <si>
    <t>Коннектор MMC SonyEricsson C902/W350</t>
  </si>
  <si>
    <t>Коннектор MMC SonyEricsson CK13i/CK15iTXT Pro/WT13I MIX оригинал 100%</t>
  </si>
  <si>
    <t>Коннектор MMC SonyEricsson E15i/X8/MT15</t>
  </si>
  <si>
    <t>Коннектор MMC SonyEricsson G705/G900</t>
  </si>
  <si>
    <t>Коннектор MMC SonyEricsson K790/K800</t>
  </si>
  <si>
    <t>Коннектор MMC SonyEricsson LT15i/LT18i/ST18i</t>
  </si>
  <si>
    <t>Коннектор MMC SonyEricsson SK17i Xperia mini pro оригинал 100%</t>
  </si>
  <si>
    <t>Коннектор MMC SonyEricsson U100i</t>
  </si>
  <si>
    <t>Коннектор MMC SonyEricsson U10i/W20</t>
  </si>
  <si>
    <t>Коннектор MMC SonyEricsson U1i</t>
  </si>
  <si>
    <t>Коннектор MMC SonyEricsson U5i</t>
  </si>
  <si>
    <t>Коннектор MMC SonyEricsson U8i/X10/U20i/E10i</t>
  </si>
  <si>
    <t>Коннектор MMC SonyEricsson W595/W508/T707</t>
  </si>
  <si>
    <t>Коннектор MMC SonyEricsson X1</t>
  </si>
  <si>
    <t>Коннектор SIM Sony C6602/C6603/L36h (Xperia Z) </t>
  </si>
  <si>
    <t>Коннектор SIM Sony C6903/D6503/D5303/C6833/D5503 (Z1/Z2/T2/Z Ultra/Z1 Compact)</t>
  </si>
  <si>
    <t>Коннектор SIM Sony D2005/D2105 (E1/E1 Dual)</t>
  </si>
  <si>
    <t>Коннектор SIM Sony D2203/D2212 (E3/E3 Dual)</t>
  </si>
  <si>
    <t>Коннектор SIM Sony D2502 (C3 Dual)</t>
  </si>
  <si>
    <t>Коннектор SIM Sony D5103 (T3)</t>
  </si>
  <si>
    <t>Коннектор SIM Sony D6603/D6633/D5803/E5823/Tablet Z3 Compact (Z3/Z3 Dual/Z3 Compact/Z5 Compact)</t>
  </si>
  <si>
    <t>Коннектор SIM Sony E5303/E5333 (C4/C4 Dual)</t>
  </si>
  <si>
    <t>Коннектор SIM Sony E5533 (C5 Ultra Dual)</t>
  </si>
  <si>
    <t>Коннектор SIM Sony E5603/E5633 (M5/M5 Dual)</t>
  </si>
  <si>
    <t>Коннектор SIM Sony E6533 (Z3+ Dual)</t>
  </si>
  <si>
    <t>Коннектор SIM Sony E6683 (Z5 Dual)</t>
  </si>
  <si>
    <t>Коннектор SIM Sony LT25i (V)/C5502 (ZR)</t>
  </si>
  <si>
    <t>Коннектор SIM Sony LT28i/LT26w</t>
  </si>
  <si>
    <t>Коннектор SIM Sony LT29i </t>
  </si>
  <si>
    <t>Коннектор SIM Sony MT27i/MK16i/ST18i/ST26i/ST23i/IQ441/IQ446)</t>
  </si>
  <si>
    <t>Коннектор SIM Sony ST25i (U)</t>
  </si>
  <si>
    <t>Коннектор SIM SonyEricsson C902/K770</t>
  </si>
  <si>
    <t>Коннектор SIM SonyEricsson ST15i/WT19i оригинал 100%</t>
  </si>
  <si>
    <t>Коннектор SIM SonyEricsson W995 на шлейфе</t>
  </si>
  <si>
    <t>Коннектор SIM W910/G900/K550/W760</t>
  </si>
  <si>
    <t>Коннектор SIM+MMC Sony C2105/S36H (L)</t>
  </si>
  <si>
    <t>Коннектор SIM+MMC Sony LT25i (V)/C5502 (ZR)</t>
  </si>
  <si>
    <t>Коннектор SIM+MMC SonyEricsson U8i (VivasPro) на шлейфе</t>
  </si>
  <si>
    <t>Коннектор SIM+MMC SonyEricsson W380/Z555 на шлейфе</t>
  </si>
  <si>
    <t>Коннектор SIM+MMC SonyEricsson W380/Z555 на шлейфе оригинал 100%</t>
  </si>
  <si>
    <t>Коннектор SIM+MMC SonyEricsson X10 на шлейфе</t>
  </si>
  <si>
    <t>Контейнер SIM Sony C5502/C5503/LT25i</t>
  </si>
  <si>
    <t>Контейнер SIM Sony C6602/C6603/L36h (Xperia Z) </t>
  </si>
  <si>
    <t>Контейнер SIM Sony C6833 (Z Ultra)/D5303 (T2 Ultra)/D5322 (T2 Ultra Dual)/D6503 (Z2)/C6903 (Z1)</t>
  </si>
  <si>
    <t>Контейнер SIM Sony LT26w (Xperia acro S)</t>
  </si>
  <si>
    <t>Контейнер SIM Sony LT28i (Ion) Оранжевый)</t>
  </si>
  <si>
    <t xml:space="preserve">           Коннектор SIM-MMC Xiaomi</t>
  </si>
  <si>
    <t>Коннектор SIM Xiaomi Mi 4C/Mi 4i/Redmi Note 3</t>
  </si>
  <si>
    <t>Коннектор SIM Xiaomi Mi 5S/Mi 5S Plus/Mi Note 2</t>
  </si>
  <si>
    <t>Коннектор SIM+MMC Xiaomi Mi 4S/Lenovo K6 Note (2 SIM+1 MMC)</t>
  </si>
  <si>
    <t>Коннектор SIM+MMC Xiaomi Redmi Note 3 Pro/Redmi 3/Mi Max/Redmi Note 4/Redmi Pro/Redmi 4/Redmi 4A</t>
  </si>
  <si>
    <t>Контейнер SIM Xiaomi Redmi Note 8/Note 8 (2021) Черный</t>
  </si>
  <si>
    <t xml:space="preserve">           Коннектор SIM-MMC Прочее</t>
  </si>
  <si>
    <t>Коннектор SIM Meizu M1 Note/Fly IQ4511</t>
  </si>
  <si>
    <t>Коннектор SIM Meizu MX5/Pro 6/MX6</t>
  </si>
  <si>
    <t>Коннектор SIM Micromax Q346/Q341/Q327/Q414/Q326/S303/X249+/D306/Q333/Q334/X401/X352/X2050/X1800/S302</t>
  </si>
  <si>
    <t xml:space="preserve">      Коннектор АКБ/LCD/Тачскрина</t>
  </si>
  <si>
    <t xml:space="preserve">           Коннектор АКБ/LCD/Тачскрина</t>
  </si>
  <si>
    <t>Коннектор LCD iPhone 5</t>
  </si>
  <si>
    <t>Коннектор LCD iPhone 5S/SE</t>
  </si>
  <si>
    <t>Коннектор LCD iPhone 6 Plus</t>
  </si>
  <si>
    <t>Коннектор LCD iPhone 6S</t>
  </si>
  <si>
    <t>Коннектор АКБ HTC A8181 (Desire)/Wildfire S</t>
  </si>
  <si>
    <t>коннектор АКБ IPhohe 4</t>
  </si>
  <si>
    <t>Коннектор АКБ iPhone 5</t>
  </si>
  <si>
    <t>Коннектор АКБ iPhone 5C/5S</t>
  </si>
  <si>
    <t>Коннектор АКБ iPhone 6</t>
  </si>
  <si>
    <t>Коннектор АКБ iPhone 6 Plus/6S/6S Plus/7 Plus</t>
  </si>
  <si>
    <t>Коннектор АКБ Lenovo / Zopo / HTL / Huawei</t>
  </si>
  <si>
    <t>Коннектор АКБ LG P705/P785 оригинал 100%</t>
  </si>
  <si>
    <t>Коннектор АКБ Microsoft 535 Dual/540 Dual</t>
  </si>
  <si>
    <t>Коннектор АКБ Nokia 800/808 оригинал 100%</t>
  </si>
  <si>
    <t>Коннектор АКБ Nokia C3-00/E5-00 оригинал 100%</t>
  </si>
  <si>
    <t>Коннектор АКБ Nokia X2-01 оригинал 100%</t>
  </si>
  <si>
    <t>коннектор АКБ Samsung G800F/G850F/G900F/N910C</t>
  </si>
  <si>
    <t>Коннектор АКБ Xiaomi Redmi Note 3/Note 3 Pro/Redmi 3/Redmi 3S</t>
  </si>
  <si>
    <t>Коннектор сенсорного экрана iiPhone 5S/5C</t>
  </si>
  <si>
    <t>Коннектор сенсорного экрана iPhone 5</t>
  </si>
  <si>
    <t>Коннектор сенсорного экрана iPhone 6</t>
  </si>
  <si>
    <t>Коннектор сенсорного экрана iPhone 6S</t>
  </si>
  <si>
    <t xml:space="preserve">      Корпус</t>
  </si>
  <si>
    <t xml:space="preserve">           Корпус Apple</t>
  </si>
  <si>
    <t>Задняя крышка iPhone 11 (стекло) Белый</t>
  </si>
  <si>
    <t>Задняя крышка iPhone 11 (стекло) Чёрный</t>
  </si>
  <si>
    <t>Задняя крышка iPhone 12 (стекло) Белый</t>
  </si>
  <si>
    <t>Задняя крышка iPhone 12 (стекло) Синий</t>
  </si>
  <si>
    <t>Задняя крышка iPhone 12 mini (стекло) Белый</t>
  </si>
  <si>
    <t>Задняя крышка iPhone 12 mini (стекло) Чёрный</t>
  </si>
  <si>
    <t>Задняя крышка iPhone 8 (стекло) Белый</t>
  </si>
  <si>
    <t>Задняя крышка iPhone 8 (стекло) Золото</t>
  </si>
  <si>
    <t>Задняя крышка iPhone 8 (стекло) Черный</t>
  </si>
  <si>
    <t>Задняя крышка iPhone 8 Plus (стекло) Белый</t>
  </si>
  <si>
    <t>Задняя крышка iPhone 8 Plus (стекло) Золото</t>
  </si>
  <si>
    <t>Задняя крышка iPhone X / Xs (стекло) Белый</t>
  </si>
  <si>
    <t>Задняя крышка iPhone X / Xs (стекло) Черный</t>
  </si>
  <si>
    <t>Задняя крышка iPhone Xr (стекло) Черный</t>
  </si>
  <si>
    <t>Задняя крышка iPhone Xs Max (стекло) белый</t>
  </si>
  <si>
    <t>Задняя крышка iPhone Xs Max (стекло) черный</t>
  </si>
  <si>
    <t>Корпус iPhone 3G/3Gs бел. (только задняя крышка)</t>
  </si>
  <si>
    <t>Корпус iPhone 4 бел. (только задняя крышка) - Аналог</t>
  </si>
  <si>
    <t>Корпус iPhone 4 чер. (только задняя крышка) - Аналог</t>
  </si>
  <si>
    <t>Корпус iPhone 4S бел. (только задняя крышка) - Аналог</t>
  </si>
  <si>
    <t>Корпус iPhone 5 Белый</t>
  </si>
  <si>
    <t>Корпус iPhone 5 золото</t>
  </si>
  <si>
    <t>Корпус iPhone 5 черный</t>
  </si>
  <si>
    <t>Корпус iPhone 5s (серый)</t>
  </si>
  <si>
    <t>Корпус iPhone 6 (Золото)</t>
  </si>
  <si>
    <t xml:space="preserve">           Корпус Asus</t>
  </si>
  <si>
    <t>Задняя крышка Asus A400CG (ZenFone 4) Синий</t>
  </si>
  <si>
    <t>Задняя крышка Asus ZB570TL (ZenFone Max Plus) Черный</t>
  </si>
  <si>
    <t xml:space="preserve">           Корпус HTC</t>
  </si>
  <si>
    <t>Корпус HTC Desire V (задняя крышка) Чер.</t>
  </si>
  <si>
    <t>Корпус HTC Diamond/P3700 (задняя крышка)</t>
  </si>
  <si>
    <t>Корпус HTC Hero/G3/A6262 (задняя крышка) Бел.</t>
  </si>
  <si>
    <t>Корпус HTC Tattoo/A3288 (задняя крышка) чер.</t>
  </si>
  <si>
    <t xml:space="preserve">           Корпус Huawei</t>
  </si>
  <si>
    <t>Задняя крышка Huawei Honor 10 Lite Синий</t>
  </si>
  <si>
    <t>Задняя крышка Huawei Honor 10 Lite Черный</t>
  </si>
  <si>
    <t>Задняя крышка Huawei Honor 10 Чёрный</t>
  </si>
  <si>
    <t>Задняя крышка Huawei Honor 10i/20e (HRY-LX1T) Черный </t>
  </si>
  <si>
    <t>Задняя крышка Huawei Honor 8 Lite Черный</t>
  </si>
  <si>
    <t>Задняя крышка Huawei Honor 8x Синий</t>
  </si>
  <si>
    <t>Задняя крышка Huawei Honor 8x Чёрный</t>
  </si>
  <si>
    <t>Задняя крышка Huawei Honor 9 Lite Синий </t>
  </si>
  <si>
    <t>Задняя крышка Huawei Honor 9/Honor 9 Premium Черный</t>
  </si>
  <si>
    <t>Задняя крышка Huawei Honor 9X Синий</t>
  </si>
  <si>
    <t>Задняя крышка Huawei Mate 20 Lite (SNE-LX1) Синий </t>
  </si>
  <si>
    <t>Задняя крышка Huawei Mate 20 Lite (SNE-LX1) Синий - Премиум</t>
  </si>
  <si>
    <t>Задняя крышка Huawei P20 Lite Чёрный</t>
  </si>
  <si>
    <t>Задняя крышка Huawei P30 Lite (24MP) Черный</t>
  </si>
  <si>
    <t>Задняя крышка Huawei Y5 2019 Чёрный</t>
  </si>
  <si>
    <t>Задняя крышка Huawei Y6 2019 Чёрный</t>
  </si>
  <si>
    <t>Рамка дисплея Huawei Honor 10 Lite/10i/20e Синий</t>
  </si>
  <si>
    <t>Рамка дисплея Huawei Honor 10 Lite/10i/20e Черная</t>
  </si>
  <si>
    <t>Рамка дисплея Huawei Y5 2018/Y5 Lite 2018/Y5 Prime 2018/Honor 7A Белая</t>
  </si>
  <si>
    <t xml:space="preserve">           Корпус Lenovo</t>
  </si>
  <si>
    <t>Корпус Lenovo Задняя крышка Lenovo A2010 Чёрный</t>
  </si>
  <si>
    <t xml:space="preserve">           Корпус LG</t>
  </si>
  <si>
    <t>Корпус LG E615 (Optimus L5 Dual) Бел.</t>
  </si>
  <si>
    <t>Корпус LG E615 (Optimus L5 Dual) Чер.</t>
  </si>
  <si>
    <t>Корпус LG GD 510 серебро</t>
  </si>
  <si>
    <t>Корпус LG H422 (Spirit) Задняя крышка Черный</t>
  </si>
  <si>
    <t xml:space="preserve">           Корпус Motorola</t>
  </si>
  <si>
    <t>Корпус Motorola C650 Серебро</t>
  </si>
  <si>
    <t>Корпус Motorola E365 Серебро</t>
  </si>
  <si>
    <t xml:space="preserve">           Корпус Nokia</t>
  </si>
  <si>
    <t>Корпус Microsoft 430 Dual Задняя крышка Чёрный</t>
  </si>
  <si>
    <t>Корпус Microsoft 435 Dual Задняя крышка Белый</t>
  </si>
  <si>
    <t>Корпус Microsoft 435 Dual Задняя крышка Чёрный</t>
  </si>
  <si>
    <t>Корпус Microsoft 532 Dual Задняя крышка Чёрный </t>
  </si>
  <si>
    <t>Корпус Microsoft 550 Задняя крышка Чёрный</t>
  </si>
  <si>
    <t>Корпус Microsoft 640 XL Задняя крышка Чёрный</t>
  </si>
  <si>
    <t>Корпус Microsoft 640 Задняя крышка Белый</t>
  </si>
  <si>
    <t>Корпус Microsoft 640 Задняя крышка Чёрный</t>
  </si>
  <si>
    <t>Корпус Microsoft 650/650 Dual Задняя крышка Чёрный</t>
  </si>
  <si>
    <t>Корпус Microsoft 950 Dual Черный Задняя крышка</t>
  </si>
  <si>
    <t>Корпус Microsoft 950 XL Dual Задняя крышка Чёрный</t>
  </si>
  <si>
    <t>Корпус Nokia 105 (2017) Чёрный</t>
  </si>
  <si>
    <t>Корпус Nokia 106 Красный</t>
  </si>
  <si>
    <t>Корпус Nokia 106 Чёрный</t>
  </si>
  <si>
    <t>Корпус Nokia 107 dual красный.</t>
  </si>
  <si>
    <t>Корпус Nokia 108 Dual Желтый</t>
  </si>
  <si>
    <t>Корпус Nokia 108 Dual Черный</t>
  </si>
  <si>
    <t>Корпус Nokia 112 Чёрный</t>
  </si>
  <si>
    <t>Корпус Nokia 1202 чёрный</t>
  </si>
  <si>
    <t>Корпус Nokia 1209 Серый/Темно-синий с кл.</t>
  </si>
  <si>
    <t>Корпус Nokia 1209 Чёрный</t>
  </si>
  <si>
    <t>Корпус Nokia 1600 Черный (панель)</t>
  </si>
  <si>
    <t>Корпус Nokia 1661 Чер.с клавиатурой</t>
  </si>
  <si>
    <t>Корпус Nokia 1680 серебро с клав.(панель)</t>
  </si>
  <si>
    <t>Корпус Nokia 1680 серый</t>
  </si>
  <si>
    <t>Корпус Nokia 1800 Синий с клав.</t>
  </si>
  <si>
    <t>Корпус Nokia 1800 Чер.</t>
  </si>
  <si>
    <t>Корпус Nokia 200/201 (розовый)</t>
  </si>
  <si>
    <t>Корпус Nokia 202/203 (белый)</t>
  </si>
  <si>
    <t>Корпус Nokia 208 черный</t>
  </si>
  <si>
    <t>Корпус Nokia 210 dual черный</t>
  </si>
  <si>
    <t>Корпус Nokia 2100 Серебро</t>
  </si>
  <si>
    <t>Корпус Nokia 220 красный</t>
  </si>
  <si>
    <t>Корпус Nokia 2600c Оранж.</t>
  </si>
  <si>
    <t>Корпус Nokia 2630 (черный-серебро с клавиатурой)</t>
  </si>
  <si>
    <t>Корпус Nokia 2660 Серый</t>
  </si>
  <si>
    <t>Корпус Nokia 2660 Чёрный</t>
  </si>
  <si>
    <t>Корпус Nokia 2720f Чер.</t>
  </si>
  <si>
    <t>Корпус Nokia 2730 Серый</t>
  </si>
  <si>
    <t>Корпус Nokia 2730 Чер.</t>
  </si>
  <si>
    <t>Корпус Nokia 2760 (серый)</t>
  </si>
  <si>
    <t>Корпус Nokia 2760 (черный)</t>
  </si>
  <si>
    <t>Корпус Nokia 300 (серый)</t>
  </si>
  <si>
    <t>Корпус Nokia 303</t>
  </si>
  <si>
    <t>Корпус Nokia 303 передняя панель со стеклом ориг.100%</t>
  </si>
  <si>
    <t>Корпус Nokia 305/306 (белый)</t>
  </si>
  <si>
    <t>Корпус Nokia 305/306 (черный)</t>
  </si>
  <si>
    <t>Корпус Nokia 3100 Чер.</t>
  </si>
  <si>
    <t>Корпус Nokia 3120 Серебро (Панель)</t>
  </si>
  <si>
    <t>Корпус Nokia 3120C Синий (Панель)</t>
  </si>
  <si>
    <t>Корпус Nokia 3500c розовый с клав.</t>
  </si>
  <si>
    <t>Корпус Nokia 3500c чёрный</t>
  </si>
  <si>
    <t>Корпус Nokia 3500c чёрный (панель)</t>
  </si>
  <si>
    <t>Корпус Nokia 3600S Тёмно-серый</t>
  </si>
  <si>
    <t>Корпус Nokia 3600S Фиолет</t>
  </si>
  <si>
    <t>Корпус Nokia 3600S чёрный</t>
  </si>
  <si>
    <t>Корпус Nokia 500 Чер.</t>
  </si>
  <si>
    <t>Корпус Nokia 5030 (черно-серый)</t>
  </si>
  <si>
    <t>Корпус Nokia 5100 Черно-бел.</t>
  </si>
  <si>
    <t>Корпус Nokia 515 Dual Белый</t>
  </si>
  <si>
    <t>Корпус Nokia 515/515 Dual задняя крышка Серебро</t>
  </si>
  <si>
    <t>Корпус Nokia 520 Синий (задняя крышка) оригинал</t>
  </si>
  <si>
    <t>Корпус Nokia 520 Чёрный (задняя крышка) оригинал</t>
  </si>
  <si>
    <t>Корпус Nokia 5230/5228 Серый</t>
  </si>
  <si>
    <t>Корпус Nokia 5250 серый</t>
  </si>
  <si>
    <t>Корпус Nokia 5250 Чёрный</t>
  </si>
  <si>
    <t>Корпус Nokia 5320 черный</t>
  </si>
  <si>
    <t>Корпус Nokia 5530 бело-синий</t>
  </si>
  <si>
    <t>Корпус Nokia 5630 Черно-красный</t>
  </si>
  <si>
    <t>Корпус Nokia 5630 Черно-синий</t>
  </si>
  <si>
    <t>Корпус Nokia 5700 чёрный</t>
  </si>
  <si>
    <t>Корпус Nokia 5800 Чёрно-синий</t>
  </si>
  <si>
    <t>Корпус Nokia 5800 черный</t>
  </si>
  <si>
    <t>Корпус Nokia 6021 Серебро</t>
  </si>
  <si>
    <t>Корпус Nokia 610 Чер.</t>
  </si>
  <si>
    <t>Корпус Nokia 6111 Серебро</t>
  </si>
  <si>
    <t>Корпус Nokia 6120n передняя панель со стеклом ориг.100%</t>
  </si>
  <si>
    <t>Корпус Nokia 6170 Чер.</t>
  </si>
  <si>
    <t>Корпус Nokia 620 чёрный (задняя крышка)</t>
  </si>
  <si>
    <t>Корпус Nokia 6210n красный с клав.</t>
  </si>
  <si>
    <t>Корпус Nokia 6220 панель</t>
  </si>
  <si>
    <t>Корпус Nokia 625 Бел.задняя крышка</t>
  </si>
  <si>
    <t>Корпус Nokia 6260</t>
  </si>
  <si>
    <t>Корпус Nokia 6300 средняя часть в сборе ориг.100%</t>
  </si>
  <si>
    <t>Корпус Nokia 6303 Серебро</t>
  </si>
  <si>
    <t>Корпус Nokia 6303 Чер.</t>
  </si>
  <si>
    <t>Корпус Nokia 6500C Бронза.</t>
  </si>
  <si>
    <t>Корпус Nokia 6500C крышка верхняя чёрная</t>
  </si>
  <si>
    <t>Корпус Nokia 6555 Чер.</t>
  </si>
  <si>
    <t>Корпус Nokia 6600s (черный) с клавиатурой</t>
  </si>
  <si>
    <t>Корпус Nokia 6700S серебро</t>
  </si>
  <si>
    <t>Корпус Nokia 6730C Коричневый</t>
  </si>
  <si>
    <t>Корпус Nokia 7070 черно-синий</t>
  </si>
  <si>
    <t>Корпус Nokia 720 задняя крышка жёлтый</t>
  </si>
  <si>
    <t>Корпус Nokia 720 задняя крышка красный в сборе</t>
  </si>
  <si>
    <t>Корпус Nokia 7210S Серый</t>
  </si>
  <si>
    <t>Корпус Nokia 7210S Синий</t>
  </si>
  <si>
    <t>Корпус Nokia 7310s синий</t>
  </si>
  <si>
    <t>Корпус Nokia 7510s Чёрный</t>
  </si>
  <si>
    <t>Корпус Nokia C2-00 серый</t>
  </si>
  <si>
    <t>Корпус Nokia C2-03/C2-06 фиолетовый</t>
  </si>
  <si>
    <t>Корпус Nokia C2-03/C2-06 черный</t>
  </si>
  <si>
    <t>Корпус Nokia C3-01 серебристый</t>
  </si>
  <si>
    <t>Корпус Nokia C3-01 черный</t>
  </si>
  <si>
    <t>Корпус Nokia C5-03/C5-06 (бело-фиолетовый)</t>
  </si>
  <si>
    <t>Корпус Nokia C5-03/C5-06 (чёрно-синий)</t>
  </si>
  <si>
    <t>Корпус Nokia C6-00 Чер.</t>
  </si>
  <si>
    <t>Корпус Nokia C6-00 черный с клавиатурой</t>
  </si>
  <si>
    <t>Корпус Nokia C6-01 серебро </t>
  </si>
  <si>
    <t>Корпус Nokia C6-01 черный </t>
  </si>
  <si>
    <t>Корпус Nokia C7-00 коричневый</t>
  </si>
  <si>
    <t>Корпус Nokia C7-00 чёрный</t>
  </si>
  <si>
    <t>Корпус Nokia E72 черный</t>
  </si>
  <si>
    <t>Корпус Nokia N70 Чер.</t>
  </si>
  <si>
    <t>Корпус Nokia N76 Чёрный</t>
  </si>
  <si>
    <t>Корпус Nokia N86 Чер.</t>
  </si>
  <si>
    <t>Корпус Nokia N86 Черно-синий</t>
  </si>
  <si>
    <t>Корпус Nokia X Dual Черный (задняя крышка)</t>
  </si>
  <si>
    <t>Корпус Nokia X1-00/X1-01 черный</t>
  </si>
  <si>
    <t>Корпус Nokia X2 Dual Чёрный (задняя крышка)</t>
  </si>
  <si>
    <t>Корпус Nokia X2-00 Чер./Красный</t>
  </si>
  <si>
    <t>192</t>
  </si>
  <si>
    <t>Корпус Nokia X2-01 Чер.</t>
  </si>
  <si>
    <t>Корпус Nokia X3-00 Чёрный</t>
  </si>
  <si>
    <t>Корпус Nokia X3-02 Син.</t>
  </si>
  <si>
    <t>Корпус Nokia X3-02 Чер.</t>
  </si>
  <si>
    <t>Корпус Nokia X6-00 Чер.</t>
  </si>
  <si>
    <t>Корпус Nokia XL Dual (задняя крышка) черный</t>
  </si>
  <si>
    <t xml:space="preserve">           Корпус Samsung</t>
  </si>
  <si>
    <t>Корпус Samsung A22 (A225F) (задняя крышка) белый</t>
  </si>
  <si>
    <t>Корпус Samsung A30 (A305F) (задняя крышка) чёрный</t>
  </si>
  <si>
    <t>Корпус Samsung A310F (A3 2016) (задняя крышка) белый</t>
  </si>
  <si>
    <t>Корпус Samsung A310F (A3 2016) (задняя крышка) золото</t>
  </si>
  <si>
    <t>Корпус Samsung A310F (A3 2016) (задняя крышка) чёрный</t>
  </si>
  <si>
    <t>Корпус Samsung A320F (A3 2017) (задняя крышка) золото</t>
  </si>
  <si>
    <t>Корпус Samsung A320F (A3 2017) (задняя крышка) черный</t>
  </si>
  <si>
    <t>Корпус Samsung A510F (задняя крышка) золото</t>
  </si>
  <si>
    <t>Корпус Samsung A510F (задняя крышка) черный</t>
  </si>
  <si>
    <t>Корпус Samsung A520F (A5 2017) (задняя крышка) Золото</t>
  </si>
  <si>
    <t>Корпус Samsung A710F (задняя крышка) белый</t>
  </si>
  <si>
    <t>Корпус Samsung A710F (задняя крышка) чёрный</t>
  </si>
  <si>
    <t>Корпус Samsung A720F (A7 2017) (задняя крышка) Чёрный</t>
  </si>
  <si>
    <t>Корпус Samsung A750FЗадняя крышка (A7 2018) Синий</t>
  </si>
  <si>
    <t>Корпус Samsung A750FЗадняя крышка (A7 2018) Чёрный</t>
  </si>
  <si>
    <t>Корпус Samsung B5722 черный</t>
  </si>
  <si>
    <t>Корпус Samsung B7722 (черный)</t>
  </si>
  <si>
    <t>Корпус Samsung C100 серый</t>
  </si>
  <si>
    <t>Корпус Samsung C100 чёрный</t>
  </si>
  <si>
    <t>Корпус Samsung C120 Чер.</t>
  </si>
  <si>
    <t>Корпус Samsung C140 Чер.</t>
  </si>
  <si>
    <t>Корпус Samsung C200 Серебро</t>
  </si>
  <si>
    <t>Корпус Samsung C210 Чер.</t>
  </si>
  <si>
    <t>Корпус Samsung C230 Серебро</t>
  </si>
  <si>
    <t>Корпус Samsung C3212 Красный</t>
  </si>
  <si>
    <t>Корпус Samsung C3212 Чёрный</t>
  </si>
  <si>
    <t>Корпус Samsung C3310 слайдер Серебро</t>
  </si>
  <si>
    <t>Корпус Samsung C3510 черный</t>
  </si>
  <si>
    <t>Корпус Samsung C5212 черный</t>
  </si>
  <si>
    <t>Корпус Samsung C6112 Синий</t>
  </si>
  <si>
    <t>Корпус Samsung C6712 Чёрный</t>
  </si>
  <si>
    <t>Корпус Samsung E1080 Чёрный</t>
  </si>
  <si>
    <t>Корпус Samsung E1182 Чёрный</t>
  </si>
  <si>
    <t>Корпус Samsung E1200 Чёрный</t>
  </si>
  <si>
    <t>Корпус Samsung E1232 Чёрный</t>
  </si>
  <si>
    <t>Корпус Samsung E2120 Чер-крас.</t>
  </si>
  <si>
    <t>Корпус Samsung E2222 Чёрный</t>
  </si>
  <si>
    <t>Корпус Samsung E3210 Чёрный</t>
  </si>
  <si>
    <t>Корпус Samsung G318H Задняя крышка (Ace 4 Neo) Белый</t>
  </si>
  <si>
    <t>Корпус Samsung G318H Задняя крышка (Ace 4 Neo) Чёрный</t>
  </si>
  <si>
    <t>Корпус Samsung G350E (Star Advance) Задняя крышка Белый</t>
  </si>
  <si>
    <t>Корпус Samsung G355H (Core 2) Задняя крышка Белый</t>
  </si>
  <si>
    <t>Корпус Samsung G355H (Core 2) Задняя крышка Чёрный</t>
  </si>
  <si>
    <t>Корпус Samsung G530H/G531H (Grand Prime/Grand Prime VE Duos) Задняя крышка Серый</t>
  </si>
  <si>
    <t>Корпус Samsung G532F (J2 Prime) Задняя крышка Чёрный</t>
  </si>
  <si>
    <t>Корпус Samsung G750F (Mega 2) Задняя крышка Белый</t>
  </si>
  <si>
    <t>Корпус Samsung G750F (Mega 2) Задняя крышка Чёрный</t>
  </si>
  <si>
    <t>Корпус Samsung G800 (S5 Mini) Задняя крышка Синий</t>
  </si>
  <si>
    <t>Корпус Samsung G800 (S5 Mini) Задняя крышка Чёрный</t>
  </si>
  <si>
    <t>Корпус Samsung G850F (Alpha) Задняя крышка Золото</t>
  </si>
  <si>
    <t>Корпус Samsung G850F (Alpha) Задняя крышка Черный</t>
  </si>
  <si>
    <t>Корпус Samsung G900 (S5) (Задняя крышка) Белый</t>
  </si>
  <si>
    <t>Корпус Samsung G900 (S5) (Задняя крышка) Золото</t>
  </si>
  <si>
    <t>Корпус Samsung G900 (S5) (Задняя крышка) Чёрный</t>
  </si>
  <si>
    <t>Корпус Samsung G920F/G920FD/S6/S6 Duos (Задняя крышка) Белый</t>
  </si>
  <si>
    <t>Корпус Samsung G920F/G920FD/S6/S6 Duos (Задняя крышка) Золото</t>
  </si>
  <si>
    <t>Корпус Samsung G920F/G920FD/S6/S6 Duos (Задняя крышка) Серый</t>
  </si>
  <si>
    <t>Корпус Samsung G925F/S6 Edge (Задняя крышка) Золото</t>
  </si>
  <si>
    <t>Корпус Samsung G928F/S6 Edge+ (Задняя крышка) Золото</t>
  </si>
  <si>
    <t>Корпус Samsung G928F/S6 Edge+ (Задняя крышка) Синий</t>
  </si>
  <si>
    <t>Корпус Samsung G928F/S6 Edge+ (Задняя крышка) Чёрный</t>
  </si>
  <si>
    <t>Корпус Samsung G930F (S7) (Задняя крышка) Чёрный</t>
  </si>
  <si>
    <t>Корпус Samsung G935F (S7 Edge) (Задняя крышка) Золото</t>
  </si>
  <si>
    <t>Корпус Samsung G935F (S7 Edge) (Задняя крышка) Чёрный</t>
  </si>
  <si>
    <t>Корпус Samsung G950 (S8) (Задняя крышка) Синий</t>
  </si>
  <si>
    <t>Корпус Samsung G955F (S8+) (Задняя крышка) Золото</t>
  </si>
  <si>
    <t>Корпус Samsung G955F (S8+) (Задняя крышка) Синий</t>
  </si>
  <si>
    <t>Корпус Samsung i8160 задняя крышка (бел)</t>
  </si>
  <si>
    <t>Корпус Samsung i8190 задняя крышка (бел)</t>
  </si>
  <si>
    <t>Корпус Samsung i8190 задняя крышка (чёр.)</t>
  </si>
  <si>
    <t>Корпус Samsung i9000/i9001 белый</t>
  </si>
  <si>
    <t>Корпус Samsung i9100/i9105 (задняя крышка) черный</t>
  </si>
  <si>
    <t>Корпус Samsung i9100/i9105 белый</t>
  </si>
  <si>
    <t>Корпус Samsung i9190 (задняя крышка) чёрный</t>
  </si>
  <si>
    <t>Корпус Samsung i9300 синий</t>
  </si>
  <si>
    <t>Корпус Samsung i9300 чёрный</t>
  </si>
  <si>
    <t>Корпус Samsung i9500 чёрный</t>
  </si>
  <si>
    <t>Корпус Samsung i9500/i9505 (задняя крышка) чёрный</t>
  </si>
  <si>
    <t>Корпус Samsung i9500/i9505 (задняя крышка)Black edition </t>
  </si>
  <si>
    <t>Корпус Samsung ii9500 синий</t>
  </si>
  <si>
    <t>Корпус Samsung ii9500/i9505 (задняя крышка) синий</t>
  </si>
  <si>
    <t>Корпус Samsung J100F (задняя крышка) белый</t>
  </si>
  <si>
    <t>Корпус Samsung J100F (задняя крышка) Чёрный</t>
  </si>
  <si>
    <t>Корпус Samsung J105H/J105F (J1 Mini 2016) (задняя крышка) Белый</t>
  </si>
  <si>
    <t>Корпус Samsung J105H/J105F (J1 Mini 2016) (задняя крышка) Чёрный</t>
  </si>
  <si>
    <t>Корпус Samsung J120F (J1 2016) (задняя крышка) Белый</t>
  </si>
  <si>
    <t>Корпус Samsung J150</t>
  </si>
  <si>
    <t>Корпус Samsung J320F (J3 2016) (задняя крышка) Белый</t>
  </si>
  <si>
    <t>Корпус Samsung J500F (J5)) (задняя крышка) Белый</t>
  </si>
  <si>
    <t>Корпус Samsung J500F (J5)) (задняя крышка) Чёрный</t>
  </si>
  <si>
    <t>Корпус Samsung J510F (J5 2016) (задняя крышка) Золото</t>
  </si>
  <si>
    <t>Корпус Samsung J510F (J5 2016) (задняя крышка) Чёрный</t>
  </si>
  <si>
    <t>Корпус Samsung J600 оригинал</t>
  </si>
  <si>
    <t>Корпус Samsung J700F (J7) (задняя крышка) Белый</t>
  </si>
  <si>
    <t>Корпус Samsung J700F (J7) (задняя крышка) Золото</t>
  </si>
  <si>
    <t>Корпус Samsung J700F (J7) (задняя крышка) Чёрный</t>
  </si>
  <si>
    <t>Корпус Samsung J710F (J7 2016) (задняя крышка) Чёрный</t>
  </si>
  <si>
    <t>Корпус Samsung N 7100 Note2 задняя крышка</t>
  </si>
  <si>
    <t>Корпус Samsung N 9000 Note3 задняя крышка</t>
  </si>
  <si>
    <t>Корпус Samsung N7100 Белый</t>
  </si>
  <si>
    <t>Корпус Samsung S3650 (задняя крышка) Бел.</t>
  </si>
  <si>
    <t>Корпус Samsung S3650 (задняя крышка) Чер.</t>
  </si>
  <si>
    <t>Корпус Samsung S3850 Чер.</t>
  </si>
  <si>
    <t>Корпус Samsung S5200 Чер.</t>
  </si>
  <si>
    <t>Корпус Samsung S5230 (задняя крышка) Бел.</t>
  </si>
  <si>
    <t>Корпус Samsung S5233 Бел.</t>
  </si>
  <si>
    <t>Корпус Samsung S5233 Чёр.</t>
  </si>
  <si>
    <t>Корпус Samsung S5250 Чер.</t>
  </si>
  <si>
    <t>Корпус Samsung S5300/5302 Чер.</t>
  </si>
  <si>
    <t>Корпус Samsung S5380 Чер.</t>
  </si>
  <si>
    <t>Корпус Samsung S5560 Чер.</t>
  </si>
  <si>
    <t>Корпус Samsung S5600 Чер.</t>
  </si>
  <si>
    <t>Корпус Samsung S5620 Чер.</t>
  </si>
  <si>
    <t>Корпус Samsung S5660 Чер.</t>
  </si>
  <si>
    <t>Корпус Samsung S5830 (задняя крышка) Бел.оригинал 100%</t>
  </si>
  <si>
    <t>Корпус Samsung S6102 белый</t>
  </si>
  <si>
    <t>Корпус Samsung S6102 чёрный</t>
  </si>
  <si>
    <t>Корпус Samsung S6802  Чёр.</t>
  </si>
  <si>
    <t>Корпус Samsung S6802 (задняя крышка) Чёр.</t>
  </si>
  <si>
    <t>Корпус Samsung S7262 Чёр.</t>
  </si>
  <si>
    <t>Корпус Samsung S7500  Бел</t>
  </si>
  <si>
    <t>Корпус Samsung S7562 (задняя крышка) Бел</t>
  </si>
  <si>
    <t>Корпус Samsung S7562 (задняя крышка) Черная</t>
  </si>
  <si>
    <t>Корпус Samsung X100 Серебро</t>
  </si>
  <si>
    <t>Корпус Samsung X100 Серебро-чёр.</t>
  </si>
  <si>
    <t>Корпус Samsung X200 Серебро</t>
  </si>
  <si>
    <t>Корпус Samsung X200/X150 </t>
  </si>
  <si>
    <t xml:space="preserve">           Корпус SonyEricsson</t>
  </si>
  <si>
    <t>Корпус Sony Xperia C1904/C2005 (M/M Dual)Задняя крышка Белый</t>
  </si>
  <si>
    <t>Корпус Sony Xperia C1904/C2005 (M/M Dual)Задняя крышка Черный</t>
  </si>
  <si>
    <t>Корпус Sony Xperia C6602/С6603/L36 Xperia Z  заднее стекло (чёрный)</t>
  </si>
  <si>
    <t>Корпус Sony Xperia C6602/С6603/L36 Xperia Z  заднее стекло Фиолетовый</t>
  </si>
  <si>
    <t>Корпус Sony Xperia C6802/C6806/C6833/XL39H Xperia Z Ultra заднее стекло (фиолет)</t>
  </si>
  <si>
    <t>Корпус Sony Xperia C6833 (Z Ultra) заднее стекло (чёрный)</t>
  </si>
  <si>
    <t>Корпус Sony Xperia C6902/C6903/C6906 Xperia Z1заднее стекло (фиолет)</t>
  </si>
  <si>
    <t>Корпус Sony Xperia C6902/C6903/C6906 Xperia Z1заднее стекло (чёрный)</t>
  </si>
  <si>
    <t>Корпус Sony Xperia D2302/D2303/D2305/D2306 Xperia M2 задняя крышка  (белый)</t>
  </si>
  <si>
    <t>Корпус Sony Xperia D2403 задняя крышка (белый)</t>
  </si>
  <si>
    <t>Корпус Sony Xperia D2403 задняя крышка (чёрный)</t>
  </si>
  <si>
    <t>Корпус Sony Xperia D5503 Xperia Z1 Compact заднее стекло (белый)</t>
  </si>
  <si>
    <t>Корпус Sony Xperia D5503 Xperia Z1 Compact заднее стекло (жёлтый)</t>
  </si>
  <si>
    <t>Корпус Sony Xperia D5803 Xperia Z3 Compact заднее стекло (белый)</t>
  </si>
  <si>
    <t>Корпус Sony Xperia D5803 Xperia Z3 Compact заднее стекло (чёрный)</t>
  </si>
  <si>
    <t>Корпус Sony Xperia D6502/D6503 Xperia Z2 заднее стекло (белый)</t>
  </si>
  <si>
    <t>Корпус Sony Xperia D6603 Xperia Z3 заднее стекло (белый)</t>
  </si>
  <si>
    <t>Корпус Sony Xperia D6603 Xperia Z3 заднее стекло (зелёный)</t>
  </si>
  <si>
    <t>Корпус Sony Xperia D6603 Xperia Z3 заднее стекло (золото)</t>
  </si>
  <si>
    <t>Корпус Sony Xperia D6603 Xperia Z3 заднее стекло (чёрный)</t>
  </si>
  <si>
    <t>Корпус Sony Xperia D6633 (Z3 Dual) заднее стекло (чёрный)</t>
  </si>
  <si>
    <t>Корпус Sony Xperia E2303/E2312 (M4/M4 Dual) Задняя крышка Белый</t>
  </si>
  <si>
    <t>Корпус Sony Xperia E2303/E2312 (M4/M4 Dual) Задняя крышка Чёрный</t>
  </si>
  <si>
    <t>Корпус Sony Xperia E5603/E5633 (M5/M5 Dual) Задняя крышка (чёрный)</t>
  </si>
  <si>
    <t>Корпус Sony Xperia E5823 (Z5 Compact) Задняя крышка (чёрный)</t>
  </si>
  <si>
    <t>Корпус Sony Xperia E5823 (Z5 Compact) Задняя крышка Белый</t>
  </si>
  <si>
    <t>Корпус Sony Xperia E6553/E6533 (Z3+/Z3+ Dual) Задняя крышка (чёрный)</t>
  </si>
  <si>
    <t>Корпус Sony Xperia E6553/E6533 (Z3+/Z3+ Dual) Задняя крышка Белый</t>
  </si>
  <si>
    <t>Корпус Sony Xperia E6653/E6683 (Z5/Z5 Dual)  Задняя крышка Золото</t>
  </si>
  <si>
    <t>Корпус Sony Xperia E6653/E6683 (Z5/Z5 Dual)  Задняя крышка Чёрный</t>
  </si>
  <si>
    <t>Корпус Sony Xperia E6853/E6833 (Z5 Premium/Z5 Premium Dual) Задняя крышка Чёрный</t>
  </si>
  <si>
    <t>Корпус SonyEricsson C902 Чер.</t>
  </si>
  <si>
    <t>Корпус SonyEricsson J100 чёрный</t>
  </si>
  <si>
    <t>Корпус SonyEricsson J200 Синий</t>
  </si>
  <si>
    <t>Корпус SonyEricsson J220 чёрный</t>
  </si>
  <si>
    <t>Корпус SonyEricsson J300 чёрный</t>
  </si>
  <si>
    <t>Корпус SonyEricsson K200/K220 Чер.</t>
  </si>
  <si>
    <t>Корпус SonyEricsson K300 Синий</t>
  </si>
  <si>
    <t>Корпус SonyEricsson K500 Серебро</t>
  </si>
  <si>
    <t>Корпус SonyEricsson K600 Чер.</t>
  </si>
  <si>
    <t>Корпус SonyEricsson K660 Чер.</t>
  </si>
  <si>
    <t>Корпус SonyEricsson K700 Серый</t>
  </si>
  <si>
    <t>Корпус SonyEricsson K790 Чер.</t>
  </si>
  <si>
    <t>Корпус SonyEricsson ST21i2 (Xperia Tipo Dual) Чер.</t>
  </si>
  <si>
    <t>Корпус SonyEricsson T100 серебро</t>
  </si>
  <si>
    <t>Корпус SonyEricsson T230 серебро</t>
  </si>
  <si>
    <t>Корпус SonyEricsson T290 серебро</t>
  </si>
  <si>
    <t>Корпус SonyEricsson T610 чёрный</t>
  </si>
  <si>
    <t>Корпус SonyEricsson T630 красный</t>
  </si>
  <si>
    <t>Корпус SonyEricsson T630 серебро</t>
  </si>
  <si>
    <t>Корпус SonyEricsson T650 Чер.</t>
  </si>
  <si>
    <t>Корпус SonyEricsson W380 Чер.</t>
  </si>
  <si>
    <t>Корпус SonyEricsson W580 (панель)Чёрный</t>
  </si>
  <si>
    <t>Корпус SonyEricsson W580 Серебро</t>
  </si>
  <si>
    <t>Корпус SonyEricsson W580 Чёрный</t>
  </si>
  <si>
    <t>Корпус SonyEricsson W660 черный</t>
  </si>
  <si>
    <t>Корпус SonyEricsson W700 черный</t>
  </si>
  <si>
    <t>Корпус SonyEricsson W850 серебро</t>
  </si>
  <si>
    <t>Корпус SonyEricsson W880 черный</t>
  </si>
  <si>
    <t>Корпус SonyEricsson Z520</t>
  </si>
  <si>
    <t>Корпус SonyEricsson Z550 Чер./металлик</t>
  </si>
  <si>
    <t>Корпус SonyEricsson Z710 Чер.(панель)</t>
  </si>
  <si>
    <t xml:space="preserve">           Корпус Xiaomi</t>
  </si>
  <si>
    <t>Задняя крышка Xiaomi Redmi 8 Черный</t>
  </si>
  <si>
    <t>Задняя крышка Xiaomi Redmi Note 3 (серая)</t>
  </si>
  <si>
    <t>Рамка дисплея Xiaomi Redmi Note 7/7 Pro Черная</t>
  </si>
  <si>
    <t xml:space="preserve">      Микросхемы</t>
  </si>
  <si>
    <t xml:space="preserve">           Микросхемы</t>
  </si>
  <si>
    <t>Микросхема Fly MT6322GA - Контроллер питания Fly/Huawei</t>
  </si>
  <si>
    <t>Микросхема Fly MT6329A - Контроллер питания Fly/ZTE/Explay</t>
  </si>
  <si>
    <t>Микросхема iPhone 338S1216 - Контроллер питания iPhone 5S</t>
  </si>
  <si>
    <t>Микросхема iPhone 4S WiFi</t>
  </si>
  <si>
    <t>Микросхема iPhone 5 Контроллер питания USB 1608A1</t>
  </si>
  <si>
    <t>Микросхема iPhone BCM5976 - Контроллер сенсорного экрана 5S/6/6 Plus/iPad Air/... </t>
  </si>
  <si>
    <t>Микросхема iPhone PM8018 (Контроллер питания iPhone 5/5S)</t>
  </si>
  <si>
    <t>Микросхема Qualcomm PM8029 - Контроллер питания Nokia/HTC/...</t>
  </si>
  <si>
    <t>Микросхема Qualcomm PM8038 - Контроллер питания Nokia 520/525/1320</t>
  </si>
  <si>
    <t>Микросхема Qualcomm PM8110 - Контроллер питания LG/Nokia/Sony/...</t>
  </si>
  <si>
    <t>Микросхема Qualcomm PM8921 - Контроллер питания HTC/Samsung/...</t>
  </si>
  <si>
    <t>Микросхема Qualcomm PM8994 Контроллер питания Sony/Xiaomi/Meizu/Huawei</t>
  </si>
  <si>
    <t>Микросхема Qualcomm PMI8994 (Контроллер питания)</t>
  </si>
  <si>
    <t>Микросхема Защитный фильтр (стекляшка) дисплея iPhone 5С/5S/6/6 Plus/6S 65730A0P - 20 pin</t>
  </si>
  <si>
    <t>Микросхема защитный фильтр (стекляшка) разъема iPhone 4s/iPad 2 (зарядки) 9pin</t>
  </si>
  <si>
    <t>Микросхема защитный фильтр (стекляшка) Тач скрина N97, 5530, 5800</t>
  </si>
  <si>
    <t>Микросхема защитный фильтр (стекляшка) Тач скрина nokia C7/N8</t>
  </si>
  <si>
    <t>Микросхема защитный фильтр (стекляшка) Тач скрина Samsung S5230/LG</t>
  </si>
  <si>
    <t>Микросхема контроллер зарядки AAQ Samsung(i9100/...)</t>
  </si>
  <si>
    <t>Микросхема контроллер питания 338S0963 (iPhone 4S)</t>
  </si>
  <si>
    <t>Микросхема контроллер питания 343S0542-A2(iPad2)</t>
  </si>
  <si>
    <t>Микросхема контроллер питания AB8500M(i8160/i9070)</t>
  </si>
  <si>
    <t>Микросхема контроллер питания JBL BQ24617RGER BQ24617 OFB QFN-24</t>
  </si>
  <si>
    <t>Микросхема контроллер питания MAX14577(C3222/C3300/C3322/C3520...)</t>
  </si>
  <si>
    <t>Микросхема контроллер питания MAX77686(i9300/...)</t>
  </si>
  <si>
    <t>Микросхема контроллер питания MAX77803(i9500/...)</t>
  </si>
  <si>
    <t>Микросхема контроллер питания MAX77843 -(N910C/G920F)</t>
  </si>
  <si>
    <t>Микросхема контроллер питания MAX8697 (Samsung S5600/S7220/S7350/...)</t>
  </si>
  <si>
    <t>Микросхема контроллер питания MAX8699(Samsung B5702/C3510/S5200/B5722/C6112/S3600i/...)</t>
  </si>
  <si>
    <t>Микросхема контроллер питания MAX8952(i8190/...)</t>
  </si>
  <si>
    <t>Микросхема контроллер питания MAX8959 (Samsung C6712/S3850/S5260/S5560)</t>
  </si>
  <si>
    <t>Микросхема контроллер питания MAX8986(S5360/5570/...)</t>
  </si>
  <si>
    <t>Микросхема контроллер питания MAX8990 (Samsung S5250/S5330/S7230/C3510tv/B2710)</t>
  </si>
  <si>
    <t>Микросхема контроллер питания MAX8997 (Samsung N7000/i9100/P6800/i9220)</t>
  </si>
  <si>
    <t>Микросхема контроллер питания MAX8998 (i5800/i9000/i9010/P1000/S8500/YP-G50/YP-G70)</t>
  </si>
  <si>
    <t>Микросхема контроллер питания MT6320 GA (Lenovo.Explay.Zifro.Sony.Fly.МТС)</t>
  </si>
  <si>
    <t>Микросхема контроллер питания Nokia 4376035 AVILMAS</t>
  </si>
  <si>
    <t>Микросхема контроллер питания Nokia 4376047 GAZOO (5630, 6700, 6720)</t>
  </si>
  <si>
    <t>Микросхема контроллер питания Nokia 4376051 PEARL (X3, X6)</t>
  </si>
  <si>
    <t>Микросхема контроллер питания Nokia 4376057 GAZOO V3.5</t>
  </si>
  <si>
    <t>Микросхема контроллер питания Nokia 4376126 PEARL CR (C5-06/603)</t>
  </si>
  <si>
    <t>Микросхема контроллер питания Nokia 4376533 TAHVO</t>
  </si>
  <si>
    <t>Микросхема контроллер питания Nokia 4396177 RETU</t>
  </si>
  <si>
    <t>Микросхема контроллер питания Nokia 4396299 AVILMA</t>
  </si>
  <si>
    <t>Микросхема передатчик RF6277 (i8160/i8190/i8530/i9070..)</t>
  </si>
  <si>
    <t>Микросхема передатчик RF7201 (B7350/s5560/S5670/S5830)</t>
  </si>
  <si>
    <t>Микросхема передатчик SKY77346 (B5722/B7722/C3212...)</t>
  </si>
  <si>
    <t>Микросхема передатчик TQM7M5005 (B5310/S3600...)</t>
  </si>
  <si>
    <t>Микросхема передатчик TQM7M5013 (HTC/Samsung)</t>
  </si>
  <si>
    <t>Микросхема фильтр гарнитуры Nokia 2690/2700c/3120c/3720c/5130xm/5220/5320/5330/5630/ 5700/5730/6120c</t>
  </si>
  <si>
    <t>Микросхема фильтр изображения Nokia 6300/6700c/6730c/5228/5330/C3-00/C3-01/C5-00/E52/5530/E65/6280/X</t>
  </si>
  <si>
    <t>Микросхема фильтр клавиатуры Nokia E65/6280/6300 ASIP 10-ch LCD FILTER W/ ESD BGA 24 оригинал 100% </t>
  </si>
  <si>
    <t>Микросхема фильтр подсветки LED DRIVER 3-CH PROG, LP5521 CSP-20 Nokia 5530/5800/6500c/N96 оригинал 1</t>
  </si>
  <si>
    <t xml:space="preserve">      Микрофон</t>
  </si>
  <si>
    <t xml:space="preserve">           Микрофон Apple</t>
  </si>
  <si>
    <t>Микрофон iPhone 3G/3Gs</t>
  </si>
  <si>
    <t>Микрофон iPhone 4/Samsung S8000</t>
  </si>
  <si>
    <t xml:space="preserve">           Микрофон HTC</t>
  </si>
  <si>
    <t>Микрофон HTC 8X/Butterfly/Butterfly J/Microsoft 950 Dual/950 XL Dual</t>
  </si>
  <si>
    <t>Микрофон HTC Desire 500 / 526 / 600 / 601 / 620 / 626 / 700 / 820</t>
  </si>
  <si>
    <t xml:space="preserve">           Микрофон LG</t>
  </si>
  <si>
    <t>Микрофон LG D285/D325/H324/H422/H736/K220DS/K350E/K500DS/M320</t>
  </si>
  <si>
    <t>Микрофон LG KP500/KP501/KC910/KF510/KP100/KP105/KS360</t>
  </si>
  <si>
    <t xml:space="preserve">           Микрофон Motorola</t>
  </si>
  <si>
    <t>Микрофон Motorola V3</t>
  </si>
  <si>
    <t>Микрофон Motorola V3i/K550/V8</t>
  </si>
  <si>
    <t xml:space="preserve">           Микрофон Nokia</t>
  </si>
  <si>
    <t>Микрофон Nokia 2100/8210/8310</t>
  </si>
  <si>
    <t>Микрофон Nokia 3600S/7610S/6303/3720/5330/300/500/C3-01 - AA</t>
  </si>
  <si>
    <t>Микрофон Nokia 3600S/7610S/6303/3720/5330/300/500/C3-01 - Оригинал</t>
  </si>
  <si>
    <t>Микрофон Nokia 3600S/7610S/6303/3720/5330/300/500/C3-01 - Оригинал 100%</t>
  </si>
  <si>
    <t>Микрофон Nokia 5610/C5/6700C/600/603/700/710/5800/6500C/8600/N85/E6-00/E7-00/X6/N8/N9</t>
  </si>
  <si>
    <t>Микрофон Nokia 6100/6230/6680/N70/N72 (внутренний)</t>
  </si>
  <si>
    <t>Микрофон Nokia 6101/2680/2700/303/5200/5530/6120C/6131/6233/6300/7370/E65/N73 - Оригинал</t>
  </si>
  <si>
    <t>Микрофон Nokia 6280/8800/N95</t>
  </si>
  <si>
    <t>Микрофон Nokia X3-02/X2-00/X1-00/C2-03/C1-00/100/101/201</t>
  </si>
  <si>
    <t xml:space="preserve">           Микрофон Samsung</t>
  </si>
  <si>
    <t>Микрофон Samsung A300F/A500F/A700F</t>
  </si>
  <si>
    <t>Микрофон Samsung C3520 оригинал 100%</t>
  </si>
  <si>
    <t>Микрофон Samsung C3592 оригинал 100%</t>
  </si>
  <si>
    <t>Микрофон Samsung E1182/E1200/E1202 оригинал 100%</t>
  </si>
  <si>
    <t>Микрофон Samsung E340/E530/E760/S300/X640/X700/D840/X630</t>
  </si>
  <si>
    <t>Микрофон Samsung G360H/G350E/G530H/G531H/J100F/T230/T231</t>
  </si>
  <si>
    <t>Микрофон Samsung i9500/i9505/i9295/N9000/N9005/LG D855/H791</t>
  </si>
  <si>
    <t>Микрофон Samsung J120/J105/J106/J510/J530/J710/J730/A320/A520/A720/T580/T585</t>
  </si>
  <si>
    <t>Микрофон Samsung S3600 оригинал</t>
  </si>
  <si>
    <t>Микрофон Samsung S3650/S5050/S5510/C3010/B7300/E2330/C3560/i8350/LG KM500/LG KM150</t>
  </si>
  <si>
    <t>Микрофон Samsung S3850/i9300/S3550/S5250/S5260/S5560/S5600/S6703/N7000/S7230/S7350 - Аналог</t>
  </si>
  <si>
    <t xml:space="preserve">           Микрофон SonyEricsson</t>
  </si>
  <si>
    <t>Микрофон SonyEricsson K550/W610/W890/W910/W960/M600/T700/P1i/Z710</t>
  </si>
  <si>
    <t>Микрофон SonyEricsson K750/K790/K800/K810/W800/W810/K770/T650</t>
  </si>
  <si>
    <t>Микрофон SonyEricsson S500/W580 (на шпильках)</t>
  </si>
  <si>
    <t>Микрофон SonyEricsson S500/W580 (на шпильках)Оригинал</t>
  </si>
  <si>
    <t>Микрофон SonyEricsson W302/S302</t>
  </si>
  <si>
    <t>Микрофон SonyEricsson W980/Samsung L310/... Оригинал</t>
  </si>
  <si>
    <t xml:space="preserve">           Микрофон универсальный</t>
  </si>
  <si>
    <t>Микрофон Alcatel OT 998 / 6010D / 6030D / 6033 / 5035D / MTC 975 / Xiaomi Mi3 / HTC One (M7)</t>
  </si>
  <si>
    <t>Микрофон Huawei Honor 9 Lite/Mate 10 Lite/Mate 10 Pro/Nova 3/P Smart/P Smart 2019/P20 Lite</t>
  </si>
  <si>
    <t>Микрофон Xiaomi Mi 4/Redmi/Vivo X5 Max (6 pin)</t>
  </si>
  <si>
    <t>Микрофон универсальный (4мм. на шпильках)</t>
  </si>
  <si>
    <t>Микрофон универсальный (4мм. тонкий на шлейфе)</t>
  </si>
  <si>
    <t>Микрофон универсальный (4мм. тонкий с проводами)</t>
  </si>
  <si>
    <t xml:space="preserve">      Ноутбук</t>
  </si>
  <si>
    <t xml:space="preserve">           АКБ</t>
  </si>
  <si>
    <t>Аккумулятор Samsung BA43-00270A(SF/QX и пятая серия)оригинал 100%</t>
  </si>
  <si>
    <t>1 310</t>
  </si>
  <si>
    <t>Аккумулятор Samsung NP-NC110-A02RU, NP-NC110-A0ARU BA43-00295A оригинал 100%</t>
  </si>
  <si>
    <t>Аккумулятор для ноутбука HP (HSTNN-LB4N) Envy 15, 17 5200mAh</t>
  </si>
  <si>
    <t xml:space="preserve">           Жёсткий диск</t>
  </si>
  <si>
    <t>Внешний корпус для жесткого диска DM-2508 (SATA 2.5", USB 2.0, пластик) Синий</t>
  </si>
  <si>
    <t>Переходник SATA на USB 3.0 DM-685 (кабель 30 см)</t>
  </si>
  <si>
    <t>Салазки в дисковод для жёсткого диска 12.7 SATA</t>
  </si>
  <si>
    <t>Салазки в дисковод для жёсткого диска 9.5 SATA</t>
  </si>
  <si>
    <t xml:space="preserve">           Клавиатура ACER</t>
  </si>
  <si>
    <t>Клавиатура Acer / eMashines G520 G720 G620 p/n: AEZY5700210</t>
  </si>
  <si>
    <t>Клавиатура Acer Aspire 3410 3750 3810 3810T 3811 3820 4251 4410 4551 4553 4625 4741 9J.N1P82.001</t>
  </si>
  <si>
    <t>Клавиатура Acer Aspire 3830 3830G 3830T 3830TG 4830 4830G 4830T 4830TG p/n: MP-10K26SU-442</t>
  </si>
  <si>
    <t>Клавиатура Acer Aspire 4220 4230 4310 4520 4710 4720 4900 5220 5230 5300 5315 5520 5700 (серая)</t>
  </si>
  <si>
    <t>Клавиатура Acer Aspire 4220 4230 4310 4520 4710 4720 4900 5220 5230 5300 5315 5520 5700 5710 5910 59</t>
  </si>
  <si>
    <t>Клавиатура Acer Aspire 5517 5516 eMachines E525 E625 E725 MP-08G63SU-698</t>
  </si>
  <si>
    <t>Клавиатура Acer Aspire 5735 7000 7100 8930G 9400 9300 9J.N8782.R0R</t>
  </si>
  <si>
    <t>Клавиатура Acer Aspire 5810 5810T 5536 5536G 5738 5738G 5538 5538G 5742 5742G 5750 MP-09B23SU-6983</t>
  </si>
  <si>
    <t>Клавиатура Acer Aspire E1-471 TravelMate 8331 8371 8431 8471 8472 KB.I140A.159</t>
  </si>
  <si>
    <t>Клавиатура Acer Aspire One 721 722 751 751H 1410 1810 1810T 1830 9Z.N3C82.00R</t>
  </si>
  <si>
    <t>Клавиатура Acer Aspire Timeline Ultra M3-581 M5-581 V5-571G MP-11F53SU-528</t>
  </si>
  <si>
    <t>Клавиатура Acer Aspire V5-431 V5-431G V5-471 M3-481 M5-481 MP-11F73U4-4424</t>
  </si>
  <si>
    <t>Клавиатура Acer Aspire V5-552 V5-552P V5-572 p/n: AEZRP701010</t>
  </si>
  <si>
    <t>Клавиатура Acer One A110 A150 D150 D250 9J.N9482.00R</t>
  </si>
  <si>
    <t>Клавиатура Acer One D260 D257 D270 AO521 9J.N3K82.01D</t>
  </si>
  <si>
    <t>Клавиатура Acer Travel Mate 4320 4330 4520 4530 4720 4730 4730G 5220 5220G 5320 5320G MP-07A13SU-698</t>
  </si>
  <si>
    <t xml:space="preserve">           Клавиатура ASUS</t>
  </si>
  <si>
    <t>Клавиатура Asus A3A A3E A3H A3V A3L F5 F5R F5RL A4 A7 R20 M9 04GN100KRU00</t>
  </si>
  <si>
    <t>Клавиатура Asus C90 C90P C90S Z37 Z37A Z37E Z37Ep Z37S Z37Sp Z37V Z97 Z97V Z98 04GNMA1KRU00</t>
  </si>
  <si>
    <t>Клавиатура Asus Eee PC 1001 1001PX 1005 1008 1005HA 1008HA 04GOA192KRU10-3</t>
  </si>
  <si>
    <t>Клавиатура Asus Eee PC 1225 1225B 1225C 1225CEEPC 1225EPC 1225BEPC 1225CEPC 1225CE U24 u24e 04GOA2H2</t>
  </si>
  <si>
    <t>Клавиатура Asus F7E F7F F7S M51 M51E M51SN 04GND91KRU10-1</t>
  </si>
  <si>
    <t>Клавиатура Asus F80 F80C F81 F83 X82 X85 X88 04GNH41KRU00-2</t>
  </si>
  <si>
    <t>Клавиатура Asus K40 X8 F82 P80 P81 04GNQW1KRU00-2</t>
  </si>
  <si>
    <t>Клавиатура Asus K41 K42 K43 U31 U35 U41 UL30 UL35 N82 04GNV62KRU00-1</t>
  </si>
  <si>
    <t>Клавиатура Asus K45 K45A K45Vm K54Vd K45Vs K45Vj K45Dr K45De K45N U44 U44Sg 04GN5M1KRU00-1</t>
  </si>
  <si>
    <t>Клавиатура Asus K46 K46CA K46CB</t>
  </si>
  <si>
    <t>Клавиатура Asus K50 K51 K60 K61 P50 K70 F52 X5D 04GNX31KUS01-1</t>
  </si>
  <si>
    <t>Клавиатура Asus K52 K53 K54 K55 N50 N51 N52 N53 N60 N61 N70 N71 N73 N90 P52 P53 K72 K73 A52 A72 UL5</t>
  </si>
  <si>
    <t>Клавиатура Asus K53Br K53By K53Ta K53Tk K53U K53Z K73Br K73By K73Ta K73Tk X53U 04GN5I1KRU00-7</t>
  </si>
  <si>
    <t>Клавиатура Asus K56 K56C K56CA K56CB K56CM X550 X550CC X550VB X550V 0KNB0-6127RU00 MP-12F53SU-5281W</t>
  </si>
  <si>
    <t>Клавиатура Asus K75 K75D K75De 0KNB0-6241RU00</t>
  </si>
  <si>
    <t>Клавиатура Asus M50 M50EI M70 M50V M70V M70L G50 G70 X71 X61 Z83 G50VT G70V A7S A7K  04GNED1KRU00-1</t>
  </si>
  <si>
    <t>Клавиатура Asus N56 N56V N76 R500V R505 S550C 0KNB0-6120RU00</t>
  </si>
  <si>
    <t>Клавиатура Asus S300C S300CA p/n: 0KN0-P51RU12</t>
  </si>
  <si>
    <t>Клавиатура Asus UX31 UX31A UX31A, U38D, U38DT, U38N UX31LA, UX31E, UX32, UX32A, UX32VD, UX32V Без ра</t>
  </si>
  <si>
    <t>Клавиатура ASUS UX52 UX52A UX52V UX52VS N501 UX501</t>
  </si>
  <si>
    <t>Клавиатура Asus Vivobook K551L K551LA K551LB K551LN 0KNB0-610BTW00 AEXJ9 00010 MP-13F83RC-920</t>
  </si>
  <si>
    <t>Клавиатура ASUS VivoBook S400 S400 S400C S400CA S400E 0KNB0-4124RU00 AEXJ7701110 9Z.N9CSQ.10R</t>
  </si>
  <si>
    <t>Клавиатура Asus X201 X201E X202 X202E S200 0KNB0-1122US00</t>
  </si>
  <si>
    <t>Клавиатура Asus X301 X301A X301U 0KNB0-3103US00</t>
  </si>
  <si>
    <t>Клавиатура Asus X450, X451 AEXJBU00110 ( без рамки)</t>
  </si>
  <si>
    <t>Клавиатура Asus X501 X501A X550 X552 X750 Series-AEKJB700010</t>
  </si>
  <si>
    <t>Клавиатура Asus X502 X502CA X502U : 0KN0-P11RU13</t>
  </si>
  <si>
    <t>Клавиатура Asus X540 R540 F540 R540S X540S p/n: MP-13K93SU-G50</t>
  </si>
  <si>
    <t xml:space="preserve">           Клавиатура Dell</t>
  </si>
  <si>
    <t>Клавиатура Dell Inspiron 1425 1427 Asus Z96 Z84 Z62 S96J S62 V020602AS1</t>
  </si>
  <si>
    <t>Клавиатура Dell Inspiron 14V 14R N4010 N4030 N5030 M5030 NSK-DJD0R</t>
  </si>
  <si>
    <t>Клавиатура Dell Inspiron 15R 3521 5521 p/n: nsk-la0sc</t>
  </si>
  <si>
    <t>Клавиатура Dell Inspiron Mini 1012 1018 p/n: 00VKWT</t>
  </si>
  <si>
    <t>Клавиатура Dell Inspiron N5010 M5010 NSK-DRASW</t>
  </si>
  <si>
    <t>Клавиатура Dell Mini 10 1010 p/n: PK130831A00</t>
  </si>
  <si>
    <t>Клавиатура Dell Studio 1535 1536 p/n: NSK-DC00</t>
  </si>
  <si>
    <t xml:space="preserve">           Клавиатура DNS</t>
  </si>
  <si>
    <t>Клавиатура DNS 0127617 Benq S43 PK130CF3A41 SG-37400-28A PK130CF3A05 MP-07G36TQ 698SN50</t>
  </si>
  <si>
    <t>Клавиатура DNS twc-n13p-gs TWC MP-09R63SU-920 AETWC700010</t>
  </si>
  <si>
    <t xml:space="preserve">           Клавиатура HP</t>
  </si>
  <si>
    <t>Клавиатура HP Compaq 540 550 6520 6720 MP-05583SU-930</t>
  </si>
  <si>
    <t>Клавиатура HP Compaq 6531s 511, 515, 516, 610, 615 CQ510, CQ511, CQ515, CQ516, CQ610, CQ615 NSK-H5R0</t>
  </si>
  <si>
    <t>Клавиатура HP Pavilion 15 15-e000 15-s000 AER65700210 2B-06916Q110 719853-251</t>
  </si>
  <si>
    <t>Клавиатура HP Pavilion DV2000 DV2100 DV2300 DV2500 V3000 MP-05583US-4421</t>
  </si>
  <si>
    <t>Клавиатура HP Pavilion DV6-3000 DV6-3100 DV6-3200 DV6-4000 p/n: 606743-251</t>
  </si>
  <si>
    <t>Клавиатура HP Pavilion DV6-7000 DV6-7100 DV6-7200 DV6-7300 697454-251 (Без рамки)</t>
  </si>
  <si>
    <t>Клавиатура HP Pavilion dv7-4000 NSK-H810R (С рамкой)</t>
  </si>
  <si>
    <t xml:space="preserve">           Клавиатура LENOVO</t>
  </si>
  <si>
    <t>Клавиатура Lenovo G460 G460A G465 G465A V100920FS1</t>
  </si>
  <si>
    <t>Клавиатура Lenovo G50-30 NSK-BQ0SN 25214796 25214766 25214736 0R PK1314K2A05 </t>
  </si>
  <si>
    <t>Клавиатура Lenovo G500 G510 G505 G700 G710 25210891 MP-12P83US-6861</t>
  </si>
  <si>
    <t>Клавиатура Lenovo G550A G550M G555AX G550S B550 B560 B560A G550 25-008409</t>
  </si>
  <si>
    <t>Клавиатура Lenovo IdeaPad 110-15ISK, 110-17ACL, 110-17IKB, 110-17ISK, V110-17IKB, V1черная</t>
  </si>
  <si>
    <t>Клавиатура Lenovo IdeaPad G40-30 G40-45 G40-70 G40-70m Z40-70 Z40-75 G40-80</t>
  </si>
  <si>
    <t>Клавиатура Lenovo IdeaPad S400 S400U S400T S400-BNI S400-IFI S400-ITH 25208605 MP-11K93SU</t>
  </si>
  <si>
    <t>Клавиатура Lenovo S10-2 S10-3C 25-008441</t>
  </si>
  <si>
    <t xml:space="preserve">           Клавиатура MSI</t>
  </si>
  <si>
    <t>Клавиатура MSI CR640, CX640, A6400 черная</t>
  </si>
  <si>
    <t>Клавиатура MSI CX600 VX600 EX600 CR500 p/n: S1N-3URU141-C54</t>
  </si>
  <si>
    <t>Клавиатура MSI U135 U135DX U160 U160DX MS-N014 p/n: V103622CK1 RU</t>
  </si>
  <si>
    <t>Клавиатура MSI U90 U100 U110 U120 MP-08A76SU-359</t>
  </si>
  <si>
    <t xml:space="preserve">           Клавиатура Packard Bell</t>
  </si>
  <si>
    <t>Клавиатура Packard Bell EasyNote TS11 TS13 TS44 TV11 LS11 LV11 LS13 LS44 NV55 NV57 P5WS0 P7YS0 чёрн.</t>
  </si>
  <si>
    <t xml:space="preserve">           Клавиатура SAMSUNG</t>
  </si>
  <si>
    <t>Клавиатура Samsung 300E4A NP300E4A NP300V4A 300V4A Без крышки</t>
  </si>
  <si>
    <t>Клавиатура Samsung N110 N128 N130 N140 NC10 BA59-02419N</t>
  </si>
  <si>
    <t>Клавиатура Samsung N148 N150 NB20 NB30 N128 N145 BA59-02686C</t>
  </si>
  <si>
    <t>Клавиатура Samsung NP355V4C 355V4C NP355U4C 355U4C Без крышки BA59-03368A BA75-04105C BA59-03368C</t>
  </si>
  <si>
    <t>Клавиатура Samsung NP530U3B NP530U3С 530U3C 530U3B Без корпуса BA75-03711C</t>
  </si>
  <si>
    <t>Клавиатура Samsung R418 R420 R423 R425 R428 R430 R439 R440 R463 R469 RV408 BA59-02490C</t>
  </si>
  <si>
    <t>Клавиатура Samsung R515 R518 R520 R522 BA59-02486H</t>
  </si>
  <si>
    <t>Клавиатура Samsung R60 R70 R510 R560 P510 P560 BA59-02295L</t>
  </si>
  <si>
    <t xml:space="preserve">           Разъёмы</t>
  </si>
  <si>
    <t>Разъем USB 2.0 Acer Aspire 5215 5251 5551g 5552g</t>
  </si>
  <si>
    <t>Разъем USB 2.0 Acer Aspire 5516 5517 Lenovo G555 Toshiba C650</t>
  </si>
  <si>
    <t>Разъем USB 2.0 HP Pavilion G6 G6-1000 G6-1001er g6-1216er g6-1317sr g6-1258er g6-1210sr</t>
  </si>
  <si>
    <t>Разъем USB 2.0 Lenovo G470 G475 G570 G575</t>
  </si>
  <si>
    <t>Разъем USB 2.0 Lenovo G480 G485 G580 G585</t>
  </si>
  <si>
    <t>Разъем USB 2.0 Lenovo G550 G550A G550G G550M G550L</t>
  </si>
  <si>
    <t>Разъем USB 2.0 Samsung NP530U3C NP680Z5E NP740U3E N210 N510 XE500C21</t>
  </si>
  <si>
    <t>Разъем USB 2.0 Samsung R518 R520 R522 R525 R620 R720 RV511</t>
  </si>
  <si>
    <t>Разъем USB 3.0 Acer Aspire V3 V3-571 5750 5755 3830 3830 Packard Bell TE11 LA-8531P Q5WT6</t>
  </si>
  <si>
    <t>Разъем USB 3.0 Asus S56CA, S56CB, S56CM Lenovo B590, G480, K49, K49A, K2450</t>
  </si>
  <si>
    <t>Разъем USB 3.0 Dell Inspiron N4110 N5110 M5110 15R</t>
  </si>
  <si>
    <t>Разъем USB 3.0 Lenovo B40-30 E40-30 G40-70 B50-30 G50 G50-30 G50-75 G50-80 Z50 Z50-75</t>
  </si>
  <si>
    <t>Разъем USB 3.0 Toshiba Satellite L875 l875d S-7000 C850 C850D C855D L850 L850D L855</t>
  </si>
  <si>
    <t>Разъем USB 3.0 для HP Pavilion 15-AC Lenovo Thinkpad X1</t>
  </si>
  <si>
    <t>Разъем USB 3.0 для LENOVO G580</t>
  </si>
  <si>
    <t>Разъем наушников Asus N55 N55SL G75VW G75VX X32U U36JC U36SD U36SG</t>
  </si>
  <si>
    <t>Разъем наушников Lenovo B580 B590 V580C</t>
  </si>
  <si>
    <t>Разъем питания Acer Acer TravelMate TM370, C110, HP Compaq NX5000, Compaq Presario V1000, V1200</t>
  </si>
  <si>
    <t>Разъем питания Acer Aspire 1200, 1400, 1640, 1650, 1680, 1690</t>
  </si>
  <si>
    <t>Разъем питания Acer Aspire 1430, 1430G, 1430Z, TimelineX 1830, 1830T, MS2296</t>
  </si>
  <si>
    <t>Разъем питания Acer Aspire 4410, TimeLine 4810, 4810T, 4810TZ, 4810TG, 4810TZG, 5810</t>
  </si>
  <si>
    <t>Разъем питания Acer Aspire 5741 5551 5552 5742 5741z 5750 5750 (с кабелем)</t>
  </si>
  <si>
    <t>Разъем питания Acer Aspire E1-421 E1-421G E1-431 E1-431G E1-471 E1-471G (с кабелем)</t>
  </si>
  <si>
    <t>Разъем питания Acer Aspire E1-521 E1-531 E1-531g E1-571 E1-571G (с кабелем)</t>
  </si>
  <si>
    <t>Разъем питания Acer Aspire E5-771</t>
  </si>
  <si>
    <t>Разъем питания Acer Aspire One 751 751H AO751H ZA3 ZG8 1410 Ferrari 200</t>
  </si>
  <si>
    <t>Разъем питания Acer Aspire One A110 A150 5516 5517</t>
  </si>
  <si>
    <t>Разъем питания Acer Aspire V3 V3-571 V3-571G V5 V5-551 E1 S3 4741 4755 4750</t>
  </si>
  <si>
    <t>Разъем питания Acer Aspire V3-731 V3-731G V3-771 V3-771G p/n: 1417-006N000 (С кабелем)</t>
  </si>
  <si>
    <t>Разъем питания Asus A43T X53B X43T A53T K53T X53T</t>
  </si>
  <si>
    <t>Разъем питания Asus A52 K52 U52 U52F A53S A53SV A53TA X44H X44 X44L X44HY X44L X54 K54 K53 K53SV</t>
  </si>
  <si>
    <t>Разъем питания Asus Eee PC 1001 1005 1008 1015 1018 1201 1215</t>
  </si>
  <si>
    <t>Разъем питания Asus Eee PC 1225 1225C 1025 1025C 1025CE 1025CT 1025P</t>
  </si>
  <si>
    <t>Разъем питания Asus G53 G53J G53S G53JW G53SW G53SX </t>
  </si>
  <si>
    <t>Разъем питания Asus K43 K53E K53U K53T K53E K43BY X43B p/n: DC30100FK00</t>
  </si>
  <si>
    <t>Разъем питания Asus M51 M51t X50 X50RL X50SL X50V A6T A6TA A6TC F3J F3 F5SL F5</t>
  </si>
  <si>
    <t>Разъем питания Asus M51 MSI GX600 GX620 GT640 GX730 GX720 GX640 GX633</t>
  </si>
  <si>
    <t>Разъем питания Asus N55 N55S N55SF N55SL N73SV N73SL N82JC N82JV (с кабелем)</t>
  </si>
  <si>
    <t>Разъем питания Asus U33JC U31 U31F U31JG U31SD U31SG</t>
  </si>
  <si>
    <t>Разъем питания Asus Ultrabook X200 X200C X200CA S200L S400 S400C S400CA</t>
  </si>
  <si>
    <t>Разъем питания Asus UX30 MK90 MK90H MK90U</t>
  </si>
  <si>
    <t>Разъем питания ASUS UX52 UX52A UX52V UX52VS</t>
  </si>
  <si>
    <t>Разъем питания Asus X501 X501A X501A1 X501U X401 X402 X402CA X502 X502CA X501EI X501XE X501XI X502C</t>
  </si>
  <si>
    <t>Разъем питания ASUS X550 X550C X550CA X550CC X550CL S56 S56C S56CA S56CB (с кабелем)</t>
  </si>
  <si>
    <t>Разъем питания Asus X555 X555L F555</t>
  </si>
  <si>
    <t>Разъем питания Dell Inspiron 5721 5521 3521 2521 5537</t>
  </si>
  <si>
    <t>Разъем питания Dell Inspiron 5721 5521 3521 2521 5537 c кабелем</t>
  </si>
  <si>
    <t>Разъем питания Dell Inspiron N5110 N5010 M5010 N5110 N4030 15R 1569 Latitud E5410 E5510</t>
  </si>
  <si>
    <t>Разъем питания HP 500 510 520 530 540 550 320 515 516</t>
  </si>
  <si>
    <t>Разъем питания HP DV7-6000 с кабелем питания</t>
  </si>
  <si>
    <t>Разъем питания HP G1 450 440 455 450-G1 710431-SD1 с кабелем питания </t>
  </si>
  <si>
    <t>Разъем питания HP Mini 10 210 910 1103 110-3000 110-3100 CQ10 210 210-1000</t>
  </si>
  <si>
    <t>Разъем питания HP Pavilion DV2000 с кабелем</t>
  </si>
  <si>
    <t>Разъем питания HP Pavilion Envy 15 Envy 14 Envy 15-e 15-n 15-j 15-g 14-r 14-e 14-n 14-j 14-g 14-r</t>
  </si>
  <si>
    <t>Разъем питания HP Pavilion G6-2000 G6-2054er G6-2137er G6-2165er G6-2165sr G7-2127sr (с кабелем 12см</t>
  </si>
  <si>
    <t>Разъем питания HP Pavilion G6-2000 G6-2355sr G6-2318sr G6-2364sr (с кабелем 7см)</t>
  </si>
  <si>
    <t>Разъем питания HP Probook 4510 4510S 4710S 4515s (С кабелем)</t>
  </si>
  <si>
    <t>Разъем питания Lenovo B575 B570 V570 Z570 Z575 (с кабелем)</t>
  </si>
  <si>
    <t>Разъем питания Lenovo G400 G400S G405 G490 G500 G500S G505 Z501 Z510 Yoga pro 13 X1 Carbon</t>
  </si>
  <si>
    <t>Разъем питания Lenovo G560 G570 Z560 B575 B570</t>
  </si>
  <si>
    <t>Разъем питания Lenovo Yoga 11</t>
  </si>
  <si>
    <t>Разъем питания Samsung NP-Q1U Q320 Q210 Q310 R18 R20 zj-r23 R25 R26 Q1 Q30 Q35 Q40 Q43 Q45C Q70 Q1U </t>
  </si>
  <si>
    <t>Разъем питания Samsung NP530U3C NP535U3C NP900X1A NP900X4D NP900X3A NP900X4B (с кабелем)</t>
  </si>
  <si>
    <t>Разъем питания Samsung NP530U3C NP900X1A NP900X3A NP900X3B</t>
  </si>
  <si>
    <t>Разъем питания Samsung R560 P560 NP-R560 NP-P560 NP-R503 R505 R507 R508 R510 R560 R60 R60plus R610 R</t>
  </si>
  <si>
    <t>Разъем питания Samsung RC520 RC530 RC710 RV513 RV511 RV515</t>
  </si>
  <si>
    <t>Разъем питания Toshiba L500 L510 L515 с кабелем</t>
  </si>
  <si>
    <t>Разъем питания Toshiba NB300 с кабелем</t>
  </si>
  <si>
    <t>Разъем питания Toshiba s300 с кабелем</t>
  </si>
  <si>
    <t>Разъем питания Toshiba Satellite C850 C850D L850 L850D ( с кабелем)</t>
  </si>
  <si>
    <t>Разъем питания Toshiba Satellite L40 L45 с кабелем</t>
  </si>
  <si>
    <t>Разъем питания Toshiba Satellite L755D L755 L650 L650D L655 L655D (С кабелем) </t>
  </si>
  <si>
    <t>Разъем питания Toshiba Satellite M40 M45 с кабелем</t>
  </si>
  <si>
    <t>Разъем питания Toshiba Satellite T130 T135 с кабелем</t>
  </si>
  <si>
    <t>Разъем питания Toshiba Satellite U400 с кабелем</t>
  </si>
  <si>
    <t xml:space="preserve">           СЗУ</t>
  </si>
  <si>
    <t>Блок питания для монитора Samsung 14V/1.7A (25W) 6.5x4.4мм</t>
  </si>
  <si>
    <t>Сетевое зарядное устройство ACER 19V 4,74A (5,5*1,7)</t>
  </si>
  <si>
    <t>Сетевое зарядное устройство ASUS (19V 3.42A 65W 4.0x1.35) черный (MR)</t>
  </si>
  <si>
    <t>Сетевое зарядное устройство ASUS 19V 2.37A 45W (3.0x1.1мм)</t>
  </si>
  <si>
    <t>Сетевое зарядное устройство ASUS 19V 3,42A 65W (3.0x1.1мм)</t>
  </si>
  <si>
    <t>Сетевое зарядное устройство COMPAQ 15 V 3,5A (4,74*1,7) </t>
  </si>
  <si>
    <t>Сетевое зарядное устройство COMPAQ 18,5V 4,9A пуля</t>
  </si>
  <si>
    <t>Сетевое зарядное устройство DELL 19.5V 4.62A (90W) 7.4x5мм с иглой</t>
  </si>
  <si>
    <t>Сетевое зарядное устройство DELL 19V 1,58A (5,5*1,7) XD</t>
  </si>
  <si>
    <t>Сетевое зарядное устройство HP 18,5 V 3,5A (4,8*1,7) XD</t>
  </si>
  <si>
    <t>Сетевое зарядное устройство HP 19,5 V 3,33A (4,8*1,7) XD</t>
  </si>
  <si>
    <t>Сетевое зарядное устройство HP HP 19V 4.74A (90W) 7.4x5мм с иглой</t>
  </si>
  <si>
    <t>Сетевое зарядное устройство LENOVO 20V 3.25A (65W) 4.0x1.7мм</t>
  </si>
  <si>
    <t>Сетевое зарядное устройство LENOVO 20V 3.25A (65W) 4.0x1.7мм (квадратная)</t>
  </si>
  <si>
    <t>Сетевое зарядное устройство LENOVO 20V 4,5A (8,0)XD</t>
  </si>
  <si>
    <t>Сетевое зарядное устройство LENOVO 20V 4.5A (90W) 4.0x1.7мм</t>
  </si>
  <si>
    <t>Сетевое зарядное устройство LENOVO Type-C (20V 3.25A 65W) черный (MR)</t>
  </si>
  <si>
    <t>1 460</t>
  </si>
  <si>
    <t>Сетевое зарядное устройство SAMSUNG 16V 3,75A (5.5*3.0)</t>
  </si>
  <si>
    <t>Сетевое зарядное устройство SAMSUNG 19V 2,1A 40W (5,5х3,0) с иглой</t>
  </si>
  <si>
    <t>Сетевое зарядное устройство SAMSUNG 19V, 4.74A, 90W (5.5*3.0) с иглой</t>
  </si>
  <si>
    <t>Сетевое зарядное устройство SONY 19,5 V 3,9A (6,0 игла)XD</t>
  </si>
  <si>
    <t>Сетевое зарядное устройство TOSHIBA 15V 3A (6,3*3,0)XD</t>
  </si>
  <si>
    <t xml:space="preserve">           Система охлаждения</t>
  </si>
  <si>
    <t>Ноутбук-Система охл.серия R440/R425/R480 ориг.100%</t>
  </si>
  <si>
    <t>Ноутбук-Система охл.серия RC/RF ориг.100%</t>
  </si>
  <si>
    <t>СМАЗКА ДЛЯ КУЛЕРОВ(ВЕНТИЛЯТОРОВ) SX1-2 ШПРИЦ REXANT</t>
  </si>
  <si>
    <t>Термопаста GD900 (3 гр.)</t>
  </si>
  <si>
    <t>Термопаста КПТ-8 (20 гр.)</t>
  </si>
  <si>
    <t>Термопрокладка 100x80х1.0 мм Aochuan TP500 5 Вт</t>
  </si>
  <si>
    <t>Термопрокладка 15x15х1.0 мм 5 Вт</t>
  </si>
  <si>
    <t xml:space="preserve">           Шлейф</t>
  </si>
  <si>
    <t>Шлейф матрицы Asus Eee PC 1001PX 1001PXD 1005PXD 40 pin</t>
  </si>
  <si>
    <t>Шлейф матрицы ноутбука Asus A550 , D551 , R510 , X552 , X552C , X552E , X552EA ,  A552 , A552E, F552</t>
  </si>
  <si>
    <t xml:space="preserve">      Платы</t>
  </si>
  <si>
    <t>Плата основная i9200</t>
  </si>
  <si>
    <t>1 540</t>
  </si>
  <si>
    <t xml:space="preserve">      Подложка клавиатуры</t>
  </si>
  <si>
    <t xml:space="preserve">           Подложка клавиатуры LG</t>
  </si>
  <si>
    <t>Подложка клавиатуры LG KP500 с микрофоном</t>
  </si>
  <si>
    <t xml:space="preserve">           Подложка клавиатуры Nokia</t>
  </si>
  <si>
    <t>Подложка клавиатуры Nokia 6110 navi верхняя</t>
  </si>
  <si>
    <t>Подложка клавиатуры Nokia 6120C LT</t>
  </si>
  <si>
    <t>Подложка клавиатуры Nokia C5-00 в раме с динамиком- Оригинал 100%</t>
  </si>
  <si>
    <t xml:space="preserve">           Подложка клавиатуры Samsung</t>
  </si>
  <si>
    <t>Подложка клавиатуры Samsung B7722</t>
  </si>
  <si>
    <t>Подложка клавиатуры Samsung C6712 с микрофоном</t>
  </si>
  <si>
    <t>Подложка клавиатуры Samsung D980 с микрофоном</t>
  </si>
  <si>
    <t>Подложка клавиатуры Samsung E250 низ</t>
  </si>
  <si>
    <t>Подложка клавиатуры Samsung G600 низ с микрофоном</t>
  </si>
  <si>
    <t>Подложка клавиатуры Samsung i5700 с микрофоном</t>
  </si>
  <si>
    <t>Подложка клавиатуры Samsung i5800 с микрофоном</t>
  </si>
  <si>
    <t>Подложка клавиатуры Samsung i9220/N7000</t>
  </si>
  <si>
    <t>Подложка клавиатуры Samsung S5230/S5233/i6220 с микрофоном - аналог</t>
  </si>
  <si>
    <t>Подложка клавиатуры Samsung S5250 с микрофоном</t>
  </si>
  <si>
    <t>Подложка клавиатуры Samsung S5260 с микрофоном</t>
  </si>
  <si>
    <t>Подложка клавиатуры Samsung S5560 с микрофоном</t>
  </si>
  <si>
    <t>Подложка клавиатуры Samsung S5620 с микрофоном</t>
  </si>
  <si>
    <t>Подложка клавиатуры Samsung S8000 в сборе</t>
  </si>
  <si>
    <t>Подложка клавиатуры Samsung U600 (низ) с микрофоном</t>
  </si>
  <si>
    <t>Подложка клавиатуры Samsung U800 с микрофоном</t>
  </si>
  <si>
    <t xml:space="preserve">           Подложка клавиатуры SonyEricsson</t>
  </si>
  <si>
    <t>Подложка клавиатуры SonyEricsson C902</t>
  </si>
  <si>
    <t>Подложка клавиатуры SonyEricsson F305 оригинал 100%</t>
  </si>
  <si>
    <t>Подложка клавиатуры SonyEricsson G705 оригинал 100%</t>
  </si>
  <si>
    <t>Подложка клавиатуры SonyEricsson K790/K800</t>
  </si>
  <si>
    <t>Подложка клавиатуры SonyEricsson K790/K800 аналог</t>
  </si>
  <si>
    <t>Подложка клавиатуры SonyEricsson K790/K800 оригинал 100%</t>
  </si>
  <si>
    <t>Подложка клавиатуры SonyEricsson S302 оригинал 100%</t>
  </si>
  <si>
    <t>Подложка клавиатуры SonyEricsson S500/W580 оригинал 100%</t>
  </si>
  <si>
    <t>подложка клавиатуры SonyEricsson T303 оригинал 100%</t>
  </si>
  <si>
    <t>Подложка клавиатуры SonyEricsson T650 оригинал 100%</t>
  </si>
  <si>
    <t>Подложка клавиатуры SonyEricsson T700 оригинал 100%</t>
  </si>
  <si>
    <t>Подложка клавиатуры SonyEricsson W20 (Zylo) (нижняя)</t>
  </si>
  <si>
    <t>подложка клавиатуры SonyEricsson W380 оригинал 100%</t>
  </si>
  <si>
    <t>подложка клавиатуры SonyEricsson W595 с боковыми кн. оригинал 100%</t>
  </si>
  <si>
    <t>подложка клавиатуры SonyEricsson W660i оригинал 100%</t>
  </si>
  <si>
    <t>подложка клавиатуры SonyEricsson W890i оригинал 100%</t>
  </si>
  <si>
    <t>подложка клавиатуры SonyEricsson W910 верхняя с микрофоном</t>
  </si>
  <si>
    <t>Подложка клавиатуры SonyEricsson Z555 с микрофоном</t>
  </si>
  <si>
    <t xml:space="preserve">      Поляризатор дисплея,плёнка</t>
  </si>
  <si>
    <t xml:space="preserve">           Поляризатор дисплея,плёнка</t>
  </si>
  <si>
    <t>Пленка поляризационная iPhone 6 Plus/6S Plus/7 Plus</t>
  </si>
  <si>
    <t>Пленка поляризационная iPhone 6/6S/7</t>
  </si>
  <si>
    <t>Поляризатор дисплея (подсветка) iPhone 5 в сборе</t>
  </si>
  <si>
    <t>Поляризатор дисплея (подсветка) iPhone 6 Plus  в сборе</t>
  </si>
  <si>
    <t>Поляризатор дисплея (подсветка) iPhone 6 в сборе</t>
  </si>
  <si>
    <t xml:space="preserve">      рамки,панель,стекло,сред.часть</t>
  </si>
  <si>
    <t xml:space="preserve">           Apple мелкие детали</t>
  </si>
  <si>
    <t>Держатель iPhone 5  шлейфа дисплея (метал.пластина)</t>
  </si>
  <si>
    <t>Держатель iPhone 5 Home (метал.пластина)</t>
  </si>
  <si>
    <t>Держатель iPhone 5S  шлейфа дисплея (метал.пластина)</t>
  </si>
  <si>
    <t>Держатель iPhone 5S Динамик (метал.пластина)</t>
  </si>
  <si>
    <t>Держатель iPhone 6  шлейфа дисплея (метал.пластина с винтами)</t>
  </si>
  <si>
    <t>Держатель iPhone 6 Plus  шлейфа дисплея (метал.пластина с винтами)</t>
  </si>
  <si>
    <t>Держатель iPhone 6S Plus шлейфа дисплея (метал.пластина с винтами)</t>
  </si>
  <si>
    <t>Держатель iPhone 6S шлейфа дисплея (метал.пластина с винтами)</t>
  </si>
  <si>
    <t>Держатель iPhone 7  шлейфа дисплея,акб (метал.пластина)</t>
  </si>
  <si>
    <t>Держатель iPhone 7  шлейфа камеры (метал.пластина с винтами)</t>
  </si>
  <si>
    <t>Держатель iPhone 7 Plus шлейфа дисплея (метал.пластина с винтами)</t>
  </si>
  <si>
    <t xml:space="preserve">           Вставки в корпус</t>
  </si>
  <si>
    <t>Вставки в корпус iPhone 5 (комплект)белый</t>
  </si>
  <si>
    <t>Вставки в корпус iPhone 5 (комплект)чёрный</t>
  </si>
  <si>
    <t>Вставки в корпус iPhone 5s (комплект)белый</t>
  </si>
  <si>
    <t xml:space="preserve">           средняя часть</t>
  </si>
  <si>
    <t>Средняя часть корпуса iPad 2 Рамка сенсорного экрана Белая</t>
  </si>
  <si>
    <t>Средняя часть корпуса iPad 2 Рамка сенсорного экрана Черная</t>
  </si>
  <si>
    <t>Средняя часть корпуса iPad 3/4 Рамка сенсорного экрана черная</t>
  </si>
  <si>
    <t>Средняя часть корпуса iPad 3/4Рамка сенсорного экрана Белая</t>
  </si>
  <si>
    <t>Средняя часть корпуса iPhone 3G/3Gs хромированная рамка</t>
  </si>
  <si>
    <t>Средняя часть корпуса iPhone 4 Рамка дисплея Белая</t>
  </si>
  <si>
    <t>Средняя часть корпуса iPhone 4 Рамка дисплея Черная</t>
  </si>
  <si>
    <t>Средняя часть корпуса iPhone 4 серебро</t>
  </si>
  <si>
    <t>Средняя часть корпуса iPhone 4S Рамка дисплея Белая</t>
  </si>
  <si>
    <t>Средняя часть корпуса iPhone 4S Рамка дисплея Черная</t>
  </si>
  <si>
    <t>Средняя часть корпуса iPhone 4S серебро</t>
  </si>
  <si>
    <t>Средняя часть корпуса iPhone 5 Рамка дисплея Белая</t>
  </si>
  <si>
    <t>Средняя часть корпуса iPhone 5 Рамка дисплея Черная</t>
  </si>
  <si>
    <t>Средняя часть корпуса iPhone 5S Рамка дисплея Белая</t>
  </si>
  <si>
    <t>Средняя часть корпуса iPhone 5S Рамка дисплея Черная</t>
  </si>
  <si>
    <t>Средняя часть корпуса iPhone 6 plus Рамка дисплея Белая</t>
  </si>
  <si>
    <t>Средняя часть корпуса iPhone 6 plus Рамка дисплея Черная</t>
  </si>
  <si>
    <t>Средняя часть корпуса iPhone 6 Рамка дисплея Белая</t>
  </si>
  <si>
    <t>Средняя часть корпуса iPhone 6 Рамка дисплея Черная</t>
  </si>
  <si>
    <t>Средняя часть корпуса iPhone 6S Рамка дисплея Белая</t>
  </si>
  <si>
    <t>Средняя часть корпуса iPhone 6S Рамка дисплея Черная</t>
  </si>
  <si>
    <t>Средняя часть корпуса iPhone 7 plus Рамка дисплея Белая</t>
  </si>
  <si>
    <t>Средняя часть корпуса iPhone 7 plus Рамка дисплея Чёрная</t>
  </si>
  <si>
    <t>Средняя часть корпуса iPhone 7 Рамка дисплея Белая</t>
  </si>
  <si>
    <t>Средняя часть корпуса iPhone 7 Рамка дисплея Чёрная</t>
  </si>
  <si>
    <t>Средняя часть корпуса Nokia 3100/3120</t>
  </si>
  <si>
    <t>Средняя часть корпуса Nokia 3500C</t>
  </si>
  <si>
    <t>Средняя часть корпуса Nokia 3710 в сборе ориг.100%</t>
  </si>
  <si>
    <t>Средняя часть корпуса Nokia 5000</t>
  </si>
  <si>
    <t>Средняя часть корпуса Nokia 5200/5300</t>
  </si>
  <si>
    <t>Средняя часть корпуса Nokia 5310</t>
  </si>
  <si>
    <t>Средняя часть корпуса Nokia 5530 в сборе ориг.100%</t>
  </si>
  <si>
    <t>Средняя часть корпуса Nokia 6085 в сборе ориг.100%</t>
  </si>
  <si>
    <t>Средняя часть корпуса Nokia 6101/6103 в сборе белый оригинал 100%</t>
  </si>
  <si>
    <t>Средняя часть корпуса Nokia 6101/6103 в сборе серебро оригинал 100%</t>
  </si>
  <si>
    <t>Средняя часть корпуса Nokia 6700C рамка серебро</t>
  </si>
  <si>
    <t>Средняя часть корпуса Nokia 7020 задняя часть ориг.100%</t>
  </si>
  <si>
    <t>Средняя часть корпуса Nokia 7210C в сборе</t>
  </si>
  <si>
    <t>Средняя часть корпуса Nokia E65 модуль в сборе с шлейфами ориг.100%</t>
  </si>
  <si>
    <t>Средняя часть корпуса Nokia E66 в сборе ориг.100%</t>
  </si>
  <si>
    <t>Средняя часть корпуса Nokia E66 модуль сдвижной ориг.100%</t>
  </si>
  <si>
    <t>Средняя часть корпуса Nokia X2-02 в сборе (оригинал) черный</t>
  </si>
  <si>
    <t>Средняя часть корпуса Nokia X6-00 в сборе ориг.100%</t>
  </si>
  <si>
    <t>Средняя часть корпуса Samsung G900F черная,рамка дисплея</t>
  </si>
  <si>
    <t>Средняя часть корпуса Samsung i9190 черная,рамка дисплея</t>
  </si>
  <si>
    <t>Средняя часть корпуса Samsung i9300 синяя,рамка дисплея</t>
  </si>
  <si>
    <t>Средняя часть корпуса Samsung i9500 черная,рамка дисплея</t>
  </si>
  <si>
    <t>Средняя часть корпуса Samsung i9505 черная,рамка дисплея</t>
  </si>
  <si>
    <t xml:space="preserve">           стекло</t>
  </si>
  <si>
    <t>Стекло Alcatel 5019 Белое</t>
  </si>
  <si>
    <t>Стекло HTC One S (черный)</t>
  </si>
  <si>
    <t>Стекло iPhone 4/4S Белое</t>
  </si>
  <si>
    <t>Стекло iPhone 4/4S Черное</t>
  </si>
  <si>
    <t>Стекло iPhone 5/5C/5S белое</t>
  </si>
  <si>
    <t>Стекло iPhone 5/5C/5S Черное</t>
  </si>
  <si>
    <t>Стекло iPhone 6 Plus/6S Plus Белое</t>
  </si>
  <si>
    <t>Стекло iPhone 6 Plus/6S Plus Чёрное</t>
  </si>
  <si>
    <t>Стекло iPhone 6/6S чёрное</t>
  </si>
  <si>
    <t>Стекло iPhone 7 Plus Белое</t>
  </si>
  <si>
    <t>Стекло iPhone 7 Plus Черное</t>
  </si>
  <si>
    <t>Стекло iPhone 7 Белое</t>
  </si>
  <si>
    <t>Стекло iPhone 7 Черное</t>
  </si>
  <si>
    <t>Стекло iPod touch 4 Черное</t>
  </si>
  <si>
    <t>Стекло Motorola K1 внешнее (синий)</t>
  </si>
  <si>
    <t>Стекло Motorola L7/L9</t>
  </si>
  <si>
    <t>Стекло Nokia 1020 Черное</t>
  </si>
  <si>
    <t>Стекло Nokia 1320 Черное</t>
  </si>
  <si>
    <t>СТЕКЛО NOKIA 2710</t>
  </si>
  <si>
    <t>СТЕКЛО NOKIA 3250</t>
  </si>
  <si>
    <t>СТЕКЛО NOKIA 5130</t>
  </si>
  <si>
    <t>Стекло Nokia 515 Dual белое</t>
  </si>
  <si>
    <t>Стекло Nokia 515 Dual чёрное</t>
  </si>
  <si>
    <t>СТЕКЛО NOKIA 5310</t>
  </si>
  <si>
    <t>Стекло Nokia 730 Dual Черное</t>
  </si>
  <si>
    <t>Стекло Nokia 7900</t>
  </si>
  <si>
    <t>Стекло Nokia 8800 arte Коричневый</t>
  </si>
  <si>
    <t>Стекло Nokia 8800 sirocco серебро</t>
  </si>
  <si>
    <t>Стекло Nokia 8800 sirocco чёрный</t>
  </si>
  <si>
    <t>Стекло Nokia E51</t>
  </si>
  <si>
    <t>Стекло Philips F511</t>
  </si>
  <si>
    <t>Стекло Philips X503 белый</t>
  </si>
  <si>
    <t>Стекло Philips X503 чёрный</t>
  </si>
  <si>
    <t>Стекло Philips X5500 Черный</t>
  </si>
  <si>
    <t>Стекло Philips X620 (черный)</t>
  </si>
  <si>
    <t>Стекло Samsung A300F Белый</t>
  </si>
  <si>
    <t>Стекло Samsung A300F Чёрный</t>
  </si>
  <si>
    <t>Стекло Samsung A310F Белое</t>
  </si>
  <si>
    <t>Стекло Samsung A310F Черное</t>
  </si>
  <si>
    <t>Стекло Samsung A500F Белый</t>
  </si>
  <si>
    <t>Стекло Samsung A500F Золото</t>
  </si>
  <si>
    <t>Стекло Samsung A505 (A50) Чёрный</t>
  </si>
  <si>
    <t>Стекло Samsung A510F Белое</t>
  </si>
  <si>
    <t>Стекло Samsung A510F Черное</t>
  </si>
  <si>
    <t>Стекло Samsung A520F Золото</t>
  </si>
  <si>
    <t>Стекло Samsung A520F Синее</t>
  </si>
  <si>
    <t>Стекло Samsung A700FD Белый</t>
  </si>
  <si>
    <t>Стекло Samsung A700FD Золото</t>
  </si>
  <si>
    <t>Стекло Samsung A700FD Чёрный</t>
  </si>
  <si>
    <t>Стекло Samsung A710F Белое</t>
  </si>
  <si>
    <t>Стекло Samsung A710F Черное</t>
  </si>
  <si>
    <t>Стекло Samsung A750F Черное</t>
  </si>
  <si>
    <t>Стекло Samsung E500H Белое</t>
  </si>
  <si>
    <t>Стекло Samsung G800f (Galaxy S5 mini) Белый</t>
  </si>
  <si>
    <t>Стекло Samsung G800f (Galaxy S5 mini) Чёрный</t>
  </si>
  <si>
    <t>Стекло Samsung G850F Белое</t>
  </si>
  <si>
    <t>Стекло Samsung G850F Черное</t>
  </si>
  <si>
    <t>Стекло Samsung G900f (Galaxy S5) Белый</t>
  </si>
  <si>
    <t>Стекло Samsung G900f (Galaxy S5) Чёрный</t>
  </si>
  <si>
    <t>Стекло Samsung G920F/G920FD (S6/S6 Duos) Белое</t>
  </si>
  <si>
    <t>Стекло Samsung G920F/G920FD (S6/S6 Duos) Черное</t>
  </si>
  <si>
    <t>Стекло Samsung G930F (S7) Черное</t>
  </si>
  <si>
    <t>Стекло Samsung G955F (S8+) Черное</t>
  </si>
  <si>
    <t>Стекло Samsung i8190/i8200 Белое</t>
  </si>
  <si>
    <t>Стекло Samsung i8190/i8200 Синее</t>
  </si>
  <si>
    <t>Стекло Samsung i8190/i8200 Черное</t>
  </si>
  <si>
    <t>Стекло Samsung i9000/i9001/i9003 белый</t>
  </si>
  <si>
    <t>Стекло Samsung i9000/i9001/i9003 черный</t>
  </si>
  <si>
    <t>Стекло Samsung i9082 Синее</t>
  </si>
  <si>
    <t>Стекло Samsung i9082 черный</t>
  </si>
  <si>
    <t>Стекло Samsung i9100/i9105 Белое</t>
  </si>
  <si>
    <t>Стекло Samsung i9100/i9105 Синее</t>
  </si>
  <si>
    <t>Стекло Samsung i9100/i9105 Черное</t>
  </si>
  <si>
    <t>Стекло Samsung i9103 черный</t>
  </si>
  <si>
    <t>Стекло Samsung i9190\i9192\9195 белый</t>
  </si>
  <si>
    <t>Стекло Samsung i9190\i9192\9195 синий</t>
  </si>
  <si>
    <t>Стекло Samsung i9190\i9192\9195 чёрный</t>
  </si>
  <si>
    <t>Стекло Samsung i9220/N7000 белый</t>
  </si>
  <si>
    <t>Стекло Samsung i9300 (Galaxy S3) красный</t>
  </si>
  <si>
    <t>Стекло Samsung i9300 (Galaxy S3) черный</t>
  </si>
  <si>
    <t>Стекло Samsung i9500/i9505 (Galaxy S4) белый</t>
  </si>
  <si>
    <t>Стекло Samsung i9500/i9505 (Galaxy S4) коричневый</t>
  </si>
  <si>
    <t>Стекло Samsung i9500/i9505 (Galaxy S4) красный</t>
  </si>
  <si>
    <t>Стекло Samsung i9500/i9505 (Galaxy S4) Серое</t>
  </si>
  <si>
    <t>Стекло Samsung i9500/i9505 (Galaxy S4) синийй</t>
  </si>
  <si>
    <t>Стекло Samsung i9500/i9505 (Galaxy S4) черный</t>
  </si>
  <si>
    <t>Стекло Samsung N7100 белый</t>
  </si>
  <si>
    <t>Стекло Samsung N7100 серый</t>
  </si>
  <si>
    <t>Стекло Samsung N7100 чёрный</t>
  </si>
  <si>
    <t>Стекло Samsung N7505 чёрный</t>
  </si>
  <si>
    <t>Стекло Samsung N9000/N9005 (Note3) белый</t>
  </si>
  <si>
    <t>Стекло Samsung N9000/N9005 (Note3) чёрный</t>
  </si>
  <si>
    <t>Стекло Samsung N910C (Note4) Белое</t>
  </si>
  <si>
    <t>Стекло Samsung N910C (Note4) Золото</t>
  </si>
  <si>
    <t>Стекло Samsung N910C (Note4) Серое</t>
  </si>
  <si>
    <t>Стекло Sony Ericsson C905</t>
  </si>
  <si>
    <t xml:space="preserve">      Сенсорный экран</t>
  </si>
  <si>
    <t xml:space="preserve">           Сенсорный экран Acer</t>
  </si>
  <si>
    <t>Сенсорный экран Acer A100/A101 Iconia Tab(MKTS1T) (чёрный) </t>
  </si>
  <si>
    <t>Сенсорный экран Acer A510/A511/A700/A701 Iconia Tab(чёрный) </t>
  </si>
  <si>
    <t>Сенсорный экран Acer E100\E101</t>
  </si>
  <si>
    <t>Сенсорный экран Acer E120</t>
  </si>
  <si>
    <t>Сенсорный экран Acer E130</t>
  </si>
  <si>
    <t>Сенсорный экран Acer E400/P400</t>
  </si>
  <si>
    <t>Сенсорный экран Acer F900</t>
  </si>
  <si>
    <t>Сенсорный экран Acer Iconia Tab B1-710/B1-711 Черный</t>
  </si>
  <si>
    <t>1 930</t>
  </si>
  <si>
    <t>Сенсорный экран Acer Z500 Dual Черный</t>
  </si>
  <si>
    <t xml:space="preserve">           Сенсорный экран Alcatel</t>
  </si>
  <si>
    <t>Сенсорный экран Alcatel OT-4007D (Pixi) Черный</t>
  </si>
  <si>
    <t>Сенсорный экран Alcatel OT-4009D (Pixi 3) (3,5") Черный</t>
  </si>
  <si>
    <t>Сенсорный экран Alcatel OT-4010/4010D Белый</t>
  </si>
  <si>
    <t>Сенсорный экран Alcatel OT-4010/4010D Черный</t>
  </si>
  <si>
    <t>Сенсорный экран Alcatel OT-4013D (Pixi 3) (4") Черный</t>
  </si>
  <si>
    <t>Сенсорный экран Alcatel OT-4014D/OT-4015D (Pixi 2/C1) Белый</t>
  </si>
  <si>
    <t>Сенсорный экран Alcatel OT-4014D/OT-4015D (Pixi 2/C1) Чёрный</t>
  </si>
  <si>
    <t>Сенсорный экран Alcatel OT-4018X/OT-4018D (Pop D1) Черный</t>
  </si>
  <si>
    <t>Сенсорный экран Alcatel OT-4030/4030D (S'Pop) Черный</t>
  </si>
  <si>
    <t>Сенсорный экран Alcatel OT-4032X/OT-4032D (Pop C2) Белый</t>
  </si>
  <si>
    <t>Сенсорный экран Alcatel OT-4032X/OT-4032D (Pop C2) Черный</t>
  </si>
  <si>
    <t>Сенсорный экран Alcatel OT-4033D (Pop C3) Черный</t>
  </si>
  <si>
    <t>Сенсорный экран Alcatel OT-4034D (Pixi 4) (4") Черный</t>
  </si>
  <si>
    <t>Сенсорный экран Alcatel OT-4035X/OT-4035D (Pop D3) Черный</t>
  </si>
  <si>
    <t>Сенсорный экран Alcatel OT-5010D (Pixi 4) (5") Черный</t>
  </si>
  <si>
    <t>Сенсорный экран Alcatel OT-5020/5020D (M'Pop) Черный</t>
  </si>
  <si>
    <t>Сенсорный экран Alcatel OT-5038X/OT-5038D (Pop D5) Белый</t>
  </si>
  <si>
    <t>Сенсорный экран Alcatel OT-5038X/OT-5038D (Pop D5) Черный</t>
  </si>
  <si>
    <t>Сенсорный экран Alcatel OT-5042D (Pop 2) Белый</t>
  </si>
  <si>
    <t>Сенсорный экран Alcatel OT-5042D (Pop 2) Чёрный</t>
  </si>
  <si>
    <t>Сенсорный экран Alcatel OT-5050X/OT-5050Y (Pop S3) Белый</t>
  </si>
  <si>
    <t>Сенсорный экран Alcatel OT-5050X/OT-5050Y (Pop S3) Черный</t>
  </si>
  <si>
    <t>Сенсорный экран Alcatel OT-6012X Idol Mini/OT 6012D Чер.</t>
  </si>
  <si>
    <t>Сенсорный экран Alcatel OT-6040 (Idol X) Черный</t>
  </si>
  <si>
    <t>Сенсорный экран Alcatel OT-7041D\7040 (Pop C7) Черный</t>
  </si>
  <si>
    <t>Сенсорный экран Alcatel OT-7043Y (POP 2) (5") Черный</t>
  </si>
  <si>
    <t>Сенсорный экран Alcatel OT-7044Y (Pop 2 Premium) (5") Черный</t>
  </si>
  <si>
    <t>Сенсорный экран Alcatel OT-7045Y (Pop S7) Черный</t>
  </si>
  <si>
    <t>Сенсорный экран Alcatel OT-7047D (Pop C9) Белый</t>
  </si>
  <si>
    <t>Сенсорный экран Alcatel OT-7047D (Pop C9) Черный</t>
  </si>
  <si>
    <t>Сенсорный экран Alcatel OT-7050Y белый </t>
  </si>
  <si>
    <t>Сенсорный экран Alcatel OT-7050Y черный </t>
  </si>
  <si>
    <t>Сенсорный экран Alcatel OT-720/720D black (черный)</t>
  </si>
  <si>
    <t>Сенсорный экран Alcatel OT-803/813 Черный</t>
  </si>
  <si>
    <t>Сенсорный экран Alcatel OT-806 Черный</t>
  </si>
  <si>
    <t>Сенсорный экран Alcatel OT-819 Черный</t>
  </si>
  <si>
    <t>Сенсорный экран Alcatel OT-880 black-чёрный</t>
  </si>
  <si>
    <t>Сенсорный экран Alcatel OT-880 carbon (темно-серый)</t>
  </si>
  <si>
    <t>Сенсорный экран Alcatel OT-888 Черный</t>
  </si>
  <si>
    <t>Сенсорный экран Alcatel OT-890 black (черный)</t>
  </si>
  <si>
    <t>Сенсорный экран Alcatel OT-891 Черный</t>
  </si>
  <si>
    <t>Сенсорный экран Alcatel OT-9003X (Pixi 4) (7") (7) Черный</t>
  </si>
  <si>
    <t>Сенсорный экран Alcatel OT-905 Черный</t>
  </si>
  <si>
    <t>Сенсорный экран Alcatel OT-908 black (черный)</t>
  </si>
  <si>
    <t>Сенсорный экран Alcatel OT-910 Черный</t>
  </si>
  <si>
    <t>Сенсорный экран Alcatel OT-918 black (черный)</t>
  </si>
  <si>
    <t>Сенсорный экран Alcatel OT-980 Черный</t>
  </si>
  <si>
    <t>Сенсорный экран Alcatel OT-985/985D Черный</t>
  </si>
  <si>
    <t>Сенсорный экран Alcatel OT-990 Черный</t>
  </si>
  <si>
    <t>Сенсорный экран Alcatel OT-993D/МТС 968 Черный</t>
  </si>
  <si>
    <t xml:space="preserve">           Сенсорный экран Apple</t>
  </si>
  <si>
    <t>Сенсорный экран Apple Watch (42 mm)</t>
  </si>
  <si>
    <t>Сенсорный экран iPad  (черный) </t>
  </si>
  <si>
    <t>1 430</t>
  </si>
  <si>
    <t>Сенсорный экран iPad 2 (белый)</t>
  </si>
  <si>
    <t>Сенсорный экран iPad 3/4  Белый</t>
  </si>
  <si>
    <t>Сенсорный экран iPad 3/4 с кнопкой Home Черный</t>
  </si>
  <si>
    <t>Сенсорный экран iPad Air 2 Чёрный</t>
  </si>
  <si>
    <t>Сенсорный экран IPad mini 3 в сборе белый</t>
  </si>
  <si>
    <t>Сенсорный экран IPad mini 3 в сборе чёрный</t>
  </si>
  <si>
    <t>Сенсорный экран iPad mini/mini 2 Retina Белый</t>
  </si>
  <si>
    <t>Сенсорный экран iPad mini/mini 2 Retina Белый - Оригинал</t>
  </si>
  <si>
    <t>Сенсорный экран IPad mini/mini 2 Retina в сборе белый</t>
  </si>
  <si>
    <t>Сенсорный экран IPad mini/mini 2 Retina в сборе чёрный</t>
  </si>
  <si>
    <t>Сенсорный экран iPad mini/mini 2 Retina Черный - Оригинал</t>
  </si>
  <si>
    <t>Сенсорный экран iPhone 3G Черный - Аналог</t>
  </si>
  <si>
    <t>Сенсорный экран iPOD Nano 7 gen Черный</t>
  </si>
  <si>
    <t>1 390</t>
  </si>
  <si>
    <t>Сенсорный экран iPOD Touch 2G Черный</t>
  </si>
  <si>
    <t>Сенсорный экран iPOD Touch 3G Чер.</t>
  </si>
  <si>
    <t xml:space="preserve">           Сенсорный экран Asus</t>
  </si>
  <si>
    <t>Сенсорный экран Asus Fonepad (ME371MG/k004) Черный</t>
  </si>
  <si>
    <t>Сенсорный экран Asus Fonepad 7 (FE375CXG) Черный</t>
  </si>
  <si>
    <t>Сенсорный экран Asus Fonepad 8 (FE380CG) Черный</t>
  </si>
  <si>
    <t>Сенсорный экран Asus MeMO Pad (ME172V) Черный</t>
  </si>
  <si>
    <t>Сенсорный экран Asus MeMO Pad 10 (ME102A) Черный</t>
  </si>
  <si>
    <t>Сенсорный экран Asus Transformer Pad TF300 Черный REV.G01</t>
  </si>
  <si>
    <t>2 050</t>
  </si>
  <si>
    <t>Сенсорный экран Asus ZenFone 4 (A450CG) Черный</t>
  </si>
  <si>
    <t>Сенсорный экран Asus ZenFone 5 (A500KL/A501CG) Черный</t>
  </si>
  <si>
    <t>Сенсорный экран Asus ZenFone 6 Черный</t>
  </si>
  <si>
    <t xml:space="preserve">           Сенсорный экран BQ</t>
  </si>
  <si>
    <t>Сенсорный экран BQ 5058</t>
  </si>
  <si>
    <t xml:space="preserve">           Сенсорный экран DNS</t>
  </si>
  <si>
    <t>Сенсорный экран DNS S4003 Черный</t>
  </si>
  <si>
    <t>Сенсорный экран DNS S4004 Черный</t>
  </si>
  <si>
    <t>Сенсорный экран DNS S4505/S4506/Amoi N828 Черный</t>
  </si>
  <si>
    <t xml:space="preserve">           Сенсорный экран Explay</t>
  </si>
  <si>
    <t>Сенсорный экран Explay A400 Черный</t>
  </si>
  <si>
    <t>Сенсорный экран Explay A500/Atlant Черный</t>
  </si>
  <si>
    <t>Сенсорный экран Explay Alto черный </t>
  </si>
  <si>
    <t>Сенсорный экран Explay Bit черный </t>
  </si>
  <si>
    <t>Сенсорный экран Explay Blaze черный </t>
  </si>
  <si>
    <t>Сенсорный экран Explay Craft черный </t>
  </si>
  <si>
    <t>Сенсорный экран Explay Dream черный </t>
  </si>
  <si>
    <t>Сенсорный экран Explay Golf черный </t>
  </si>
  <si>
    <t>Сенсорный экран Explay HD Quad белый </t>
  </si>
  <si>
    <t>Сенсорный экран Explay HD Quad Черный</t>
  </si>
  <si>
    <t>Сенсорный экран Explay Indigo Черный</t>
  </si>
  <si>
    <t>Сенсорный экран Explay N1 Черный</t>
  </si>
  <si>
    <t>Сенсорный экран Explay Onyx черный </t>
  </si>
  <si>
    <t>Сенсорный экран Explay Phantom Черный</t>
  </si>
  <si>
    <t>Сенсорный экран Explay Rio/Rio Play Черный</t>
  </si>
  <si>
    <t>Сенсорный экран Explay Solo черный </t>
  </si>
  <si>
    <t>Сенсорный экран Explay Surfer 7.03 Черный</t>
  </si>
  <si>
    <t>Сенсорный экран Explay Surfer 7.04 черный </t>
  </si>
  <si>
    <t>Сенсорный экран Explay Tab Mini Черный</t>
  </si>
  <si>
    <t>Сенсорный экран Explay X-tremer чёрный</t>
  </si>
  <si>
    <t>Сенсорный экран Explay X5 Черный</t>
  </si>
  <si>
    <t xml:space="preserve">           Сенсорный экран Fly</t>
  </si>
  <si>
    <t>Сенсорный экран Fly 5S чёрный</t>
  </si>
  <si>
    <t>Сенсорный экран Fly E115 Чер.</t>
  </si>
  <si>
    <t>Сенсорный экран Fly E133 (M202-A29130-010) Чер.</t>
  </si>
  <si>
    <t>Сенсорный экран Fly E146 Черный</t>
  </si>
  <si>
    <t>Сенсорный экран Fly E155 Черный</t>
  </si>
  <si>
    <t>Сенсорный экран Fly E175 Черный</t>
  </si>
  <si>
    <t>Сенсорный экран Fly E185 Серебро</t>
  </si>
  <si>
    <t>Сенсорный экран Fly E200 Черный</t>
  </si>
  <si>
    <t>Сенсорный экран Fly E210 Черный</t>
  </si>
  <si>
    <t>Сенсорный экран Fly FS401 (Stratus) Черный</t>
  </si>
  <si>
    <t>Сенсорный экран Fly FS403 (Cumulus 1) Черный</t>
  </si>
  <si>
    <t>Сенсорный экран Fly FS405 (Stratus 4) Черный</t>
  </si>
  <si>
    <t>Сенсорный экран Fly FS406 (Stratus 5) Белый</t>
  </si>
  <si>
    <t>Сенсорный экран Fly FS452 (Nimbus 2) Черный</t>
  </si>
  <si>
    <t>Сенсорный экран Fly FS454 (Nimbus 8) Белый</t>
  </si>
  <si>
    <t>Сенсорный экран Fly FS454 (Nimbus 8) Черный</t>
  </si>
  <si>
    <t>Сенсорный экран Fly FS502 (Cirrus 1) Черный</t>
  </si>
  <si>
    <t>Сенсорный экран Fly IQ235 (Uno) черный</t>
  </si>
  <si>
    <t>Сенсорный экран Fly IQ236 (Victory) черный</t>
  </si>
  <si>
    <t>Сенсорный экран Fly IQ238 (Jazz) Черный</t>
  </si>
  <si>
    <t>Сенсорный экран Fly IQ239 (Era Nano 2) Черный</t>
  </si>
  <si>
    <t>Сенсорный экран Fly IQ239+ Черный</t>
  </si>
  <si>
    <t>Сенсорный экран Fly IQ245 (Wizard)/IQ245+ (Wizard Plus) Черный</t>
  </si>
  <si>
    <t>Сенсорный экран Fly IQ245+ (Wizard Plus) (S8035A_V.1.1 после 25.03.2013) Черный</t>
  </si>
  <si>
    <t>Сенсорный экран Fly IQ255 (Pride) Черный</t>
  </si>
  <si>
    <t>Сенсорный экран Fly IQ255 Pride белый</t>
  </si>
  <si>
    <t>Сенсорный экран Fly IQ260 (Blackbird) чёрный</t>
  </si>
  <si>
    <t>Сенсорный экран Fly IQ270 (Firebird) черный</t>
  </si>
  <si>
    <t>Сенсорный экран Fly IQ310 (Panorama) чёрный</t>
  </si>
  <si>
    <t>Сенсорный экран Fly IQ430 (Evoke) Черный</t>
  </si>
  <si>
    <t>Сенсорный экран Fly IQ430 (Evoke)Белый</t>
  </si>
  <si>
    <t>Сенсорный экран Fly IQ431/IQ432 (Glory/Era Nano 1) Белый</t>
  </si>
  <si>
    <t>Сенсорный экран Fly IQ431/IQ432 (Glory/Era Nano 1) Черный</t>
  </si>
  <si>
    <t>Сенсорный экран Fly IQ434 (Era Nano 5) Черный</t>
  </si>
  <si>
    <t>Сенсорный экран Fly IQ436 (Era Nano 3) Черный</t>
  </si>
  <si>
    <t>Сенсорный экран Fly IQ436i (Era Nano 9) Белый</t>
  </si>
  <si>
    <t>Сенсорный экран Fly IQ436i (Era Nano 9) Черный</t>
  </si>
  <si>
    <t>Сенсорный экран Fly IQ440 (Energie) Черный</t>
  </si>
  <si>
    <t>Сенсорный экран Fly IQ4401 (Era Energie 2) Белый</t>
  </si>
  <si>
    <t>Сенсорный экран Fly IQ4401 (Era Energie 2) Черный</t>
  </si>
  <si>
    <t>Сенсорный экран Fly IQ4402 (Era Style 1) Черный</t>
  </si>
  <si>
    <t>Сенсорный экран Fly IQ4404 (Spark) Белый</t>
  </si>
  <si>
    <t>Сенсорный экран Fly IQ4405 (Evo Chic 1) Черный</t>
  </si>
  <si>
    <t>Сенсорный экран Fly IQ4406 (Era Nano 6) Белый</t>
  </si>
  <si>
    <t>Сенсорный экран Fly IQ4406 (Era Nano 6) Черный</t>
  </si>
  <si>
    <t>Сенсорный экран Fly IQ441 (Radiance) белый</t>
  </si>
  <si>
    <t>Сенсорный экран Fly IQ441 (Radiance) Черный</t>
  </si>
  <si>
    <t>Сенсорный экран Fly IQ4410 (Quad Phoenix) Черный</t>
  </si>
  <si>
    <t>Сенсорный экран Fly IQ4411 (Energie 2) Черный</t>
  </si>
  <si>
    <t>Сенсорный экран Fly IQ4413 (Quad Evo Chic 3) Черный</t>
  </si>
  <si>
    <t>Сенсорный экран Fly IQ4414 (Quad Evo Tech 3) Черный</t>
  </si>
  <si>
    <t>Сенсорный экран Fly IQ4416 (Era Life 5) Белый</t>
  </si>
  <si>
    <t>Сенсорный экран Fly IQ4416 (Era Life 5) Черный</t>
  </si>
  <si>
    <t>Сенсорный экран Fly IQ4417 (Era Energie 3) Белый</t>
  </si>
  <si>
    <t>Сенсорный экран Fly IQ4418 (Era Style 4) Белый</t>
  </si>
  <si>
    <t>Сенсорный экран Fly IQ4418 (Era Style 4) Черный</t>
  </si>
  <si>
    <t>Сенсорный экран Fly IQ442 Quad (Miracle 2) Черный</t>
  </si>
  <si>
    <t>Сенсорный экран Fly IQ443 (Trend) Белый</t>
  </si>
  <si>
    <t>Сенсорный экран Fly IQ443 (Trend) Черный</t>
  </si>
  <si>
    <t>Сенсорный экран Fly IQ445 (Genius) Белый</t>
  </si>
  <si>
    <t>Сенсорный экран Fly IQ445 (Genius) Черный</t>
  </si>
  <si>
    <t>Сенсорный экран Fly IQ446 Magic белый</t>
  </si>
  <si>
    <t>Сенсорный экран Fly IQ447 (Era Life 1) Черный</t>
  </si>
  <si>
    <t>Сенсорный экран Fly IQ449 (Pronto) Белый</t>
  </si>
  <si>
    <t>Сенсорный экран Fly IQ449 (Pronto) Черный</t>
  </si>
  <si>
    <t>Сенсорный экран Fly IQ4490 (Era Nano 4) Белый</t>
  </si>
  <si>
    <t>Сенсорный экран Fly IQ4490 (Era Nano 4) Черный</t>
  </si>
  <si>
    <t>Сенсорный экран Fly IQ4490i (Era Nano 10) Белый</t>
  </si>
  <si>
    <t>Сенсорный экран Fly IQ450 (Horizon) Белый</t>
  </si>
  <si>
    <t>Сенсорный экран Fly IQ450 (Horizon) Черный</t>
  </si>
  <si>
    <t>Сенсорный экран Fly IQ4501 (Evo Energie 4) Черный</t>
  </si>
  <si>
    <t>Сенсорный экран Fly IQ4502 (Quad Era Energy 1) Черный</t>
  </si>
  <si>
    <t>Сенсорный экран Fly IQ4503 (Era Life 6) Белый</t>
  </si>
  <si>
    <t>Сенсорный экран Fly IQ4503 (Era Life 6) Черный</t>
  </si>
  <si>
    <t>Сенсорный экран Fly IQ4504 (Evo Energy 5) Белый</t>
  </si>
  <si>
    <t>Сенсорный экран Fly IQ4505 (Era Life 7) Белый</t>
  </si>
  <si>
    <t>Сенсорный экран Fly IQ4511 (Tornado One) Черный</t>
  </si>
  <si>
    <t>Сенсорный экран Fly IQ4514 (Evo Tech 4) Белый</t>
  </si>
  <si>
    <t>Сенсорный экран Fly IQ4514 (Evo Tech 4) Черный</t>
  </si>
  <si>
    <t>Сенсорный экран Fly IQ452 белый</t>
  </si>
  <si>
    <t>Сенсорный экран Fly IQ452 чёрный</t>
  </si>
  <si>
    <t>Сенсорный экран Fly IQ453 (Luminor FHD) Белый</t>
  </si>
  <si>
    <t>Сенсорный экран Fly IQ454 (Evo Tech 1) белый</t>
  </si>
  <si>
    <t>Сенсорный экран Fly IQ454 (Evo Tech 1) чёрный</t>
  </si>
  <si>
    <t>Сенсорный экран Fly IQ456 (Era Life 2) Белый</t>
  </si>
  <si>
    <t>Сенсорный экран Fly IQ456 (Era Life 2) Черный</t>
  </si>
  <si>
    <t>Сенсорный экран Fly IQ4601 (Era Style 2) Черный</t>
  </si>
  <si>
    <t>Сенсорный экран Fly IQ4601 (Era Style 2) чёрный оригинал 100%</t>
  </si>
  <si>
    <t>Сенсорный экран Fly IQ4601(Era Style 2) белый оригинал 100%</t>
  </si>
  <si>
    <t xml:space="preserve">           Сенсорный экран Highscreen</t>
  </si>
  <si>
    <t>Сенсорный экран Highscreen Boost 2 SE Черный</t>
  </si>
  <si>
    <t>Сенсорный экран Highscreen Omega Prime Mini SE Черный</t>
  </si>
  <si>
    <t>Сенсорный экран Highscreen Omega Prime S Черный</t>
  </si>
  <si>
    <t>Сенсорный экран Highscreen Zera F (rev.S) Черный</t>
  </si>
  <si>
    <t>Сенсорный экран Highscreen Zera S Power Черный</t>
  </si>
  <si>
    <t xml:space="preserve">           Сенсорный экран HTC</t>
  </si>
  <si>
    <t>Сенсорный экран HTC 8X чёрный</t>
  </si>
  <si>
    <t>Сенсорный экран HTC A7272( Desire Z) Черный</t>
  </si>
  <si>
    <t>Сенсорный экран HTC Desire 200 Черный</t>
  </si>
  <si>
    <t>Сенсорный экран HTC Desire 300 Черный</t>
  </si>
  <si>
    <t>Сенсорный экран HTC Desire 400 Dual</t>
  </si>
  <si>
    <t>Сенсорный экран HTC Desire 500/Desire 500 Dual Черный</t>
  </si>
  <si>
    <t>Сенсорный экран HTC Desire 600 Dual Черный</t>
  </si>
  <si>
    <t>Сенсорный экран HTC Desire C Черный</t>
  </si>
  <si>
    <t>Сенсорный экран HTC Desire S/G12 Черный</t>
  </si>
  <si>
    <t>Сенсорный экран HTC Desire X Черный</t>
  </si>
  <si>
    <t>Сенсорный экран HTC Evo 3D Черный</t>
  </si>
  <si>
    <t>Сенсорный экран HTC Explorer/A310 Черный</t>
  </si>
  <si>
    <t>Сенсорный экран HTC Increddible S</t>
  </si>
  <si>
    <t>Сенсорный экран HTC Legend/Google G6/A6363 Черный</t>
  </si>
  <si>
    <t>Сенсорный экран HTC Nexus One в сборе черный</t>
  </si>
  <si>
    <t>Сенсорный экран HTC One V/T320 Черный</t>
  </si>
  <si>
    <t>Сенсорный экран HTC P3300 узкий шлейф (HIT)</t>
  </si>
  <si>
    <t>Сенсорный экран HTC P3300/Eten M700/X500/X600/Rover Q6/S6 широкий шлейф (TDO)</t>
  </si>
  <si>
    <t>Сенсорный экран HTC P3450/Touch/ Чер.</t>
  </si>
  <si>
    <t>Сенсорный экран HTC P3650/Cruise Чер.</t>
  </si>
  <si>
    <t>Сенсорный экран HTC P5500/Touch Dual Чер.</t>
  </si>
  <si>
    <t>Сенсорный экран HTC Rhume Чер.-оригинал</t>
  </si>
  <si>
    <t>Сенсорный экран HTC Salsa (C510e)-оригинал</t>
  </si>
  <si>
    <t>Сенсорный экран HTC Sensation XL Белый-оригинал</t>
  </si>
  <si>
    <t>Сенсорный экран HTC Sensation XL Черный оригинал</t>
  </si>
  <si>
    <t>Сенсорный экран HTC Sensation Черный/белые кнопки</t>
  </si>
  <si>
    <t>Сенсорный экран HTC T3232 (Touch 3G) Черный</t>
  </si>
  <si>
    <t>Сенсорный экран HTC T3333 Touch 2 Черный</t>
  </si>
  <si>
    <t>Сенсорный экран HTC T4242 (Touch Cruise 2)</t>
  </si>
  <si>
    <t>Сенсорный экран HTC T5555 HD mini (оригинал)</t>
  </si>
  <si>
    <t>Сенсорный экран HTC T7373 Touch Pro 2 Черный</t>
  </si>
  <si>
    <t>Сенсорный экран HTC T8282 HD</t>
  </si>
  <si>
    <t>Сенсорный экран HTC T8290 (MAX 4G) (оригинал)</t>
  </si>
  <si>
    <t>Сенсорный экран HTC T8585  HD2 (ревизия с разъёмом) оригинал</t>
  </si>
  <si>
    <t>Сенсорный экран HTC T9292 HD7 (оригинал)</t>
  </si>
  <si>
    <t>Сенсорный экран HTC TITAN (оригинал) черный</t>
  </si>
  <si>
    <t>Сенсорный экран HTC Wildfire S/G13/A510E rev.1</t>
  </si>
  <si>
    <t>Сенсорный экран HTC Wildfire S/G13/A510E rev.3</t>
  </si>
  <si>
    <t>Сенсорный экран HTC Wildfire/A3333 (ревизия без микросхемы на шлейфе)</t>
  </si>
  <si>
    <t xml:space="preserve">           Сенсорный экран Huawei</t>
  </si>
  <si>
    <t>Сенсорный экран Huawei Ascend Y210/U8685 Черный</t>
  </si>
  <si>
    <t>Сенсорный экран Huawei Ascend Y320 Черный</t>
  </si>
  <si>
    <t>Сенсорный экран Huawei Ascend Y511 черный</t>
  </si>
  <si>
    <t>Сенсорный экран Huawei Ascend Y530 Черный</t>
  </si>
  <si>
    <t>Сенсорный экран Huawei Ascend Y600 Белый</t>
  </si>
  <si>
    <t>Сенсорный экран Huawei G610 черный</t>
  </si>
  <si>
    <t>Сенсорный экран Huawei G630 черный</t>
  </si>
  <si>
    <t>Сенсорный экран Huawei MediaPad 10 FHD/FHD Turbo Черный</t>
  </si>
  <si>
    <t>1 470</t>
  </si>
  <si>
    <t>Сенсорный экран Huawei MediaPad 10 Link Черный</t>
  </si>
  <si>
    <t>1 780</t>
  </si>
  <si>
    <t>Сенсорный экран Huawei U8100 черный</t>
  </si>
  <si>
    <t>Сенсорный экран Huawei U8110 (MTC Android)</t>
  </si>
  <si>
    <t>Сенсорный экран Huawei U8160 (MTC mini) черный</t>
  </si>
  <si>
    <t>Сенсорный экран Huawei U8180 (ldeos X1 Мегафон U8180) черный</t>
  </si>
  <si>
    <t>Сенсорный экран Huawei U8220 черный</t>
  </si>
  <si>
    <t>Сенсорный экран Huawei U8350 (MTC PRO) черный</t>
  </si>
  <si>
    <t>Сенсорный экран Huawei U8500 (MTC Evo) черный в раме</t>
  </si>
  <si>
    <t>Сенсорный экран Huawei U8660 черный</t>
  </si>
  <si>
    <t>Сенсорный экран Huawei U8815 Ascend G300 Черный</t>
  </si>
  <si>
    <t>Сенсорный экран Huawei U8950 Honor Pro (Ascend G600) Черный</t>
  </si>
  <si>
    <t>Сенсорный экран Huawei U8951D Ascend G510/G525 Черный</t>
  </si>
  <si>
    <t>Сенсорный экран Huawei U9000 (ldeos X6) черный в раме</t>
  </si>
  <si>
    <t>Сенсорный экран Huawei Y3 2017 Белый</t>
  </si>
  <si>
    <t>Сенсорный экран Huawei Y3 II 3G (Загнутый шлейф) Золото</t>
  </si>
  <si>
    <t>Сенсорный экран Huawei Y3 II 3G (Загнутый шлейф) Чёрный</t>
  </si>
  <si>
    <t>Сенсорный экран Huawei Y3 II LTE (Прямой шлейф) Черный</t>
  </si>
  <si>
    <t>Сенсорный экран Huawei Y5 II/5A (CUN-U29) Черный</t>
  </si>
  <si>
    <t xml:space="preserve">           Сенсорный экран Lenovo</t>
  </si>
  <si>
    <t>Сенсорный экран Lenovo A Plus (A1010) Белый</t>
  </si>
  <si>
    <t>Сенсорный экран Lenovo A10-30 TAB 2 Белый</t>
  </si>
  <si>
    <t>1 010</t>
  </si>
  <si>
    <t>Сенсорный экран Lenovo A10-30 TAB 2 Чёрный</t>
  </si>
  <si>
    <t>Сенсорный экран Lenovo A2010 Черный</t>
  </si>
  <si>
    <t>Сенсорный экран Lenovo A3000 (IdeaTab) Черный</t>
  </si>
  <si>
    <t>Сенсорный экран Lenovo A328 Белый</t>
  </si>
  <si>
    <t>Сенсорный экран Lenovo A328 Черный</t>
  </si>
  <si>
    <t>Сенсорный экран Lenovo A369i Черный</t>
  </si>
  <si>
    <t>Сенсорный экран Lenovo A390 Черный</t>
  </si>
  <si>
    <t>Сенсорный экран Lenovo A5000/S60T Черный</t>
  </si>
  <si>
    <t>Сенсорный экран Lenovo A526 Черный</t>
  </si>
  <si>
    <t>Сенсорный экран Lenovo A680 Черный</t>
  </si>
  <si>
    <t>Сенсорный экран Lenovo A7-30 (A3300) Черный</t>
  </si>
  <si>
    <t>Сенсорный экран Lenovo A7-50 (A3500) Черный</t>
  </si>
  <si>
    <t>Сенсорный экран Lenovo A800 Черный</t>
  </si>
  <si>
    <t>Сенсорный экран Lenovo A850 чёрный</t>
  </si>
  <si>
    <t>Сенсорный экран Lenovo A880 чёрный</t>
  </si>
  <si>
    <t>Сенсорный экран Lenovo K900 Черный</t>
  </si>
  <si>
    <t>Сенсорный экран Lenovo P770 Черный</t>
  </si>
  <si>
    <t>Сенсорный экран Lenovo S5000 черный (оригинал)</t>
  </si>
  <si>
    <t>Сенсорный экран Lenovo S6000 черный (оригинал) MCF-101-0887-V2</t>
  </si>
  <si>
    <t>Сенсорный экран Lenovo S650 Черный</t>
  </si>
  <si>
    <t>Сенсорный экран Lenovo S660 Черный</t>
  </si>
  <si>
    <t>Сенсорный экран Lenovo S820 Черный</t>
  </si>
  <si>
    <t>Сенсорный экран Lenovo S850 Черный</t>
  </si>
  <si>
    <t>Сенсорный экран Lenovo S880 черный (оригинал)</t>
  </si>
  <si>
    <t>Сенсорный экран Lenovo S90 (Sisley) Черный</t>
  </si>
  <si>
    <t>Сенсорный экран Lenovo S920 черный (оригинал)</t>
  </si>
  <si>
    <t>Сенсорный экран Lenovo S960 Черный</t>
  </si>
  <si>
    <t>Сенсорный экран Lenovo Vibe X2 Черный</t>
  </si>
  <si>
    <t xml:space="preserve">           Сенсорный экран LG</t>
  </si>
  <si>
    <t>Сенсорный экран LG D170 (L40) Белый</t>
  </si>
  <si>
    <t>Сенсорный экран LG D170 (L40) Черный</t>
  </si>
  <si>
    <t>Сенсорный экран LG D285 (L65 Dual) Белый</t>
  </si>
  <si>
    <t>Сенсорный экран LG D285 (L65 Dual) Белый оригинал 100%</t>
  </si>
  <si>
    <t>Сенсорный экран LG D285 (L65 Dual) Черный</t>
  </si>
  <si>
    <t>Сенсорный экран LG D285 (L65 Dual) Черный оригинал 100%</t>
  </si>
  <si>
    <t>Сенсорный экран LG D325 (L70) Белый</t>
  </si>
  <si>
    <t>Сенсорный экран LG D325 (L70) Черный </t>
  </si>
  <si>
    <t>Сенсорный экран LG D380 (L80 Dual) Белый</t>
  </si>
  <si>
    <t>Сенсорный экран LG D380 (L80 Dual) Белый оригинал 100%</t>
  </si>
  <si>
    <t>Сенсорный экран LG D380 (L80 Dual) Черный</t>
  </si>
  <si>
    <t>Сенсорный экран LG D380 (L80 Dual) Черный оригинал 100%</t>
  </si>
  <si>
    <t>Сенсорный экран LG D410 (L90) Белый</t>
  </si>
  <si>
    <t>Сенсорный экран LG D410 (L90) Черный</t>
  </si>
  <si>
    <t>Сенсорный экран LG D618/D620 (G2 mini) Белый</t>
  </si>
  <si>
    <t>Сенсорный экран LG D618/D620 (G2 mini) Белый оригинал 100%</t>
  </si>
  <si>
    <t>Сенсорный экран LG D618/D620 (G2 mini) Черный</t>
  </si>
  <si>
    <t>Сенсорный экран LG D686 (G Pro Lite Dual) Белый оригинал 100%</t>
  </si>
  <si>
    <t>1 130</t>
  </si>
  <si>
    <t>Сенсорный экран LG D686 (G Pro Lite Dual) Черный</t>
  </si>
  <si>
    <t>Сенсорный экран LG D724/D725 (G3S)Чёрный оригинал 100%</t>
  </si>
  <si>
    <t>Сенсорный экран LG D802 (G2) Белый</t>
  </si>
  <si>
    <t>Сенсорный экран LG E400 Optimus L3 (black)</t>
  </si>
  <si>
    <t>Сенсорный экран LG E400 Optimus L3 (black) оригинал 100%</t>
  </si>
  <si>
    <t>Сенсорный экран LG E420 Optimus L1 II Dual  (Black)</t>
  </si>
  <si>
    <t>Сенсорный экран LG E420 Optimus L1 II Dual  (Black) оригинал 100%</t>
  </si>
  <si>
    <t>Сенсорный экран LG E420 Optimus L1 II Dual  (White) оригинал 100%</t>
  </si>
  <si>
    <t>Сенсорный экран LG E435 Optimus L3 II Dual (black)</t>
  </si>
  <si>
    <t>Сенсорный экран LG E435 Optimus L3 II Dual (black) оригинал 100%</t>
  </si>
  <si>
    <t>Сенсорный экран LG E440 Optimus L4 II (White) оригинал 100%</t>
  </si>
  <si>
    <t>Сенсорный экран LG E440 Optimus L4 II Black</t>
  </si>
  <si>
    <t>Сенсорный экран LG E445 (L4 ll Dual) Черный</t>
  </si>
  <si>
    <t>Сенсорный экран LG E450 Optimus L5 ll (чёрный) оригинал 100%</t>
  </si>
  <si>
    <t>Сенсорный экран LG E455 Optimus L5 Dual (White La-Fleur) оригинал 100%</t>
  </si>
  <si>
    <t>Сенсорный экран LG E612 (Optimus L5) Белый оригинал 100%</t>
  </si>
  <si>
    <t>Сенсорный экран LG E612 (Optimus L5) Черный</t>
  </si>
  <si>
    <t>Сенсорный экран LG E612 (Optimus L5) Черный оригинал 100%</t>
  </si>
  <si>
    <t>Сенсорный экран LG E615 (Optimus L5 Dual) Белый</t>
  </si>
  <si>
    <t>Сенсорный экран LG E615 (Optimus L5 Dual) Белый оригинал 100%</t>
  </si>
  <si>
    <t>Сенсорный экран LG E615 (Optimus L5 Dual) Черный</t>
  </si>
  <si>
    <t>Сенсорный экран LG E615 (Optimus L5 Dual) Черный оригинал 100%</t>
  </si>
  <si>
    <t>Сенсорный экран LG GS290 Черный - Оригинал</t>
  </si>
  <si>
    <t>Сенсорный экран LG GS500 Черный</t>
  </si>
  <si>
    <t>Сенсорный экран LG GT540 (Black) оригинал 100%</t>
  </si>
  <si>
    <t>Сенсорный экран LG GT540 (White) оригинал 100%</t>
  </si>
  <si>
    <t>Сенсорный экран LG GT540 Черный</t>
  </si>
  <si>
    <t>Сенсорный экран LG KP500/KP501 Cookie Черный</t>
  </si>
  <si>
    <t>Сенсорный экран LG KS660 Голубой</t>
  </si>
  <si>
    <t>Сенсорный экран LG P350 чёр.оригинал 100%</t>
  </si>
  <si>
    <t>Сенсорный экран LG P500 Optimus One (Black) оригинал 100%</t>
  </si>
  <si>
    <t>Сенсорный экран LG P500 Optimus One (white) оригинал 100%</t>
  </si>
  <si>
    <t>Сенсорный экран LG P520</t>
  </si>
  <si>
    <t>Сенсорный экран LG P690 Optimus Link Black/P696/P692/P698 черный</t>
  </si>
  <si>
    <t>Сенсорный экран LG P690 Optimus Link оригинал 100%</t>
  </si>
  <si>
    <t>Сенсорный экран LG P698 Optimus Link Dual Sim/P690 Optimus Link Black/P692/P696 (Black)оригинал 100%</t>
  </si>
  <si>
    <t>Сенсорный экран LG P705 (Optimus L7) Белый</t>
  </si>
  <si>
    <t>Сенсорный экран LG P705 (Optimus L7) Белый оригинал 100%</t>
  </si>
  <si>
    <t>Сенсорный экран LG P705 (Optimus L7) Черный</t>
  </si>
  <si>
    <t>Сенсорный экран LG P705 (Optimus L7) Черный оригинал 100%</t>
  </si>
  <si>
    <t>Сенсорный экран LG P713 (L7 ll) Белый оригинал 100%</t>
  </si>
  <si>
    <t>Сенсорный экран LG P713 (L7 ll) Черный</t>
  </si>
  <si>
    <t>Сенсорный экран LG P715 (L7 ll Dual) Белый</t>
  </si>
  <si>
    <t>Сенсорный экран LG P765 (Optimus L9) в сборе Белый</t>
  </si>
  <si>
    <t>Сенсорный экран LG P765 (Optimus L9) в сборе Черный оригинал 100%</t>
  </si>
  <si>
    <t>Сенсорный экран LG P875 (Optimus F5) Белый</t>
  </si>
  <si>
    <t>Сенсорный экран LG P875 (Optimus F5) Чёрный</t>
  </si>
  <si>
    <t>Сенсорный экран LG P880 (Optimus 4X HD) Черный</t>
  </si>
  <si>
    <t>Сенсорный экран LG P920 чёрный </t>
  </si>
  <si>
    <t>Сенсорный экран LG P970 Белый - Аналог</t>
  </si>
  <si>
    <t>Сенсорный экран LG P970 Белый-оригинал 100%</t>
  </si>
  <si>
    <t>Сенсорный экран LG P990 Optimus 2X-Белый</t>
  </si>
  <si>
    <t>Сенсорный экран LG P990 Optimus 2X-Чёрный</t>
  </si>
  <si>
    <t>Сенсорный экран LG T300 Черный-оригинал 100%</t>
  </si>
  <si>
    <t>Сенсорный экран LG T315i Черный</t>
  </si>
  <si>
    <t>Сенсорный экран LG T315i Черный-оригинал 100%</t>
  </si>
  <si>
    <t>Сенсорный экран LG T320 Черный</t>
  </si>
  <si>
    <t>Сенсорный экран LG T370/T375 Белый-оригинал 100%</t>
  </si>
  <si>
    <t>Сенсорный экран LG T370/T375 Черный-оригинал 100%</t>
  </si>
  <si>
    <t>Сенсорный экран LG T500/T505/T510/T515 Черный-оригинал 100%</t>
  </si>
  <si>
    <t>Сенсорный экран LG X145 (L60) Белый-оригинал 100%</t>
  </si>
  <si>
    <t>Сенсорный экран LG X145 (L60) Черный-оригинал 100%</t>
  </si>
  <si>
    <t xml:space="preserve">           Сенсорный экран Micromax</t>
  </si>
  <si>
    <t>Сенсорный экран Micromax A104 Canvas Fire 2 Черный</t>
  </si>
  <si>
    <t>Сенсорный экран Micromax A106 Canvas Viva/Unite 2 Черный</t>
  </si>
  <si>
    <t>Сенсорный экран Micromax A107 Canvas Fire 3 Черный</t>
  </si>
  <si>
    <t>Сенсорный экран Micromax A190 Canvas HD Plus Черный</t>
  </si>
  <si>
    <t>Сенсорный экран Micromax A350 Canvas Knight Черный</t>
  </si>
  <si>
    <t>Сенсорный экран Micromax A61 Bolt Черный</t>
  </si>
  <si>
    <t>Сенсорный экран Micromax A69 Bolt Черный</t>
  </si>
  <si>
    <t>Сенсорный экран Micromax A79 Bolt Черный</t>
  </si>
  <si>
    <t>Сенсорный экран Micromax A94 Mad Черный</t>
  </si>
  <si>
    <t>Сенсорный экран Micromax D320 Bolt Черный</t>
  </si>
  <si>
    <t>Сенсорный экран Micromax Q346 Bolt Белый</t>
  </si>
  <si>
    <t>Сенсорный экран Micromax Q346 Bolt Черный</t>
  </si>
  <si>
    <t>Сенсорный экран Micromax Q380 Canvas Spark Черный</t>
  </si>
  <si>
    <t>Сенсорный экран Micromax Q414 Canvas Blaze 4G+ Черный</t>
  </si>
  <si>
    <t>Сенсорный экран Micromax Q424 Bolt Selfie Черный</t>
  </si>
  <si>
    <t xml:space="preserve">           Сенсорный экран Nokia</t>
  </si>
  <si>
    <t>Сенсорный экран Microsoft 430 Dual Черный </t>
  </si>
  <si>
    <t>Сенсорный экран Microsoft 430 Dual Черный - Оригинал 100%</t>
  </si>
  <si>
    <t>Сенсорный экран Microsoft 435 Dual/532 Dual (RM-1069) Черный</t>
  </si>
  <si>
    <t>Сенсорный экран Nokia 202/203 Черный - Оригинал</t>
  </si>
  <si>
    <t>Сенсорный экран Nokia 230 Dual Черный</t>
  </si>
  <si>
    <t>Сенсорный экран Nokia 303 Черный</t>
  </si>
  <si>
    <t>Сенсорный экран Nokia 311 Черный - Аналог</t>
  </si>
  <si>
    <t>Сенсорный экран Nokia 500 Asha Dual Черный</t>
  </si>
  <si>
    <t>Сенсорный экран Nokia 500 Черный в сборе </t>
  </si>
  <si>
    <t>Сенсорный экран Nokia 501/501 Dual Черный</t>
  </si>
  <si>
    <t>Сенсорный экран Nokia 510 Черный</t>
  </si>
  <si>
    <t>Сенсорный экран Nokia 510 Черный оригинал 100%</t>
  </si>
  <si>
    <t>Сенсорный экран Nokia 5230/5228/5235 Белый - Аналог</t>
  </si>
  <si>
    <t>Сенсорный экран Nokia 5230/5228/5235 Черный - Аналог</t>
  </si>
  <si>
    <t>Сенсорный экран Nokia 5250 Черный - Аналог</t>
  </si>
  <si>
    <t>Сенсорный экран Nokia 5530 Черный </t>
  </si>
  <si>
    <t>Сенсорный экран Nokia 5800 Черный - Аналог</t>
  </si>
  <si>
    <t>Сенсорный экран Nokia 600 Черный в сборе</t>
  </si>
  <si>
    <t>Сенсорный экран Nokia 610 в сборе Хром</t>
  </si>
  <si>
    <t>Сенсорный экран Nokia 610 в сборе Черный</t>
  </si>
  <si>
    <t>Сенсорный экран Nokia 620 в сборе Черный REV.3 - Оригинал</t>
  </si>
  <si>
    <t>Сенсорный экран Nokia 625 Черный - Оригинал </t>
  </si>
  <si>
    <t>Сенсорный экран Nokia 701 черный</t>
  </si>
  <si>
    <t>Сенсорный экран Nokia 820 в сборе Черный (оригинал)</t>
  </si>
  <si>
    <t>Сенсорный экран Nokia 820 Черный - Аналог</t>
  </si>
  <si>
    <t>Сенсорный экран Nokia C2-02/C2-03/C2-06/C2-07/C2-08 белый</t>
  </si>
  <si>
    <t>Сенсорный экран Nokia C5-03/C5-06 в сборе Черный - Аналог</t>
  </si>
  <si>
    <t>Сенсорный экран Nokia C6-00 Белый</t>
  </si>
  <si>
    <t>Сенсорный экран Nokia C6-00 в сборе Белый</t>
  </si>
  <si>
    <t>Сенсорный экран Nokia C6-00 в сборе Черный </t>
  </si>
  <si>
    <t>Сенсорный экран Nokia C6-00 в сборе Черный - Оригинал</t>
  </si>
  <si>
    <t>Сенсорный экран Nokia C6-01 без рамки Черный</t>
  </si>
  <si>
    <t>Сенсорный экран Nokia C7-00 в сборе Черный</t>
  </si>
  <si>
    <t>Сенсорный экран Nokia N8 без рамки Черный</t>
  </si>
  <si>
    <t>Сенсорный экран Nokia N900 черный в рамке</t>
  </si>
  <si>
    <t>Сенсорный экран Nokia X Dual (RM-980) Черный</t>
  </si>
  <si>
    <t>Сенсорный экран Nokia X2 Dual (RM-1013) Черный</t>
  </si>
  <si>
    <t>Сенсорный экран Nokia X3-02 </t>
  </si>
  <si>
    <t>Сенсорный экран Nokia X6 черный в рамке </t>
  </si>
  <si>
    <t>Сенсорный экран Nokia XL Dual (RM-1030/RM-1042) Черный</t>
  </si>
  <si>
    <t xml:space="preserve">           Сенсорный экран Philips</t>
  </si>
  <si>
    <t>Сенсорный экран Philips S309 Черный</t>
  </si>
  <si>
    <t>Сенсорный экран Philips S326 Черный</t>
  </si>
  <si>
    <t>Сенсорный экран Philips V377 Черный</t>
  </si>
  <si>
    <t>Сенсорный экран Philips V387 черный</t>
  </si>
  <si>
    <t>Сенсорный экран Philips W3500 Черный</t>
  </si>
  <si>
    <t>Сенсорный экран Philips W3509 Черный</t>
  </si>
  <si>
    <t>Сенсорный экран Philips W626 Черный</t>
  </si>
  <si>
    <t>Сенсорный экран Philips W632 Черный</t>
  </si>
  <si>
    <t>Сенсорный экран Philips W737 Черный</t>
  </si>
  <si>
    <t>1 240</t>
  </si>
  <si>
    <t>Сенсорный экран Philips X518 Белый</t>
  </si>
  <si>
    <t>Сенсорный экран Philips X518 Черный</t>
  </si>
  <si>
    <t>Сенсорный экран Philips X703</t>
  </si>
  <si>
    <t>Сенсорный экран Philips X806 Черный</t>
  </si>
  <si>
    <t>Сенсорный экран Philips X830</t>
  </si>
  <si>
    <t xml:space="preserve">           Сенсорный экран Qtek</t>
  </si>
  <si>
    <t>Сенсорный экран Qtek S100/S110/S200/P525/P535/Rover S5/Eten M500/M600/M600+</t>
  </si>
  <si>
    <t xml:space="preserve">           Сенсорный экран Samsung</t>
  </si>
  <si>
    <t>Сенсорный экран Samsung B7300 Черный</t>
  </si>
  <si>
    <t>Сенсорный экран Samsung B7620 Черный</t>
  </si>
  <si>
    <t>Сенсорный экран Samsung B7722 Чер.оригинал 100%</t>
  </si>
  <si>
    <t>Сенсорный экран Samsung B7722 Черный</t>
  </si>
  <si>
    <t>Сенсорный экран Samsung C3262 белый оригинал 100%</t>
  </si>
  <si>
    <t>Сенсорный экран Samsung C3262 чёрный оригинал 100%</t>
  </si>
  <si>
    <t>Сенсорный экран Samsung C3300 Белый</t>
  </si>
  <si>
    <t>Сенсорный экран Samsung C3312 Белый.оригинал 100%</t>
  </si>
  <si>
    <t>Сенсорный экран Samsung C3510 TV белый</t>
  </si>
  <si>
    <t>Сенсорный экран Samsung C3510 Белый</t>
  </si>
  <si>
    <t>Сенсорный экран Samsung C3510 Чер.оригинал 100%</t>
  </si>
  <si>
    <t>Сенсорный экран Samsung C6712 Черный</t>
  </si>
  <si>
    <t>Сенсорный экран Samsung C6712 Черный оригинал 100%</t>
  </si>
  <si>
    <t>Сенсорный экран Samsung E2652 Белый</t>
  </si>
  <si>
    <t>Сенсорный экран Samsung E2652 Черный</t>
  </si>
  <si>
    <t>Сенсорный экран Samsung E2652 Черный оригинал 100%</t>
  </si>
  <si>
    <t>Сенсорный экран Samsung F480 розовый оригинал 100%</t>
  </si>
  <si>
    <t>Сенсорный экран Samsung F480 Чеpный</t>
  </si>
  <si>
    <t>Сенсорный экран Samsung F490 Черный</t>
  </si>
  <si>
    <t>Сенсорный экран Samsung F700 Черный</t>
  </si>
  <si>
    <t>Сенсорный экран Samsung G130 Белый оригинал 100%</t>
  </si>
  <si>
    <t>Сенсорный экран Samsung G130 Чёрный</t>
  </si>
  <si>
    <t>Сенсорный экран Samsung G313H Белый</t>
  </si>
  <si>
    <t>Сенсорный экран Samsung G313H Белый оригинал 100%</t>
  </si>
  <si>
    <t>Сенсорный экран Samsung G313H Черный</t>
  </si>
  <si>
    <t>Сенсорный экран Samsung G313H Черный оригинал 100%</t>
  </si>
  <si>
    <t>Сенсорный экран Samsung G318H (Ace 4 Neo) Белый</t>
  </si>
  <si>
    <t>Сенсорный экран Samsung G318H (Ace 4 Neo) Белый оригинал 100%</t>
  </si>
  <si>
    <t>Сенсорный экран Samsung G318H DS( Ace 4 Neo) Черный оригинал 100%</t>
  </si>
  <si>
    <t>Сенсорный экран Samsung G350 Белый оригинал 100%</t>
  </si>
  <si>
    <t>Сенсорный экран Samsung G350E Белый</t>
  </si>
  <si>
    <t>Сенсорный экран Samsung G350E Черный</t>
  </si>
  <si>
    <t>Сенсорный экран Samsung G350E Черный оригинал 100%</t>
  </si>
  <si>
    <t>Сенсорный экран Samsung G355H Черный</t>
  </si>
  <si>
    <t>Сенсорный экран Samsung G360H (Core Prime) Серебро оригинал 100%</t>
  </si>
  <si>
    <t>Сенсорный экран Samsung G360H (Core Prime) Серый</t>
  </si>
  <si>
    <t>Сенсорный экран Samsung G360H (Core Prime) Чёрный оригинал 100%</t>
  </si>
  <si>
    <t>Сенсорный экран Samsung G361H (Core Prime VE) Белый</t>
  </si>
  <si>
    <t>Сенсорный экран Samsung G361H (Core Prime VE) Серый</t>
  </si>
  <si>
    <t>Сенсорный экран Samsung G386F Белый</t>
  </si>
  <si>
    <t>Сенсорный экран Samsung G530H Grand Prime Белый</t>
  </si>
  <si>
    <t>Сенсорный экран Samsung G530H Grand Prime Белый оригинал 100%</t>
  </si>
  <si>
    <t>Сенсорный экран Samsung G530H Grand Prime Чёрный</t>
  </si>
  <si>
    <t>Сенсорный экран Samsung G530H Grand Prime Чёрный оригинал 100%</t>
  </si>
  <si>
    <t>Сенсорный экран Samsung G531H DS Grand Prime VE Золото</t>
  </si>
  <si>
    <t>Сенсорный экран Samsung G531H DS Grand Prime VEЗолото оригинал 100%</t>
  </si>
  <si>
    <t>Сенсорный экран Samsung G750F Белый</t>
  </si>
  <si>
    <t>Сенсорный экран Samsung G750F Черный</t>
  </si>
  <si>
    <t>Сенсорный экран Samsung i5700 Белый</t>
  </si>
  <si>
    <t>Сенсорный экран Samsung i8000 Черный</t>
  </si>
  <si>
    <t>Сенсорный экран Samsung i8150 Черный</t>
  </si>
  <si>
    <t>Сенсорный экран Samsung i8160 Белый</t>
  </si>
  <si>
    <t>Сенсорный экран Samsung i8260/i8262 Galaxy Core (синий)</t>
  </si>
  <si>
    <t>Сенсорный экран Samsung i8260/i8262 Galaxy Core(белый)оригинал 100%</t>
  </si>
  <si>
    <t>Сенсорный экран Samsung i8262D (белый)аналог</t>
  </si>
  <si>
    <t>Сенсорный экран Samsung i8552 Белый </t>
  </si>
  <si>
    <t>Сенсорный экран Samsung i8552 Серый</t>
  </si>
  <si>
    <t>Сенсорный экран Samsung i9060 Белый</t>
  </si>
  <si>
    <t>Сенсорный экран Samsung i9060 Черный-оригинал </t>
  </si>
  <si>
    <t>Сенсорный экран Samsung i9082 (чёрный)оригинал 100%</t>
  </si>
  <si>
    <t>Сенсорный экран Samsung i9082 Белый</t>
  </si>
  <si>
    <t>Сенсорный экран Samsung i9082 Синий</t>
  </si>
  <si>
    <t>Сенсорный экран Samsung i9150/i9152 Черный</t>
  </si>
  <si>
    <t>Сенсорный экран Samsung i9295(Galaxy S4 Active) белый</t>
  </si>
  <si>
    <t>Сенсорный экран Samsung i9295(Galaxy S4 Active) серый</t>
  </si>
  <si>
    <t>Сенсорный экран Samsung J100F Белый</t>
  </si>
  <si>
    <t>Сенсорный экран Samsung J100F Белый оригинал 100%</t>
  </si>
  <si>
    <t>Сенсорный экран Samsung J100F Синий</t>
  </si>
  <si>
    <t>Сенсорный экран Samsung J100F Черный</t>
  </si>
  <si>
    <t>Сенсорный экран Samsung J100FN Черный оригинал 100%</t>
  </si>
  <si>
    <t>Сенсорный экран Samsung J100H синий оригинал 100%</t>
  </si>
  <si>
    <t>Сенсорный экран Samsung J105H/J105F Белый</t>
  </si>
  <si>
    <t>Сенсорный экран Samsung J105H/J105F Белый оригинал 100%</t>
  </si>
  <si>
    <t>Сенсорный экран Samsung J105H/J105F Черный </t>
  </si>
  <si>
    <t>Сенсорный экран Samsung J106F Белый</t>
  </si>
  <si>
    <t>Сенсорный экран Samsung J106F Черный </t>
  </si>
  <si>
    <t>Сенсорный экран Samsung J500F Белый</t>
  </si>
  <si>
    <t>Сенсорный экран Samsung J500F Золото</t>
  </si>
  <si>
    <t>Сенсорный экран Samsung J500F Черный</t>
  </si>
  <si>
    <t>Сенсорный экран Samsung N5100/N5110 Чёрный</t>
  </si>
  <si>
    <t>Сенсорный экран Samsung P1000/P1010 белый (оригинал)</t>
  </si>
  <si>
    <t>Сенсорный экран Samsung P1000/P1010 чёрный (оригинал)</t>
  </si>
  <si>
    <t>Сенсорный экран Samsung P3110 Черный</t>
  </si>
  <si>
    <t>Сенсорный экран Samsung P3110 Черный оригинал 100%</t>
  </si>
  <si>
    <t>Сенсорный экран Samsung P3200/P3210/T211-Galaxy Tab 3 7.0 3G белый</t>
  </si>
  <si>
    <t>Сенсорный экран Samsung P3200/P3210/T211-Galaxy Tab 3 7.0 3G чёрный</t>
  </si>
  <si>
    <t>Сенсорный экран Samsung P5200/P5210 Белый</t>
  </si>
  <si>
    <t>Сенсорный экран Samsung P6200/P6210 Белый (оригинал) </t>
  </si>
  <si>
    <t>Сенсорный экран Samsung P7300/P7310/P7320 белый (оригинал)</t>
  </si>
  <si>
    <t>Сенсорный экран Samsung P7300/P7310/P7320 Черный (оригинал)</t>
  </si>
  <si>
    <t>Сенсорный экран Samsung S3370 Белый</t>
  </si>
  <si>
    <t>Сенсорный экран Samsung S3370 Черный</t>
  </si>
  <si>
    <t>Сенсорный экран Samsung S5230 La-Fleur Красный - Аналог</t>
  </si>
  <si>
    <t>Сенсорный экран Samsung S5230 Белый - Аналог</t>
  </si>
  <si>
    <t>Сенсорный экран Samsung S5233TV Черный - Аналог</t>
  </si>
  <si>
    <t>Сенсорный экран Samsung S5250 Wave 525/S5750 Wave 575 (цвет - white) оригинал100%</t>
  </si>
  <si>
    <t>Сенсорный экран Samsung S5250/S5750 Белый</t>
  </si>
  <si>
    <t>Сенсорный экран Samsung S5250/S5750 Черный</t>
  </si>
  <si>
    <t>Сенсорный экран Samsung S5260 Белый</t>
  </si>
  <si>
    <t>Сенсорный экран Samsung S5260 Черный</t>
  </si>
  <si>
    <t>Сенсорный экран Samsung S5282 белый оригинал 100%</t>
  </si>
  <si>
    <t>Сенсорный экран Samsung S5282 чёрный </t>
  </si>
  <si>
    <t>Сенсорный экран Samsung S5292 белый</t>
  </si>
  <si>
    <t>Сенсорный экран Samsung S5292 серый оригинал 100%</t>
  </si>
  <si>
    <t>Сенсорный экран Samsung S5292 чёрный оригинал 100%</t>
  </si>
  <si>
    <t>Сенсорный экран Samsung S5300/S5302 Черный</t>
  </si>
  <si>
    <t>Сенсорный экран Samsung S5300/S5302 Черный оригинал 100%</t>
  </si>
  <si>
    <t>Сенсорный экран Samsung S5310/S5312 белый оригинал 100%</t>
  </si>
  <si>
    <t>Сенсорный экран Samsung S5310/S5312 Серебро</t>
  </si>
  <si>
    <t>Сенсорный экран Samsung S5360/S5363 белый  "home" - квадрат</t>
  </si>
  <si>
    <t>Сенсорный экран Samsung S5360/S5363 белый  "home" - квадрат оригинал 100%</t>
  </si>
  <si>
    <t>Сенсорный экран Samsung S5360/S5363 Черный "home" - квадрат</t>
  </si>
  <si>
    <t>Сенсорный экран Samsung S5360/S5363 Черный "home" - прямоугольник</t>
  </si>
  <si>
    <t>Сенсорный экран Samsung S5360/S5363 Черный ориг.100%"home" - прямоугольник</t>
  </si>
  <si>
    <t>Сенсорный экран Samsung S5380 белый</t>
  </si>
  <si>
    <t>Сенсорный экран Samsung S5380 белый оригинал 100%</t>
  </si>
  <si>
    <t>Сенсорный экран Samsung S5380 Черный</t>
  </si>
  <si>
    <t>Сенсорный экран Samsung S5380 Черный аналог</t>
  </si>
  <si>
    <t>Сенсорный экран Samsung S5660 Белый</t>
  </si>
  <si>
    <t>Сенсорный экран Samsung S5660 Черный оригинал 100%</t>
  </si>
  <si>
    <t>Сенсорный экран Samsung S5830 Белый - Оригинал</t>
  </si>
  <si>
    <t>Сенсорный экран Samsung S5830 Черный</t>
  </si>
  <si>
    <t>Сенсорный экран Samsung S5830i Черный</t>
  </si>
  <si>
    <t>Сенсорный экран Samsung S5830i Черный оригинал 100%</t>
  </si>
  <si>
    <t>Сенсорный экран Samsung S6102  Galaxy Y Duos La'Fleur розовый оригинал 100%</t>
  </si>
  <si>
    <t>Сенсорный экран Samsung S6102 Galaxy Y Duos белый</t>
  </si>
  <si>
    <t>Сенсорный экран Samsung S6102 Galaxy Y Duos белый оригинал 100%</t>
  </si>
  <si>
    <t>Сенсорный экран Samsung S6102 Galaxy Y Duos черный</t>
  </si>
  <si>
    <t>Сенсорный экран Samsung S6312 белый оригинал 100%</t>
  </si>
  <si>
    <t>Сенсорный экран Samsung S6312 серебро</t>
  </si>
  <si>
    <t>Сенсорный экран Samsung S6312 синий</t>
  </si>
  <si>
    <t>Сенсорный экран Samsung S6500 Чёрный</t>
  </si>
  <si>
    <t>Сенсорный экран Samsung S6500 Чёрный оригинал 100%</t>
  </si>
  <si>
    <t>Сенсорный экран Samsung S6790 Белый</t>
  </si>
  <si>
    <t>Сенсорный экран Samsung S6790 Белый оригинал 100%</t>
  </si>
  <si>
    <t>Сенсорный экран Samsung S6790 Чёрный</t>
  </si>
  <si>
    <t>Сенсорный экран Samsung S6802 розовый оригинал 100%</t>
  </si>
  <si>
    <t>Сенсорный экран Samsung S6802 Чёр.оригинал</t>
  </si>
  <si>
    <t>Сенсорный экран Samsung S6810/S6812 (Galaxy Fame) белый </t>
  </si>
  <si>
    <t>Сенсорный экран Samsung S6810/S6812 (Galaxy Fame) синий </t>
  </si>
  <si>
    <t>Сенсорный экран Samsung S6810/S6812 (Galaxy Fame) синий оригинал 100%</t>
  </si>
  <si>
    <t>Сенсорный экран Samsung S7230 Чёрный</t>
  </si>
  <si>
    <t>Сенсорный экран Samsung S7262 (Galaxy Star Plus) белый</t>
  </si>
  <si>
    <t>Сенсорный экран Samsung S7262 (Galaxy Star Plus) белый оригинал 100%</t>
  </si>
  <si>
    <t>Сенсорный экран Samsung S7262 (Galaxy Star Plus) чёрный оригинал 100%</t>
  </si>
  <si>
    <t>Сенсорный экран Samsung S7270/S7272 Бел.</t>
  </si>
  <si>
    <t>Сенсорный экран Samsung S7270/S7272 Чёр.</t>
  </si>
  <si>
    <t>Сенсорный экран Samsung S7270/S7272 Чёр.оригинал 100%</t>
  </si>
  <si>
    <t>Сенсорный экран Samsung S7390/S7392 Galaxy Trand Бел.оригинал 100%</t>
  </si>
  <si>
    <t>Сенсорный экран Samsung S7390/S7392 Galaxy Trand Белый</t>
  </si>
  <si>
    <t>Сенсорный экран Samsung S7500 Белый</t>
  </si>
  <si>
    <t>Сенсорный экран Samsung S7500 Черный</t>
  </si>
  <si>
    <t>Сенсорный экран Samsung S7562 Galaxy S Duos белый оригинал 100%</t>
  </si>
  <si>
    <t>Сенсорный экран Samsung S8300 черный</t>
  </si>
  <si>
    <t>Сенсорный экран Samsung S8530 черный</t>
  </si>
  <si>
    <t>Сенсорный экран Samsung T111 (GalaxyTab 3 Lite 3G 7.0) белый</t>
  </si>
  <si>
    <t>Сенсорный экран Samsung T111 (GalaxyTab 3 Lite 3G 7.0) черный</t>
  </si>
  <si>
    <t>Сенсорный экран Samsung T230 Tab 4 7.0 Wi-Fi Белый</t>
  </si>
  <si>
    <t>Сенсорный экран Samsung T230 Tab 4 7.0 Wi-Fi Чёрный</t>
  </si>
  <si>
    <t>Сенсорный экран Samsung T231 Tab 4 7.0 3G Белый</t>
  </si>
  <si>
    <t>Сенсорный экран Samsung T310-Galaxy Tab 3 8.0  белый</t>
  </si>
  <si>
    <t>Сенсорный экран Samsung T311 Tab 3 8.0 Белый</t>
  </si>
  <si>
    <t>Сенсорный экран Samsung T320 Tab Pro 8.4 чёрный</t>
  </si>
  <si>
    <t>Сенсорный экран Samsung T325 Tab Pro 8.4" LTE Черны</t>
  </si>
  <si>
    <t>Сенсорный экран Samsung T350 (Tab A 8.0" Wi-Fi) Белый</t>
  </si>
  <si>
    <t>Сенсорный экран Samsung T520/T525-Galaxy Tab Pro 10.1  чёрный</t>
  </si>
  <si>
    <t>Сенсорный экран Samsung T800/T805-Galaxy Tab S 10.5  белый</t>
  </si>
  <si>
    <t>Сенсорный экран Samsung М8800 Черный</t>
  </si>
  <si>
    <t>Сенсорный экран Samsung М8910 Черный</t>
  </si>
  <si>
    <t xml:space="preserve">           Сенсорный экран SonyEricsson</t>
  </si>
  <si>
    <t>Сенсорный экран Sony C1505 (Xperia E)/C1605 (Xperia E Dual) белый</t>
  </si>
  <si>
    <t>Сенсорный экран Sony C1505 (Xperia E)/C1605 (Xperia E Dual) черный</t>
  </si>
  <si>
    <t>Сенсорный экран Sony C1905 (Xperia M)/C1904/C2005 (Xperia M dual) черный аналог</t>
  </si>
  <si>
    <t>Сенсорный экран Sony C2304/C2305 (Xperia C) белый</t>
  </si>
  <si>
    <t>Сенсорный экран Sony C2304/C2305 (Xperia C) черный</t>
  </si>
  <si>
    <t>Сенсорный экран Sony C5302/C5303 (Xperia SP) белый</t>
  </si>
  <si>
    <t>Сенсорный экран Sony D2004/D2005/D2104/D2105/D2114 Xperia E1/E1 Dual черный</t>
  </si>
  <si>
    <t>Сенсорный экран Sony D2203/D2212 (E3/E3 Dual) Черный</t>
  </si>
  <si>
    <t>Сенсорный экран Sony D2403 (M2 Aqua) Черный</t>
  </si>
  <si>
    <t>Сенсорный экран Sony D2533/D2502 (C3/C3 Dual) Черный</t>
  </si>
  <si>
    <t>Сенсорный экран Sony D5103 белый</t>
  </si>
  <si>
    <t>Сенсорный экран Sony E2003/E2033 (E4g/E4g Dual) Черный</t>
  </si>
  <si>
    <t>Сенсорный экран Sony E2105/E2115 (E4/E4 Dual) Черный</t>
  </si>
  <si>
    <t>Сенсорный экран Sony E5303/E5333 (C4/C4 Dual) Белый</t>
  </si>
  <si>
    <t>Сенсорный экран Sony E5303/E5333 (C4/C4 Dual) Черный</t>
  </si>
  <si>
    <t>Сенсорный экран Sony MT27i (Sola) Черный</t>
  </si>
  <si>
    <t>Сенсорный экран Sony SK17i Xperia mini Pro черный</t>
  </si>
  <si>
    <t>Сенсорный экран Sony ST17i Xperia Аctive</t>
  </si>
  <si>
    <t>Сенсорный экран Sony ST21i/ST21i2 (Tipo/Tipo Dual) Черный аналог</t>
  </si>
  <si>
    <t>Сенсорный экран Sony ST23i Xperia Miro черный</t>
  </si>
  <si>
    <t>Сенсорный экран Sony ST25i (U) Черный</t>
  </si>
  <si>
    <t>Сенсорный экран Sony ST26i (Xperia J) </t>
  </si>
  <si>
    <t>Сенсорный экран Sony ST27i (Go) Черный</t>
  </si>
  <si>
    <t>Сенсорный экран Sony Tablet S (SGP-T111/T112/T113/T114) черный</t>
  </si>
  <si>
    <t>Сенсорный экран Sony Tablet Z (SGP311/SGP312) черный</t>
  </si>
  <si>
    <t>Сенсорный экран SonyEricsson E10i (X10 Mini) Черный</t>
  </si>
  <si>
    <t>Сенсорный экран SonyEricsson E15i (X8)</t>
  </si>
  <si>
    <t>Сенсорный экран SonyEricsson MT15i (Neo)/MT11i (Neo V) Черный</t>
  </si>
  <si>
    <t>Сенсорный экран SonyEricsson P900/P910</t>
  </si>
  <si>
    <t>Сенсорный экран SonyEricsson U1i (Satio) Чер. - AA</t>
  </si>
  <si>
    <t>Сенсорный экран SonyEricsson U8i (Vivaz Pro) Чер. - AA</t>
  </si>
  <si>
    <t>Сенсорный экран SonyEricsson U8i (Vivaz Pro) Чер.-оригинал</t>
  </si>
  <si>
    <t>Сенсорный экран SonyEricsson W960 Черный</t>
  </si>
  <si>
    <t>Сенсорный экран SonyEricsson WT19i Черный</t>
  </si>
  <si>
    <t>Сенсорный экран SonyEricsson X1</t>
  </si>
  <si>
    <t>Сенсорный экран SonyEricsson X10 в сборе черный (оригинал)</t>
  </si>
  <si>
    <t>Сенсорный экран SonyEricsson X10i Бел. - Оригинал</t>
  </si>
  <si>
    <t>Сенсорный экран SonyEricsson X2</t>
  </si>
  <si>
    <t xml:space="preserve">           Сенсорный экран Tele2</t>
  </si>
  <si>
    <t>Сенсорный экран Tele2 maxi (1.1) Черный</t>
  </si>
  <si>
    <t>Сенсорный экран Tele2 Midi LTE/Midi 1.1 Чёрный</t>
  </si>
  <si>
    <t>Сенсорный экран Tele2 midi Белый</t>
  </si>
  <si>
    <t>Сенсорный экран Tele2 midi Черный</t>
  </si>
  <si>
    <t>Сенсорный экран Tele2 Mini 1.1 Белый</t>
  </si>
  <si>
    <t>Сенсорный экран Tele2 Mini 1.1 Чёрный</t>
  </si>
  <si>
    <t>Сенсорный экран Tele2 mini Белый</t>
  </si>
  <si>
    <t>Сенсорный экран Tele2 mini Черный</t>
  </si>
  <si>
    <t xml:space="preserve">           Сенсорный экран Xiaomi</t>
  </si>
  <si>
    <t>Сенсорный экран Xiaomi Mi 4C/Mi 4i Черный</t>
  </si>
  <si>
    <t>Сенсорный экран Xiaomi Mi 4s Белый</t>
  </si>
  <si>
    <t>Сенсорный экран Xiaomi Mi 4s Черный</t>
  </si>
  <si>
    <t>Сенсорный экран Xiaomi Mi Max Белый</t>
  </si>
  <si>
    <t>Сенсорный экран Xiaomi Mi Note/Mi Note Pro Черный</t>
  </si>
  <si>
    <t>Сенсорный экран Xiaomi Redmi 2/Redmi 2 EE Черный</t>
  </si>
  <si>
    <t>Сенсорный экран Xiaomi Redmi 3 Белый</t>
  </si>
  <si>
    <t>Сенсорный экран Xiaomi Redmi 3 Черный</t>
  </si>
  <si>
    <t>Сенсорный экран Xiaomi Redmi Note 3 Черный</t>
  </si>
  <si>
    <t>Сенсорный экран Xiaomi Redmi Note 4 Белый</t>
  </si>
  <si>
    <t>Сенсорный экран Xiaomi Redmi Note 4 Черный</t>
  </si>
  <si>
    <t xml:space="preserve">           Сенсорный экран ZTE</t>
  </si>
  <si>
    <t>Сенсорный экран ZTE Blade AF5 Черный</t>
  </si>
  <si>
    <t>Сенсорный экран ZTE Blade L3 Черный</t>
  </si>
  <si>
    <t>Сенсорный экран ZTE V790 чёрный</t>
  </si>
  <si>
    <t>Сенсорный экран ZTE V807 Черный</t>
  </si>
  <si>
    <t>Сенсорный экран ZTE V815W (Kis 2 Max)/МТС Smart Start/Билайн Смарт 3 Белый</t>
  </si>
  <si>
    <t>Сенсорный экран ZTE V815W (Kis 2 Max)/МТС Smart Start/Билайн Смарт 3 Чёрный</t>
  </si>
  <si>
    <t>Сенсорный экран ZTE V818 (Blade 2) Черный</t>
  </si>
  <si>
    <t>Сенсорный экран ZTE V830 (Blade G Lux) Черный</t>
  </si>
  <si>
    <t>Сенсорный экран ZTE V880 Blade (Билайн E400/Мегафон SP-5) черный</t>
  </si>
  <si>
    <t>Сенсорный экран ZTE V880 E Dual sim черный(ZTE V807)</t>
  </si>
  <si>
    <t>Сенсорный экран ZTE V881 Blade+ черный</t>
  </si>
  <si>
    <t>Сенсорный экран ZTE V889D чёрный</t>
  </si>
  <si>
    <t>Сенсорный экран ZTE V993W (Blade HN) Черный</t>
  </si>
  <si>
    <t xml:space="preserve">           Сенсорный экран остальное</t>
  </si>
  <si>
    <t>Сенсорный экран 5.0'' MCF-050-0995-V2 (139*70 mm) Черный</t>
  </si>
  <si>
    <t>Сенсорный экран 5.5'' MCF-055-0991-V4 (154*75 mm) Черный</t>
  </si>
  <si>
    <t>Сенсорный экран 5.5" G5247_A1 (Мегафон Login+) Черный</t>
  </si>
  <si>
    <t>Сенсорный экран МТС Smart Start 2 Черный</t>
  </si>
  <si>
    <t>Сенсорный экран универсальный 2,2" (51*37 мм)</t>
  </si>
  <si>
    <t>Сенсорный экран универсальный 2,4"</t>
  </si>
  <si>
    <t>Сенсорный экран универсальный 3,2"</t>
  </si>
  <si>
    <t>Сенсорный экран универсальный 3,4"</t>
  </si>
  <si>
    <t>Сенсорный экран универсальный 3,5"</t>
  </si>
  <si>
    <t>Сенсорный экран универсальный 3,5" (80*47 мм) (N8 china)</t>
  </si>
  <si>
    <t>Сенсорный экран универсальный 3,5" (83*54 мм)</t>
  </si>
  <si>
    <t>Сенсорный экран универсальный 3,9" (52*87 мм.) (для Nokia N9 China)</t>
  </si>
  <si>
    <t>Сенсорный экран универсальный 3.9" (87*52 мм) (N9 china)</t>
  </si>
  <si>
    <t>Сенсорный экран универсальный 37*47</t>
  </si>
  <si>
    <t>Сенсорный экран универсальный 37*51</t>
  </si>
  <si>
    <t>Сенсорный экран универсальный 4,0" GPS(77х65)шлейф внизу слева</t>
  </si>
  <si>
    <t>Сенсорный экран универсальный 4,1" GPS(65х84)шлейф внизу слева</t>
  </si>
  <si>
    <t>Сенсорный экран универсальный 4,2" (57*96 мм.) (для Samsung i9100 China)</t>
  </si>
  <si>
    <t>Сенсорный экран универсальный 4,3"</t>
  </si>
  <si>
    <t>Сенсорный экран универсальный 40*67</t>
  </si>
  <si>
    <t>Сенсорный экран универсальный 41*54</t>
  </si>
  <si>
    <t>Сенсорный экран универсальный 42*59 шлейф слева</t>
  </si>
  <si>
    <t>Сенсорный экран универсальный 42*59 шлейф справа</t>
  </si>
  <si>
    <t>Сенсорный экран универсальный 42*60</t>
  </si>
  <si>
    <t>Сенсорный экран универсальный 43*74</t>
  </si>
  <si>
    <t>Сенсорный экран универсальный 44*60/i2000</t>
  </si>
  <si>
    <t>Сенсорный экран универсальный 45*76/C3000</t>
  </si>
  <si>
    <t>Сенсорный экран универсальный 49*69 E-71</t>
  </si>
  <si>
    <t>Сенсорный экран универсальный 49*69/C2000</t>
  </si>
  <si>
    <t>Сенсорный экран универсальный 5,3" GPS</t>
  </si>
  <si>
    <t>Сенсорный экран универсальный 50*45 E-71</t>
  </si>
  <si>
    <t>Сенсорный экран универсальный 5800/X6 china в сборе</t>
  </si>
  <si>
    <t>Сенсорный экран универсальный 8K1465 (5800/X6 china)</t>
  </si>
  <si>
    <t>Сенсорный экран универсальный C5000</t>
  </si>
  <si>
    <t>Сенсорный экран универсальный E-71в сборе</t>
  </si>
  <si>
    <t>Сенсорный экран универсальный IPhone</t>
  </si>
  <si>
    <t>Сенсорный экран универсальный N8</t>
  </si>
  <si>
    <t>Сенсорный экран универсальный N8 тип 5</t>
  </si>
  <si>
    <t>Сенсорный экран универсальный N8 тип 6</t>
  </si>
  <si>
    <t>Сенсорный экран универсальный nokia X6</t>
  </si>
  <si>
    <t>Сенсорный экран универсальный nokia X6 тип 3</t>
  </si>
  <si>
    <t>Сенсорный экран универсальный nokia X6 тип 5</t>
  </si>
  <si>
    <t xml:space="preserve">           Сенсорный экран Планшет</t>
  </si>
  <si>
    <t>Сенсорный экран 10.1'' 10112-0C4826B Черный</t>
  </si>
  <si>
    <t>Сенсорный экран 10.1'' 300-L3709J-A00 Черный</t>
  </si>
  <si>
    <t>Сенсорный экран 10.1'' DH-1007A1-FPC033-V3.0 Черный</t>
  </si>
  <si>
    <t>Сенсорный экран 10.1'' Digma CITI Kids 10 MT8321 Черный</t>
  </si>
  <si>
    <t>Сенсорный экран 10.1'' E-C10002-02 (DNS AirTab) (252*160 mm) Черный</t>
  </si>
  <si>
    <t>Сенсорный экран 10.1'' F-WGJ10145-V2 (254*162 mm) Черный</t>
  </si>
  <si>
    <t>Сенсорный экран 10.1'' F-WGJ10157-V5 Черный</t>
  </si>
  <si>
    <t>Сенсорный экран 10.1'' F-WGJ10163-V1/V4 (256*145 mm) (Explay Oxide) Белый</t>
  </si>
  <si>
    <t>Сенсорный экран 10.1'' FPC017H V2.0 Черный</t>
  </si>
  <si>
    <t>Сенсорный экран 10.1'' HN10001 (247*160 mm) Черный</t>
  </si>
  <si>
    <t>Сенсорный экран 10.1'' Pad 1042 (242*164 mm) Черный</t>
  </si>
  <si>
    <t>Сенсорный экран 10.1'' PB101A9092-R1 (257*160 mm) (Digma Plane 10.3/10.4 3G) Черный</t>
  </si>
  <si>
    <t>Сенсорный экран 10.1'' QSD 701-10059-02 (257*160 mm)(iconBI,Explay Prime,Explay,Digma)Бел.</t>
  </si>
  <si>
    <t>Сенсорный экран 10.1'' QSD 702-10016-02 (259*169 mm) (Ritmix RMD-1027) Черный</t>
  </si>
  <si>
    <t>Сенсорный экран 10.1'' QSD E-C10068-01 (257*159 mm) Белый</t>
  </si>
  <si>
    <t>Сенсорный экран 10.1'' Ritmix RMD-1025 (белый)</t>
  </si>
  <si>
    <t>Сенсорный экран 10.1'' Ritmix RMD-1025 (чёрный)</t>
  </si>
  <si>
    <t>Сенсорный экран 10.1'' RS10F130_V1.3 (267*155 mm) Черный</t>
  </si>
  <si>
    <t>Сенсорный экран 10.1'' YCF0528-101/YCF0528-B Черный</t>
  </si>
  <si>
    <t>Сенсорный экран 10.1'' YJ406FPC-V1 (IRBIS TZ161) Черный</t>
  </si>
  <si>
    <t>Сенсорный экран 10.1'' YLD-CEGA300-FPC-A0 (240*162 mm) Черный</t>
  </si>
  <si>
    <t>Сенсорный экран 10.1'' YTG-P10005-F1 P26004A-LLT (257*170 mm) (Ritmix RDM-1029) Черный</t>
  </si>
  <si>
    <t>Сенсорный экран 10.1'' YTG-P10025-F1 (257*160 mm) Черный</t>
  </si>
  <si>
    <t>Сенсорный экран 7 138</t>
  </si>
  <si>
    <t>Сенсорный экран 7 7040</t>
  </si>
  <si>
    <t>Сенсорный экран 7 9015</t>
  </si>
  <si>
    <t>Сенсорный экран 7 A0812( Mid) 173x105 mm.</t>
  </si>
  <si>
    <t>Сенсорный экран 7 Q88</t>
  </si>
  <si>
    <t>Сенсорный экран 7.0'' 04-0700-0618/SLC07061AE0B-V0 Digma IDnD7 Черный</t>
  </si>
  <si>
    <t>Сенсорный экран 7.0'' 04-0700-0866 V1 (186*105 mm) (Digma Plane TT702M 3G) (51 pin) Черный</t>
  </si>
  <si>
    <t>Сенсорный экран 7.0'' 300-N3400B-A00-VER1.1 (182*116 mm) (Ritmix, Explay) Черный</t>
  </si>
  <si>
    <t>Сенсорный экран 7.0'' 300-N3690P-A00-V1.0 (182*103 mm) Черный</t>
  </si>
  <si>
    <t>Сенсорный экран 7.0'' CZY6473C02-FPC (186*104 mm) Черный</t>
  </si>
  <si>
    <t>Сенсорный экран 7.0'' DX0073-070A FPC (173*105 mm) Черный</t>
  </si>
  <si>
    <t>Сенсорный экран 7.0'' FM704201TE (189*118 mm) (Digma) Белый</t>
  </si>
  <si>
    <t>Сенсорный экран 7.0'' FM704201TE (189*118 mm) (Digma) Чёрный</t>
  </si>
  <si>
    <t>Сенсорный экран 7.0'' FPC-70C2-V03 (Irbis TG-72, Supra M722G) Черный</t>
  </si>
  <si>
    <t>Сенсорный экран 7.0'' FPC-753AO-V02/ZLD07002707/WJ932-FPC V1.0(185*107 mm) (Билайн, Supra) Черный</t>
  </si>
  <si>
    <t>Сенсорный экран 7.0'' FPC-CTP-0700-135-2 (Prestigio PMT5777) Черный</t>
  </si>
  <si>
    <t>Сенсорный экран 7.0'' FPC-FC70J835-01 (185*107 mm) (Билайн) Черный</t>
  </si>
  <si>
    <t>Сенсорный экран 7.0'' FPC-FC70S589-00/FPC-FC70S91чёрн.(Explay Hit,Mystery,MID-703G,ORRO A960,Oysters</t>
  </si>
  <si>
    <t>Сенсорный экран 7.0'' FPC-FC70S596-02 (191*114 mm) Черный</t>
  </si>
  <si>
    <t>Сенсорный экран 7.0'' FPC-FC70S658-00 (191,5*117 mm) Черный</t>
  </si>
  <si>
    <t>Сенсорный экран 7.0'' FPC-FC70S786-00 FHX (184*104 mm)( билайн таб фаст) Черный</t>
  </si>
  <si>
    <t>Сенсорный экран 7.0'' FPC-TP070015(716)-02 (184*108 mm) (Hyundai, Yuandao) Белый</t>
  </si>
  <si>
    <t>Сенсорный экран 7.0'' FPC-TP070015(716)-02 (184*108 mm) (Hyundai, Yuandao) Чёрный</t>
  </si>
  <si>
    <t>Сенсорный экран 7.0'' FPC-TP070341 (188*108 mm) Белый</t>
  </si>
  <si>
    <t>Сенсорный экран 7.0'' FPC-TP070341 (188*108 mm) Чёрный</t>
  </si>
  <si>
    <t>Сенсорный экран 7.0'' FPC-TP070360(Q87)-01 (188*105 mm) Черный</t>
  </si>
  <si>
    <t>Сенсорный экран 7.0'' FPC-TPT-070-109-01 (190*117.5 mm) (DNS M74) Черный</t>
  </si>
  <si>
    <t>Сенсорный экран 7.0'' GF7033A2-PG (186*106 mm) Черный</t>
  </si>
  <si>
    <t>Сенсорный экран 7.0'' GKG0362A (190*119 mm) (Dns Air Tab E79) Черный</t>
  </si>
  <si>
    <t>Сенсорный экран 7.0'' GT07005A (188*105 mm) (TreeLogic Brevis 714DC 3G) Черный</t>
  </si>
  <si>
    <t>Сенсорный экран 7.0'' HC184104C1 FPC021H V2.0 (184*104 mm) Черный</t>
  </si>
  <si>
    <t>Сенсорный экран 7.0'' HY TPC-51055 v3.0/FPC-CY70S182-00 (186*104 mm) Черный</t>
  </si>
  <si>
    <t>Сенсорный экран 7.0'' MGLCTP-001 (183*112 mm) Черный</t>
  </si>
  <si>
    <t>Сенсорный экран 7.0'' MH7001T-00FPC (186*113 mm) (Digma, IconBit, ZTE) Черный</t>
  </si>
  <si>
    <t>Сенсорный экран 7.0'' MT70326-V1 (Supra M748G) Черный</t>
  </si>
  <si>
    <t>Сенсорный экран 7.0'' OLM-070B0435-FPC (185*104 mm) Белый</t>
  </si>
  <si>
    <t>Сенсорный экран 7.0'' OLM-070B0435-FPC (185*104 mm) Чёрный</t>
  </si>
  <si>
    <t>Сенсорный экран 7.0'' PB70A8572-R1 Texet TM-7047HD 3G Черный</t>
  </si>
  <si>
    <t>Сенсорный экран 7.0'' PB70JG9391 (188*105 mm) (Texet TM-7058) Черный</t>
  </si>
  <si>
    <t>Сенсорный экран 7.0'' Prestigio MultiPad PMT3797 Черный</t>
  </si>
  <si>
    <t>Сенсорный экран 7.0'' PXO0705116A191-FPC (180*105 mm) Черный</t>
  </si>
  <si>
    <t>Сенсорный экран 7.0'' RYHC026FPC-V0 (189*113 mm) Черный</t>
  </si>
  <si>
    <t>Сенсорный экран 7.0'' SG5137A-FPC-V1 (187*113 mm) Черный</t>
  </si>
  <si>
    <t>Сенсорный экран 7.0'' SG5208A-FPC-V0 Wexler tab 7000 Черный без рамки (оригинал 100%)</t>
  </si>
  <si>
    <t>Сенсорный экран 7.0'' SG5297A-FPC-V1 (187*116 mm) Черный</t>
  </si>
  <si>
    <t>Сенсорный экран 7.0'' SG5740A-FPC V5-1 (BQ-7054) Черный (с вырезом) Билайн</t>
  </si>
  <si>
    <t>Сенсорный экран 7.0'' SG5740A-FPC V5-1 (Texet TM-7032) Черный (без выреза)</t>
  </si>
  <si>
    <t>Сенсорный экран 7.0'' TOPSUN_C0021_A1 (184*113 mm) (Gemei G2/G2LE) Черный</t>
  </si>
  <si>
    <t>Сенсорный экран 7.0'' TOPSUN_G7021_A1 (191*110mm) Чёрный</t>
  </si>
  <si>
    <t>Сенсорный экран 7.0'' TOPSUN_MID711A-A1 XC-1537 (195*117 mm) Черный</t>
  </si>
  <si>
    <t>Сенсорный экран 7.0'' TOPSUN-C0019-A2 (178*114 mm) Черный</t>
  </si>
  <si>
    <t>Сенсорный экран 7.0'' TOPSUN-C870-CA (193*113 mm) Черный</t>
  </si>
  <si>
    <t>Сенсорный экран 7.0'' TOPSUN-G7079-A1 (191*113 mm) Черный</t>
  </si>
  <si>
    <t>Сенсорный экран 7.0'' TP070247(V1801)-01 (183*115 mm) Белый</t>
  </si>
  <si>
    <t>Сенсорный экран 7.0'' TPC-50164 (189*117 mm) Черный</t>
  </si>
  <si>
    <t>Сенсорный экран 7.0'' TPC-51120 v2.0/FPC-C070T1283 (190*106 mm) (Digma Optima 7.2 3G) Черный</t>
  </si>
  <si>
    <t>Сенсорный экран 7.0'' TPC1463/TPT-070-360 FHX ver. 5.0 (187*114 mm) (Мегафон Login 3) Белый</t>
  </si>
  <si>
    <t>Сенсорный экран 7.0'' TPC1463/TPT-070-360 FHX ver. 5.0 (187*114 mm) (Мегафон Login 3) Черный</t>
  </si>
  <si>
    <t>Сенсорный экран 7.0'' WGJ7333-V1 (188*118 mm) Черный</t>
  </si>
  <si>
    <t>Сенсорный экран 7.0'' XC-PG0700-136-A1 (185*111 mm) (DEXP Ursus KX170) Черный</t>
  </si>
  <si>
    <t>Сенсорный экран 7.0'' XD-12-12-08/QSD E-C7058-03 (187*107 mm) Черный</t>
  </si>
  <si>
    <t>Сенсорный экран 7.0'' XX-70030 (173*105 mm) Черный</t>
  </si>
  <si>
    <t>Сенсорный экран 7.0'' ZHC-0365B (188*107 mm) Черный</t>
  </si>
  <si>
    <t>Сенсорный экран 7.0'' ZHC-Q8-057A (174*105 mm) (TurboKids S2/SkyTiger ST-704) Белый</t>
  </si>
  <si>
    <t>Сенсорный экран 7.85'' 80701-0A4791C (198*134 mm) (teXet TM-7863) Черный</t>
  </si>
  <si>
    <t>Сенсорный экран 7.85'' DPT 300-L4541J-C00 (195*130 mm) (Texet) Черный</t>
  </si>
  <si>
    <t>Сенсорный экран 7.85'' FPC-TP785030-00 (202*134 mm) (Oysters T82) Черный</t>
  </si>
  <si>
    <t>Сенсорный экран 7.85'' JNS-37-FPC-A3 Черный</t>
  </si>
  <si>
    <t>Сенсорный экран 7.85'' PB80JG9461-R2 (Prestigio MultiPad PMP880TD) Черный</t>
  </si>
  <si>
    <t>Сенсорный экран 7.85'' SQD E-C08057 (198*132 mm) Белый</t>
  </si>
  <si>
    <t>Сенсорный экран 7.85'' Texet TM-7854/TM-7853 (rev1) чёрный оригинал 100%</t>
  </si>
  <si>
    <t>Сенсорный экран 7.85'' Texet TM-7858 3G(rev1) чёрный оригинал 100%</t>
  </si>
  <si>
    <t>Сенсорный экран 7.85'' TPC-51117 (197*133 mm) (Chiwi V88HD) Белый</t>
  </si>
  <si>
    <t>Сенсорный экран 8.0'' 300-L3759A-A00-V1.0 (213*155 mm)(Texet TM-8041HD) Чёрный</t>
  </si>
  <si>
    <t>Сенсорный экран 8.0'' 300-N3708-B00 Черный</t>
  </si>
  <si>
    <t>Сенсорный экран 8.0'' CTP080088-03 (201*153 mm) (Prestigio MultiPad 2 7280C 3G) Белый</t>
  </si>
  <si>
    <t>Сенсорный экран 8.0'' CTP080088-03 (201*153 mm) (Prestigio MultiPad 2 7280C 3G) Черный</t>
  </si>
  <si>
    <t>Сенсорный экран 8.0'' HOTATOUHC152201A1 (198*149 mm) Prestigio MultiPad PMP5580C черный </t>
  </si>
  <si>
    <t>Сенсорный экран 8.0'' OLM-080C0495-FPC Ver.2 (211*124 mm) Белый</t>
  </si>
  <si>
    <t>Сенсорный экран 8.0'' QSD E-C8015-01 (203*145 mm) (Digma IDsQ8) Белый</t>
  </si>
  <si>
    <t>Сенсорный экран 8.0'' QSD E-C8015-01 (203*145 mm) (Digma IDsQ8) Черный</t>
  </si>
  <si>
    <t>Сенсорный экран 8.0'' QSD E-C8037-02 (196*131 mm) (45 pin) Черный</t>
  </si>
  <si>
    <t>Сенсорный экран 8.0'' YCF0450-A (196*131 mm) (Explay Trend 3G) Черный</t>
  </si>
  <si>
    <t>Сенсорный экран 8.0" FPC-FC80S180-FC80S120 (6 pin) Черный</t>
  </si>
  <si>
    <t>Сенсорный экран 9.0'' 100-089F-1120 (231*146 mm) (IconBIT NT-3909T) Черный</t>
  </si>
  <si>
    <t>Сенсорный экран 9.0'' FC90S098(D90)-00 (233*142 mm) Черный</t>
  </si>
  <si>
    <t>Сенсорный экран 9.0'' FPC-FC90S072-00 Черный</t>
  </si>
  <si>
    <t>Сенсорный экран 9.0'' FPC-TP090021(M907)-00 (233*143 mm) Черный</t>
  </si>
  <si>
    <t>Сенсорный экран 9.0'' MF-772-090F-3 Черный</t>
  </si>
  <si>
    <t>Сенсорный экран 9.0'' QSD 702-09017-03 Черный</t>
  </si>
  <si>
    <t>Сенсорный экран 9.0'' QSD-702-09038-01 (234*151 mm) Черный</t>
  </si>
  <si>
    <t>Сенсорный экран 9.0'' TPC90006(A16P)-00 (232*141 mm) Черный</t>
  </si>
  <si>
    <t>Сенсорный экран 9.0" 300-N3849M-A00-V1.0 Черный</t>
  </si>
  <si>
    <t>Сенсорный экран 9.7'' 04-0970-0938 V1 (236*183 mm) (Explay CinemaTV 3G) Черный</t>
  </si>
  <si>
    <t>Сенсорный экран 9.7'' 097096-01A-V2/PB97A839 (237*182 mm) (Ritmix RMD-1080/Explay Squad 9.71) Черный</t>
  </si>
  <si>
    <t>Сенсорный экран 9.7'' 300-L4567K-B00 (236*183 mm) (Rover, Ritmix, DNS) Черный</t>
  </si>
  <si>
    <t>Сенсорный экран 9.7'' C237180A1-GG FPC613DR (238*180 mm) (Texet, Ritmix, Dns) Черный</t>
  </si>
  <si>
    <t>Сенсорный экран 9.7'' F-WGJ97114-V3 (236*164 mm) Белый</t>
  </si>
  <si>
    <t>Сенсорный экран 9.7'' PB97DR8073/S-C97055-02 (236.5*183.5 mm) (Dns) Черный</t>
  </si>
  <si>
    <t>Сенсорный экран 9.7'' PB97JG8671-R1 Черный (Texet TM-9750HD)</t>
  </si>
  <si>
    <t>Сенсорный экран 9.7'' QSD E-C97055-02 (236*183 mm) Черный</t>
  </si>
  <si>
    <t>Сенсорный экран 9.7'' Texet TM-9767/TM-9757 чёрный оригинал 100%</t>
  </si>
  <si>
    <t>Сенсорный экран 9.7'' TOPSUN-E0046-A2 (Brevis 9710C 3G) Черный</t>
  </si>
  <si>
    <t>Сенсорный экран 9.7'' TPC-50146-V1.0 (237*184 mm) (DNS AirTab M975w) Белый</t>
  </si>
  <si>
    <t>Сенсорный экран 9.7'' TPC-50146-V1.0 (237*184 mm) (DNS AirTab M975w) Чёрный</t>
  </si>
  <si>
    <t xml:space="preserve">      Системный разъем</t>
  </si>
  <si>
    <t xml:space="preserve">           Системный разъем Alcatel</t>
  </si>
  <si>
    <t>Системный разъем Alcatel 4013D/OT-4033D/OT-4045D/OT-5047D/OT-5085D/OT-6012D/OT-7043Y/OT-7044X</t>
  </si>
  <si>
    <t>Системный разъем Alcatel 4027D/OT-5036D/OT-5038D</t>
  </si>
  <si>
    <t xml:space="preserve">           Системный разъем Apple</t>
  </si>
  <si>
    <t>Системный разъем iPhone 3G/3Gs</t>
  </si>
  <si>
    <t>Системный разъем iPod 4</t>
  </si>
  <si>
    <t xml:space="preserve">           Системный разъем Aser</t>
  </si>
  <si>
    <t>Системный разъем Acer B1-A71/B1-710 (microUSB)</t>
  </si>
  <si>
    <t xml:space="preserve">           Системный разъем Asus</t>
  </si>
  <si>
    <t>Системный разъем Asus A500KL/A501CG/A600CG (ZenFone 5/ZenFone 6) (microUSB)</t>
  </si>
  <si>
    <t>Системный разъем Asus A502CG (microUSB)</t>
  </si>
  <si>
    <t>Системный разъем Asus FE170CG/FE380CG (Fonepad 7/Fonepad 8)</t>
  </si>
  <si>
    <t>Системный разъем Asus ME371 (microUSB)</t>
  </si>
  <si>
    <t>Системный разъем Asus TF700/TF201/TF300 (USB)</t>
  </si>
  <si>
    <t>Системный разъем Asus ZC451CG (ZenFone C)</t>
  </si>
  <si>
    <t>Системный разъем Asus ZC500TG/ZB452KG/ZB500KL/ZB450KL/ZB552KL/ZB690KG (ZenFone GO)</t>
  </si>
  <si>
    <t>Системный разъем Asus ZE550ML (ZenFone 2) (microUSB)</t>
  </si>
  <si>
    <t xml:space="preserve">           Системный разъем Explay</t>
  </si>
  <si>
    <t>Системный разъем Explay Dream/Flame</t>
  </si>
  <si>
    <t>Системный разъем Explay Fresh</t>
  </si>
  <si>
    <t>Системный разъем Explay Q230/B240/T350</t>
  </si>
  <si>
    <t>Системный разъем Explay sQuad 10.01</t>
  </si>
  <si>
    <t>Системный разъем Explay Surfer 7.03</t>
  </si>
  <si>
    <t>Системный разъем Explay Surfer 8.02/Surfer 7.04</t>
  </si>
  <si>
    <t>Системный разъем Explay Titan</t>
  </si>
  <si>
    <t xml:space="preserve">           Системный разъем Fly</t>
  </si>
  <si>
    <t>Разъем гарнитуры Fly Q420/E135/E171/MC180/MC220 оригинал 100%(аудио)</t>
  </si>
  <si>
    <t>Системный разъем Fly DS131/FS504/IQ436i/IQ4404/IQ4418/IQ4490/IQ4504</t>
  </si>
  <si>
    <t>Системный разъем Fly E300/SX210/Hummer/SX220/SX100/MC100/LX500/LX610/SX315/E110</t>
  </si>
  <si>
    <t>Системный разъем Fly IQ239/IQ431/IQ449</t>
  </si>
  <si>
    <t>Системный разъем Fly IQ446/IQ442/IQ453/IQ4412</t>
  </si>
  <si>
    <t xml:space="preserve">           Системный разъем HTC</t>
  </si>
  <si>
    <t>Системный разъем HTC 8S/One</t>
  </si>
  <si>
    <t>Системный разъем HTC 8x</t>
  </si>
  <si>
    <t>Системный разъем HTC Desire 310/Desire 310 Dual/Microsoft 535</t>
  </si>
  <si>
    <t>Системный разъем HTC Desire V/Desire X/One V</t>
  </si>
  <si>
    <t>Системный разъем HTC Desire/G7/G5/Sensation/Sensation XL (microUSB)</t>
  </si>
  <si>
    <t>Системный разъем HTC HD2/Legend/Gratia/Desire S/Desire HD/Wildfire (microUSB)</t>
  </si>
  <si>
    <t>Системный разъем HTC Incredible S/G11</t>
  </si>
  <si>
    <t>Системный разъем HTC One/M8/M9 (microUSB)</t>
  </si>
  <si>
    <t>Системный разъем HTC P3400/P3470/P3600/P4550/TYTN/S620/Viva/Hero/Tattoo</t>
  </si>
  <si>
    <t>Системный разъем HTC P3450/P3700/P5500</t>
  </si>
  <si>
    <t>Системный разъем HTC Salsa/C510/G15 (гарнитура)</t>
  </si>
  <si>
    <t>Системный разъем HTC Sensation/G14/SensationXE/G18 (гарнитуры)</t>
  </si>
  <si>
    <t xml:space="preserve">           Системный разъём Huawei</t>
  </si>
  <si>
    <t>Системный разъем Huawei Ascend G7 (microUSB)</t>
  </si>
  <si>
    <t>Системный разъем Huawei Ascend Mate7/Meizu M5/M5 Note (microUSB)</t>
  </si>
  <si>
    <t>Системный разъем Huawei Ascend P6/G6/G610/G630/G710/G730/G750 (Honor 3X)/Honor 3C</t>
  </si>
  <si>
    <t>Системный разъем Huawei Ascend P7 (microUSB)</t>
  </si>
  <si>
    <t>Системный разъем Huawei Ascend Y520/4C (microUSB)</t>
  </si>
  <si>
    <t>Системный разъем Huawei Ascend Y530 (microUSB)</t>
  </si>
  <si>
    <t>Системный разъём Huawei Honor 10/Honor 20/Honor Play/Mate 20 Lite/P Smart Z/P30 Lite/P20 Lite Type-C</t>
  </si>
  <si>
    <t>Системный разъем Huawei Honor 4X/4C/P8/P8 Lite/Y5 II/Honor 5A/mate 8 (microUSB)</t>
  </si>
  <si>
    <t>Системный разъем Huawei Honor 6 Plus/Honor 6 (microUSB)</t>
  </si>
  <si>
    <t>Системный разъем Huawei Honor 7/Honor 5C/Honor 6X/Honor 7X/Y7 2017 (microUSB)</t>
  </si>
  <si>
    <t>Системный разъем Huawei Honor 7C/ 7C Pro/Honor 8a/8X/Y5 2018/Honor 10 Lite/P Smart (2019 (microUSB)</t>
  </si>
  <si>
    <t>Системный разъём Huawei Honor 8 Lite</t>
  </si>
  <si>
    <t>Системный разъём Huawei Nova 8i/Y70/Y70 Plus/Y90/Honor 30/30i/50/50 Lite/50 SE/70/X8/Y8p Type-C</t>
  </si>
  <si>
    <t>Системный разъем Huawei P9 Lite/Honor 6C (microUSB)</t>
  </si>
  <si>
    <t xml:space="preserve">           Системный разъём Lenovo</t>
  </si>
  <si>
    <t>Системный разъем Lenovo A7-30 (A3300)/Miix 2 10 (microUSB)</t>
  </si>
  <si>
    <t>Системный разъем Lenovo A7000/A5000/A10-70 (A7600) (microUSB)</t>
  </si>
  <si>
    <t>Системный разъем Lenovo A8-50 (A5500) (microUSB)</t>
  </si>
  <si>
    <t>Системный разъём Lenovo A850/A390/S5000/A516/A670/A690/A820/A830/K900/P770/P780/S650/S660/S720/S</t>
  </si>
  <si>
    <t>Системный разъем Lenovo A880 / Samsung A10s (A107F) (microUSB)</t>
  </si>
  <si>
    <t>Системный разъем Lenovo K920/Vibe Z2 Pro (microUSB)</t>
  </si>
  <si>
    <t>Системный разъем Lenovo S850/Vibe X2 (microUSB)</t>
  </si>
  <si>
    <t>Системный разъём Lenovo S930/A656</t>
  </si>
  <si>
    <t xml:space="preserve">           Системный разъем LG</t>
  </si>
  <si>
    <t>Разъем гарнитуры LG E450</t>
  </si>
  <si>
    <t>Системный разъем LG 7020</t>
  </si>
  <si>
    <t>Системный разъем LG C1100 (3 контакта АКБ)</t>
  </si>
  <si>
    <t>Системный разъем LG D380/D335/H324/H422/H502/H540 / H818 (microUSB)</t>
  </si>
  <si>
    <t>Системный разъем LG D802 (G2)</t>
  </si>
  <si>
    <t>Системный разъем LG E400/E405/E612/E615/P700/P705/P765/P880</t>
  </si>
  <si>
    <t>Системный разъем LG H791 (Nexus 5X) (Type-C)</t>
  </si>
  <si>
    <t>Системный разъем LG H860/H845 (G5/G5 SE) Type-C</t>
  </si>
  <si>
    <t>Системный разъем LG KE970</t>
  </si>
  <si>
    <t>Системный разъем LG KG110/B2000 (4 контакта АКБ)</t>
  </si>
  <si>
    <t>Системный разъем LG KG800/KG900/KG270/KG320/KE360/KE800/</t>
  </si>
  <si>
    <t>Системный разъем LG P690/P970/P698/P520/GX500/GS290/GT540/A290/A230</t>
  </si>
  <si>
    <t>Системный разъем LG P895/T370/T375/V500</t>
  </si>
  <si>
    <t xml:space="preserve">           Системный разъем Motorola</t>
  </si>
  <si>
    <t>Системный разъем Motorola L7</t>
  </si>
  <si>
    <t>Системный разъем Motorola V3 RAZR/A1200</t>
  </si>
  <si>
    <t>Системный разъем Motorola V8</t>
  </si>
  <si>
    <t xml:space="preserve">           Системный разъем Nokia</t>
  </si>
  <si>
    <t>Разъем гарнитуры Nokia 5310/5610/5800</t>
  </si>
  <si>
    <t>Разъем гарнитуры Nokia 6300/5200/5300  </t>
  </si>
  <si>
    <t>Разъем гарнитуры Nokia C3-00/C5/E5/X3-02/C2-03/205/205 Dual</t>
  </si>
  <si>
    <t>Разъем гарнитуры Nokia C7 в сборе</t>
  </si>
  <si>
    <t>Системный разъем Microsoft Lumia 950 XL Dual</t>
  </si>
  <si>
    <t>Системный разъем Nokia 109/112/113/206/300/C6-01/E6-00/6700s/N8</t>
  </si>
  <si>
    <t>Системный разъем Nokia 1110/1112/1600/2310/2610/6030/6060/2626</t>
  </si>
  <si>
    <t>Системный разъем Nokia 1200/1202/1208/1650/1661/1680/2630/2680/5000...</t>
  </si>
  <si>
    <t>Системный разъем Nokia 2600/2650/2652</t>
  </si>
  <si>
    <t>Системный разъем Nokia 500</t>
  </si>
  <si>
    <t>Системный разъем Nokia 520/620/525/530/630/730/735 (USB) (оригинал)</t>
  </si>
  <si>
    <t>Системный разъем Nokia 5310/5610/5800/6700c/C1-02/C2-00/C3-01/X3-02/X6... (З\У)</t>
  </si>
  <si>
    <t>Системный разъем Nokia 5630/6303/6720c/3720c</t>
  </si>
  <si>
    <t>Системный разъем Nokia 610</t>
  </si>
  <si>
    <t>Системный разъем Nokia 6101/5500/6300/N70/N73/5200/5300/N81/N82</t>
  </si>
  <si>
    <t>Системный разъем Nokia 6230/7210</t>
  </si>
  <si>
    <t>Системный разъем Nokia 625/1320</t>
  </si>
  <si>
    <t>Системный разъем Nokia 710/208/207/220/220 Dual/230/Asha 500/503/503 Dual/X Dual - Оригинал 100%</t>
  </si>
  <si>
    <t>Системный разъем Nokia 820</t>
  </si>
  <si>
    <t>Системный разъем Nokia 8600/6500S/6600S/7900/8800 Arte/6303/701/X7/C7/C6-01 (microUSB)</t>
  </si>
  <si>
    <t>Системный разъем Nokia 920/925</t>
  </si>
  <si>
    <t>Системный разъем Nokia 930</t>
  </si>
  <si>
    <t>Системный разъем Nokia E7-00/X7-00 (microUSB)</t>
  </si>
  <si>
    <t>Системный разъем Nokia N8-00 HDMI</t>
  </si>
  <si>
    <t>Системный разъем Nokia N8-00 microUSB </t>
  </si>
  <si>
    <t>Системный разъем Nokia N85/N86/E66/6730/C2-02/C2-03/C2-06/C2-07/C2-08/C5 (microUSB)</t>
  </si>
  <si>
    <t>Системный разъем Nokia N9/800/900 (microUSB)</t>
  </si>
  <si>
    <t>Системный разъем Nokia N9/800/900 (microUSB) (оригинал)</t>
  </si>
  <si>
    <t>Системный разъем Nokia N900/E71/7610S/3600S/5530/5730/E63/301/515/515 Dual (microUSB)</t>
  </si>
  <si>
    <t>Системный разъем Nokia X2 Dual (microUSB)</t>
  </si>
  <si>
    <t xml:space="preserve">           Системный разъем Samsung</t>
  </si>
  <si>
    <t>Разъем гарнитуры Samsung S5250</t>
  </si>
  <si>
    <t>Системный разъем Samsung A025F/A037F/A115F/M115F Type-C</t>
  </si>
  <si>
    <t>Системный разъем Samsung A03 Core/A03 (A035F/A032F)</t>
  </si>
  <si>
    <t>Системный разъем Samsung A205F/A305F/A307F/A405F/A505F/A705F/A805F/M307F/A515F/M205/G770F Type-C</t>
  </si>
  <si>
    <t>Системный разъем Samsung A207F/A215/A226B (Type-C)</t>
  </si>
  <si>
    <t>Системный разъем Samsung A300F/A500F/A700FD/N910C</t>
  </si>
  <si>
    <t>Системный разъем Samsung A310F/A510F/A710F/G920F/G928F</t>
  </si>
  <si>
    <t>Системный разъем Samsung A320F/A520F/A720F (Type-C)</t>
  </si>
  <si>
    <t>Системный разъем Samsung A336B/A525F/A725F/A736B (Type-C)</t>
  </si>
  <si>
    <t>Системный разъем Samsung A536B (Type-C)</t>
  </si>
  <si>
    <t>Системный разъем Samsung B7300/S8500/S8530/S9402 (microUSB)</t>
  </si>
  <si>
    <t>Системный разъем Samsung C160/C250/C260/C288</t>
  </si>
  <si>
    <t>Системный разъем Samsung C170/U100</t>
  </si>
  <si>
    <t>Системный разъем Samsung C3312/S5300/S5380/S6102/i9103/S5302/S6802/i9250/C3322 (microUSB)</t>
  </si>
  <si>
    <t>Системный разъем Samsung D800/U600/U700D820/E500/D520/D840/E250/E830/E840/E870/E900/J600/D900/D900i</t>
  </si>
  <si>
    <t>Системный разъем Samsung D880/B100/B300/D780/E210/D980/G800/M310/M600/M610.. - Оригинал 100%</t>
  </si>
  <si>
    <t>Системный разъем Samsung D880/B100/E210/C450/F210/F250/F330/G800/i400/i450/J200/J210/J400/J610/J750/</t>
  </si>
  <si>
    <t>Системный разъем Samsung E1070/E1080/B2100/C3110/C3060/C5212/E1100/E1360/B5702/B130/B520</t>
  </si>
  <si>
    <t>Системный разъем Samsung G800H (MicroUSB)</t>
  </si>
  <si>
    <t>Системный разъем Samsung G900 (S5)</t>
  </si>
  <si>
    <t>Системный разъем Samsung G930 (S7)</t>
  </si>
  <si>
    <t>Системный разъем Samsung i8160</t>
  </si>
  <si>
    <t>Системный разъем Samsung i8190/S7530/S7562/i8200</t>
  </si>
  <si>
    <t>Системный разъем Samsung i8910/i9000/S7220/i9003/i9010/S5260/S5350/S5530/S5660 (microUSB)</t>
  </si>
  <si>
    <t>Системный разъем Samsung i9082/i9080/i8552/i9060/i9152/T110/T111/G360H/T560/T561 (microUSB)</t>
  </si>
  <si>
    <t>Системный разъем Samsung i9260</t>
  </si>
  <si>
    <t>Системный разъем Samsung i9300/i9200/i8580/T310/T311/T705 (microUSB)</t>
  </si>
  <si>
    <t>Системный разъем Samsung J100F/J250F/J320F/J330F/J400F/J415F/J500F/J530F/J610F/J730F/J810F/G570F</t>
  </si>
  <si>
    <t>Системный разъем Samsung J700/F480/F490/i900/U800/U900/G600/L170/...</t>
  </si>
  <si>
    <t>Системный разъем Samsung N7100/i9500/i9505/C101 (microUSB)</t>
  </si>
  <si>
    <t>Системный разъем Samsung N9000/N9005</t>
  </si>
  <si>
    <t>Системный разъем Samsung P1000/P1010/P3100/P3110</t>
  </si>
  <si>
    <t>Системный разъем Samsung P5200/T210/T211/T230/T231</t>
  </si>
  <si>
    <t>Системный разъем Samsung P6800 на плате оригинал 100%</t>
  </si>
  <si>
    <t>Системный разъем Samsung S3500/S3030/C3510/C6112/B7702C/L700/S3650...</t>
  </si>
  <si>
    <t>Системный разъем Samsung S3850/E2530/E2600/C3750/C3752/B7350/C3560 (microUSB)</t>
  </si>
  <si>
    <t>Системный разъем Samsung S3850/S5330/S3350/S5360/S5380/S5570/S5610... оригинал 100%</t>
  </si>
  <si>
    <t>Системный разъем Samsung S5200/S3600/C3010/G400/i550/i560/i740/i7110/C3011...</t>
  </si>
  <si>
    <t>Системный разъем Samsung S5230/C3050/M8800/S3310/S7330/J700i/S5233TV</t>
  </si>
  <si>
    <t>Системный разъем Samsung S5230/C3050/M8800/S3310/S7330/J700i/S5233TV - Оригинал 100%</t>
  </si>
  <si>
    <t>Системный разъем Samsung S5310/i8262/i9190/S5312/S6310/S6312</t>
  </si>
  <si>
    <t>Системный разъем Samsung S5600/i9100/S5510/S7070/S3550/S5150/C3300/... (microUSB)</t>
  </si>
  <si>
    <t>Системный разъем Samsung S6810/C3592/S3332/S3802/S5280/S5282/S7262/S7390/S7710 (microUSB)</t>
  </si>
  <si>
    <t>Системный разъем Samsung S7270/S7272/G355H/G7102/G386F/G530H/G350E/J510(microUSB)</t>
  </si>
  <si>
    <t>Системный разъем Samsung S7350/S8000/S5250/S5830/S5620/S3370/i8000/C3530/S7230/I5700 (microUSB)</t>
  </si>
  <si>
    <t>Системный разъем Samsung T220/T225 Type-C</t>
  </si>
  <si>
    <t xml:space="preserve">           Системный разъем SonyEricsson</t>
  </si>
  <si>
    <t>Разъем гарнитуры Sony D2005 Xperia E1</t>
  </si>
  <si>
    <t>Разъем гарнитуры Sony D2203/D2212 (E3/E3 Dual)</t>
  </si>
  <si>
    <t>Разъем гарнитуры Sony D5102/D5103 (T3)</t>
  </si>
  <si>
    <t>Разъем гарнитуры Sony LT15i/LT18i/X12 </t>
  </si>
  <si>
    <t>Разъем гарнитуры Sony ST17i/ST18i/ST25i/LT22i/LT26i/MT27i/LT28i</t>
  </si>
  <si>
    <t>Разъем гарнитуры SonyEricsson U20i (X10 mini Pro) со шлейфом</t>
  </si>
  <si>
    <t>Разъем гарнитуры SonyEricsson U8i/SK17i/MT11i/MT15i </t>
  </si>
  <si>
    <t>Системный разъем Sony C1504/C1505/C1604/C1605 (E/E Dual) (microUSB)</t>
  </si>
  <si>
    <t>Системный разъем Sony C1904/C1905/C2005/D5102/D5103 (M/T3) </t>
  </si>
  <si>
    <t>Системный разъем Sony C2305/D2203/D2212 (C/E3/E3 Dual) (MicroUSB)</t>
  </si>
  <si>
    <t>Системный разъем Sony C5302 (SP) (MicroUSB)</t>
  </si>
  <si>
    <t>Системный разъем Sony C6833 (Z Ultra)/D5503 (Z1 Compact)/D5303 (T2 Ultra) (MicroUSB)</t>
  </si>
  <si>
    <t>Системный разъем Sony C6903/C5502/D6503/D5803/D6603 (Z1/Z2/ZR/ZL/Z3 Compact/Z3)</t>
  </si>
  <si>
    <t>Системный разъем Sony D2005 Xperia E1/D2105 Xperia E1 Dual</t>
  </si>
  <si>
    <t>Системный разъем Sony D2303/D2302/D2403/D2305/D2306/S50H (M2/Mperia M2 Dual/M2 Aqua) (microUSB)</t>
  </si>
  <si>
    <t>Системный разъем Sony E2105/E2115 (E4/E4 Dual) (microUSB)</t>
  </si>
  <si>
    <t>Системный разъем Sony E2303/E2312 (M4/M4 Dual) (microUSB)</t>
  </si>
  <si>
    <t>Системный разъем Sony E5303/E5333 (C4/C4 Dual) (MicroUSB)</t>
  </si>
  <si>
    <t>Системный разъем Sony E5533 (C5 Ultra Dual)</t>
  </si>
  <si>
    <t>Системный разъем Sony E5603/E5633 (M5/M5 Dual)</t>
  </si>
  <si>
    <t>Системный разъем Sony E5823/E6653/E6683/E6853 (Z5 Compact/Z5/Z5 Dual/Z5 Premium) (microUSB)</t>
  </si>
  <si>
    <t>Системный разъем Sony G3221/G3212 (XA1 Ultra/XA1 Ultra Dual) Type-C</t>
  </si>
  <si>
    <t>Системный разъем Sony LT26i/LT26ii/LT28i (microUSB)</t>
  </si>
  <si>
    <t>Системный разъем Sony ST23/ST26/C2104/C2105</t>
  </si>
  <si>
    <t>Системный разъем SonyEricsson E10i/X10/U8i/X2/X8 (microUSB) </t>
  </si>
  <si>
    <t>Системный разъем SonyEricsson G700/G900/W960</t>
  </si>
  <si>
    <t>Системный разъем SonyEricsson K500/T230</t>
  </si>
  <si>
    <t>Системный разъем SonyEricsson K550/W610/C510/W910/W880/S302/S312/W890/T700 - Оригинал</t>
  </si>
  <si>
    <t>Системный разъем SonyEricsson K610/Z610/Z710/W900/W710</t>
  </si>
  <si>
    <t>Системный разъем SonyEricsson K750/K310/K510/K790/W300/W800/...</t>
  </si>
  <si>
    <t>Системный разъем SonyEricsson LT15i (Arc)/LT18i (ArcS)/MT15i/MT11i (microUSB)</t>
  </si>
  <si>
    <t>Системный разъем SonyEricsson S500/W580/Z520/Z550</t>
  </si>
  <si>
    <t>Системный разъем SonyEricsson ST15i (Ray)/ST17i (Active) (microUSB) - Оригинал</t>
  </si>
  <si>
    <t>Системный разъем SonyEricsson ST18/ST25/MK16/WT19/C6602/C6603/LT25 (оригинал)</t>
  </si>
  <si>
    <t>Системный разъем SonyEricsson U20i/X10 mini (micro usb) оригинал </t>
  </si>
  <si>
    <t>Системный разъем SonyEricsson U5i (Vivaz) (microUSB)</t>
  </si>
  <si>
    <t>Системный разъем SonyEricsson U5i micro usb оригинал</t>
  </si>
  <si>
    <t>Системный разъем SonyEricsson W980 - Оригинал</t>
  </si>
  <si>
    <t xml:space="preserve">           Системный разъем Xiaomi</t>
  </si>
  <si>
    <t>Cистемный разъем Xiaomi mi 4c Type-C</t>
  </si>
  <si>
    <t>Cистемный разъем Xiaomi Mi A1 Type-C</t>
  </si>
  <si>
    <t>Cистемный разъем Xiaomi Mi Play</t>
  </si>
  <si>
    <t>Cистемный разъем Xiaomi mi2/mi3</t>
  </si>
  <si>
    <t>Cистемный разъем Xiaomi mi4</t>
  </si>
  <si>
    <t>Cистемный разъем Xiaomi Note 3G</t>
  </si>
  <si>
    <t>Системный разъем  Xiaomi Redmi 7A</t>
  </si>
  <si>
    <t>Системный разъем  Xiaomi Redmi 9A/9C/10A/A1/A1+/A2+/12C/Poco C51</t>
  </si>
  <si>
    <t>Системный разъем  Xiaomi Redmi GO</t>
  </si>
  <si>
    <t xml:space="preserve">           Системный разъем ZTE</t>
  </si>
  <si>
    <t>Системный разъем ZTE Blade Axon Mini/ Blade V7 Lite/ Blade V8</t>
  </si>
  <si>
    <t xml:space="preserve">           Системный разъем универсальный</t>
  </si>
  <si>
    <t>Cистемный разъем WileyFox Swift 2/Swift 2 Plus/Swift 2 X Type-C</t>
  </si>
  <si>
    <t>Системный разъем Meizu MX5</t>
  </si>
  <si>
    <t>Системный разъем Micro Usb 5 pin 4 ноги прямые 90 градусов.</t>
  </si>
  <si>
    <t>Системный разъем Micro USB 7 pin (между платы)</t>
  </si>
  <si>
    <t>Системный разъем Micromax X1800 Joy X649/X556/X800/X602/X806/X2814/X2400/X1800/D200/X2411/X2050</t>
  </si>
  <si>
    <t>Системный разъем OPPO A5S A1K Realme3 Realme 3 Pro 3Pro A7N A8 X Lite C11 C12 C15</t>
  </si>
  <si>
    <t>Системный разъем Tipe-C OPPO Realme Q2 Q2I Q3 Pro Q3I V3 V5 V11 V13 V15 V11S Q3Pro Q2Pro </t>
  </si>
  <si>
    <t>Системный разъем Type-C Infinix Hot 11S/12 Play/Tecno Spark 9 Pro/10 Pro/10 4G/10C</t>
  </si>
  <si>
    <t>Системный разъем Type-C Meizu Meilan X/Яндекс.Телефон</t>
  </si>
  <si>
    <t>Системный разъем Type-C OPPO A53/A53s/A54/A55 4G/A16/A52/A72/A74 4G/Reno 5 Lite/Tecno Pova 2/4/Camon</t>
  </si>
  <si>
    <t>Системный разъем Type-C Tecno Camon 18/18P/19/19 Pro/19 Neo/Pova 3/4 Pro/Spark Go 2023/Infinix N</t>
  </si>
  <si>
    <t>Системный разъем USB 3,0 (лапки вниз)</t>
  </si>
  <si>
    <t>Системный разъем для китайского телефона N95 (КИТАЙ) 12pin</t>
  </si>
  <si>
    <t>Системный разъем для китайского телефона NOKLA 8800+ 8pin</t>
  </si>
  <si>
    <t>Системный разъем для планшета (2.5мм-0.7мм)пальчик.</t>
  </si>
  <si>
    <t xml:space="preserve">      Скотч</t>
  </si>
  <si>
    <t xml:space="preserve">           Скотч</t>
  </si>
  <si>
    <t>Скотч АКБ для iPhone X</t>
  </si>
  <si>
    <t>Скотч АКБ для iPhone Xs</t>
  </si>
  <si>
    <t>Скотч двусторонний 3M прозрачный 3мм.</t>
  </si>
  <si>
    <t>Скотч двусторонний для модуля Samsung i8190</t>
  </si>
  <si>
    <t>Скотч двусторонний для модуля Samsung i9300</t>
  </si>
  <si>
    <t>Скотч двусторонний для модуля Samsung i9500/i9505</t>
  </si>
  <si>
    <t>Скотч двусторонний для модуля Samsung N7100</t>
  </si>
  <si>
    <t>Скотч двусторонний для модуля Samsung N9000/N9005</t>
  </si>
  <si>
    <t>Скотч для монтажа тачскринов для iPhone 4/4S</t>
  </si>
  <si>
    <t>Скотч для сборки Samsung G920F (S6) из 2-х частей</t>
  </si>
  <si>
    <t>Скотч для сборки Samsung G925F (S6 Edge) из 2-х частей</t>
  </si>
  <si>
    <t>Скотч для сборки Samsung G935F (S7 Edge) из 2-х частей</t>
  </si>
  <si>
    <t>Скотч для сборки Sony D6503 (Z2) из 2-х частей, водонепроницаемый</t>
  </si>
  <si>
    <t>Скотч для сборки Sony E6553/E6533 (Z3+/Z3+ Dual) из 2-х частей, водонепроницаемый</t>
  </si>
  <si>
    <t>Скотч задней крышки Sony D5803 (Z3 Compact)</t>
  </si>
  <si>
    <t>Скотч задней крышки Sony E2303/E2312/E2333 (M4/M4 Dual)</t>
  </si>
  <si>
    <t>Скотч задней крышки Sony E5823 (Z5 Compact)</t>
  </si>
  <si>
    <t>Скотч сборки для iPhone 11 водонепроницаемый Черный</t>
  </si>
  <si>
    <t>Скотч сборки для iPhone 7 Plus водонепроницаемый Белый</t>
  </si>
  <si>
    <t>Скотч сборки для iPhone 7 водонепроницаемый Чёрный</t>
  </si>
  <si>
    <t>Скотч сборки для iPhone 8 Plus водонепроницаемый Белый</t>
  </si>
  <si>
    <t>Скотч сборки для iPhone 8/SE (2020) водонепроницаемый Белый</t>
  </si>
  <si>
    <t>Скотч сборки для iPhone 8/SE (2020) водонепроницаемый Черный</t>
  </si>
  <si>
    <t>Скотч сборки для iPhone X водонепроницаемый Чёрный</t>
  </si>
  <si>
    <t>Скотч сборки для iPhone Xs Max водонепроницаемый Черный</t>
  </si>
  <si>
    <t>Скотч сборки для iPhone Xs водонепроницаемый Черный</t>
  </si>
  <si>
    <t xml:space="preserve">      Стилус</t>
  </si>
  <si>
    <t>Стилус Samsung i9220/N7000 (черный)</t>
  </si>
  <si>
    <t xml:space="preserve">      Толкатель джойстика (Home)</t>
  </si>
  <si>
    <t xml:space="preserve">           Толкатель джойстика (Home)</t>
  </si>
  <si>
    <t>Кнопка Home (толкатель) iPad Air (чёрная)</t>
  </si>
  <si>
    <t>Кнопка Home (толкатель) iPad mini/mini 2 Retina (белая)</t>
  </si>
  <si>
    <t>Кнопка Home (толкатель) iPhone 3G/3GS черная</t>
  </si>
  <si>
    <t>Кнопка Home (толкатель) iPhone 4 S белая</t>
  </si>
  <si>
    <t>Кнопка Home (толкатель) iPhone 4 S черная</t>
  </si>
  <si>
    <t>Кнопка Home (толкатель) iPhone 4 белая</t>
  </si>
  <si>
    <t>Кнопка Home (толкатель) iPhone 4 черная</t>
  </si>
  <si>
    <t>Кнопка Home (толкатель) iPhone 5 дизайн 5S белая</t>
  </si>
  <si>
    <t>Кнопка Home (толкатель) iPhone 5 дизайн 5S золото</t>
  </si>
  <si>
    <t>Кнопка Home (толкатель) iPhone 5 дизайн 5S чёрная</t>
  </si>
  <si>
    <t>Кнопка Home (толкатель) iPhone 5/5C белая</t>
  </si>
  <si>
    <t>Кнопка Home (толкатель) iPhone 5/5C черная</t>
  </si>
  <si>
    <t>Кнопка Home (толкатель) iPod touch 2G\3G черная</t>
  </si>
  <si>
    <t>Кнопка Home (толкатель) iPod touch 5 черная</t>
  </si>
  <si>
    <t>Кнопка Home (уплотнитель) iPhone 4/4S</t>
  </si>
  <si>
    <t>84</t>
  </si>
  <si>
    <t>Кнопка Home (уплотнитель) iPhone 5</t>
  </si>
  <si>
    <t>Кнопка Home (уплотнитель) iPhone 5S</t>
  </si>
  <si>
    <t>Кнопка Home (уплотнитель) iPhone 6/6 Plus/6S/6S Plus</t>
  </si>
  <si>
    <t>Кнопка клеющаяся Home iPhone 4/4S под защ.стекло белая/чёрная (2шт.)</t>
  </si>
  <si>
    <t>Кнопка клеющаяся Home iPhone 5S под защ.стекло белая(с распознанием отпечатка)</t>
  </si>
  <si>
    <t>Толкатель джойстика Nokia E50</t>
  </si>
  <si>
    <t>Толкатель джойстика Nokia N73</t>
  </si>
  <si>
    <t>Толкатель джойстика Nokia N96</t>
  </si>
  <si>
    <t xml:space="preserve">      Толкатель кнопки вкл.</t>
  </si>
  <si>
    <t xml:space="preserve">           Толкатель кнопки вкл.</t>
  </si>
  <si>
    <t>ТОЛК. КНОПКИ ВКЛ. NOKIA 311O</t>
  </si>
  <si>
    <t>ТОЛК. КНОПКИ ВКЛ. NOKIA 5310</t>
  </si>
  <si>
    <t>ТОЛК. КНОПКИ ВКЛ. NOKIA 6100</t>
  </si>
  <si>
    <t>ТОЛК. КНОПКИ ВКЛ. NOKIA 6230i</t>
  </si>
  <si>
    <t>ТОЛК. КНОПКИ ВКЛ. NOKIA 6300</t>
  </si>
  <si>
    <t>ТОЛК. КНОПКИ ВКЛ.(блок) NOKIA 6120с</t>
  </si>
  <si>
    <t>ТОЛК. КНОПКИ ВКЛ.(блок) NOKIA N8</t>
  </si>
  <si>
    <t>ТОЛК. КНОПКИ ВКЛ.(блок) NOKIA N97 mini</t>
  </si>
  <si>
    <t>ТОЛК. КНОПКИ ВКЛ.(блок) NOKIA Е7</t>
  </si>
  <si>
    <t>ТОЛК. КНОПКИ ВКЛ.(блок) NOKIA С5-03</t>
  </si>
  <si>
    <t>ТОЛК. КНОПКИ ВКЛ.(блок) NOKIA С6-00</t>
  </si>
  <si>
    <t>ТОЛК. КНОПКИ ВКЛ.(блок) NOKIA С6-01</t>
  </si>
  <si>
    <t>ТОЛК. КНОПКИ ВКЛ.(блок) NOKIA С7 белый</t>
  </si>
  <si>
    <t>ТОЛК. КНОПКИ ВКЛ.(блок) NOKIA Х6 бел.</t>
  </si>
  <si>
    <t>ТОЛК. КНОПКИ ВКЛ.(блок) NOKIA Х6 черн.</t>
  </si>
  <si>
    <t>Толкатель кнопки вкл iPad mini набор 3шт. </t>
  </si>
  <si>
    <t>Толкатель кнопки вкл iPhone 4 набор 3шт. (вкл.,громкость, блокировка)</t>
  </si>
  <si>
    <t>Толкатель кнопки вкл iPhone 5 набор 3шт. (вкл.,громкость, блокировка) Серебро</t>
  </si>
  <si>
    <t>Толкатель кнопки вкл iPhone 5 набор 3шт. (вкл.,громкость, блокировка) Чёрный</t>
  </si>
  <si>
    <t>Толкатель кнопки вкл iPhone 5C набор 3шт. (вкл.,громкость, блокировка) Белый</t>
  </si>
  <si>
    <t>Толкатель кнопки вкл iPhone 5S набор 3шт. (вкл.,громкость, блокировка) Золото</t>
  </si>
  <si>
    <t>Толкатель кнопки вкл iPhone 5S набор 3шт. (вкл.,громкость, блокировка) Серебро</t>
  </si>
  <si>
    <t>Толкатель кнопки вкл iPhone 5S набор 3шт. (вкл.,громкость, блокировка) Серый</t>
  </si>
  <si>
    <t>Толкатель кнопки вкл iPhone 6 Plus набор 4шт. (вкл.,громкость, блокировка) Золото</t>
  </si>
  <si>
    <t>Толкатель кнопки вкл iPhone 6 Plus набор 4шт. (вкл.,громкость, блокировка) Серебро</t>
  </si>
  <si>
    <t>Толкатель кнопки вкл iPhone 6 Plus набор 4шт. (вкл.,громкость, блокировка) Серый</t>
  </si>
  <si>
    <t>Толкатель кнопки вкл iPhone 6 набор 4шт. (вкл.,громкость, блокировка) Серебро</t>
  </si>
  <si>
    <t>Толкатель кнопки вкл Nokia 3100</t>
  </si>
  <si>
    <t>Толкатель кнопки вкл Samsung U600</t>
  </si>
  <si>
    <t>Толкатель кнопки вкл SonyEricsson S500/W580 черный</t>
  </si>
  <si>
    <t xml:space="preserve">      Шлейф</t>
  </si>
  <si>
    <t xml:space="preserve">           Шлейф Apple</t>
  </si>
  <si>
    <t>Шлейф iPad 1 на гагнитуру</t>
  </si>
  <si>
    <t>Шлейф iPad 1 на кнопку Home (механизм)</t>
  </si>
  <si>
    <t>Шлейф iPad 1 на сенсор</t>
  </si>
  <si>
    <t>Шлейф iPad 2 WiFi вкл/громкость/блок</t>
  </si>
  <si>
    <t>Шлейф iPad 2 на кнопку Home (механизм)</t>
  </si>
  <si>
    <t>Шлейф iPad 2 на микрофон</t>
  </si>
  <si>
    <t>Шлейф iPad 2 на разъем гарнитуры/SIM коннектор WiFi+3G</t>
  </si>
  <si>
    <t>Шлейф iPad 2 на системный разъем</t>
  </si>
  <si>
    <t>Шлейф iPad 3 c микрофоном</t>
  </si>
  <si>
    <t>Шлейф iPad 3 на разъем SIM</t>
  </si>
  <si>
    <t>Шлейф iPad 3 с разъемом гарнитуры черный</t>
  </si>
  <si>
    <t>Шлейф iPad 3/4 с кнопками громкости, блокировки, включения</t>
  </si>
  <si>
    <t>Шлейф iPad 4 на кнопку Home</t>
  </si>
  <si>
    <t>Шлейф iPad Air 2 на кнопки громкости/микрофон</t>
  </si>
  <si>
    <t>Шлейф iPad Air 2 на кнопку HOME в сборе Золото</t>
  </si>
  <si>
    <t>Шлейф iPad Air 2 на кнопку HOME в сборе Серебро</t>
  </si>
  <si>
    <t>Шлейф iPad Air 2 на кнопку HOME в сборе Черный</t>
  </si>
  <si>
    <t>Шлейф iPad Air 2 на системный разъем Черный</t>
  </si>
  <si>
    <t>Шлейф iPad Air c SIM-коннектором</t>
  </si>
  <si>
    <t>Шлейф iPad Air вкл/громкость/блок</t>
  </si>
  <si>
    <t>Шлейф iPad Air на кнопку Home</t>
  </si>
  <si>
    <t>Шлейф iPad Air на системный разъем Белый</t>
  </si>
  <si>
    <t>Шлейф iPad Air на системный разъем Чёрный</t>
  </si>
  <si>
    <t>Шлейф iPad Air с микрофоном</t>
  </si>
  <si>
    <t>Шлейф iPad mini 2 Retina вкл/громкость/блок</t>
  </si>
  <si>
    <t>Шлейф iPad mini 2 Retina/mini 3 на системный разъем Черный</t>
  </si>
  <si>
    <t>Шлейф iPad mini c микрофоном</t>
  </si>
  <si>
    <t>Шлейф iPad mini/iPad Air/iPad 9.7 (2017) вкл/громкость/блок</t>
  </si>
  <si>
    <t>Шлейф iPad mini/mini 2 Retina с кнопкой HOME</t>
  </si>
  <si>
    <t>Шлейф iPhone 11 Pro на кнопки громкости</t>
  </si>
  <si>
    <t>Шлейф iPhone 11 Pro на сенсор/микрофон</t>
  </si>
  <si>
    <t>Шлейф iPhone 11 на кнопку включения/микрофон</t>
  </si>
  <si>
    <t>Шлейф iPhone 11 на сенсор/микрофон</t>
  </si>
  <si>
    <t>Шлейф iPhone 3G с разъемом гарнитуры, кнопками громкости белый</t>
  </si>
  <si>
    <t>Шлейф iPhone 3G с разъемом гарнитуры, кнопками громкости черный</t>
  </si>
  <si>
    <t>Шлейф iPhone 3G/3GS на спикер</t>
  </si>
  <si>
    <t>Шлейф iPhone 3G/3GS/2G на Home </t>
  </si>
  <si>
    <t>Шлейф iPhone 3GS на системный разъем Белый - Оригинал</t>
  </si>
  <si>
    <t>Шлейф iPhone 3GS с разъемом гарнитуры, кнопками громкости белый</t>
  </si>
  <si>
    <t>Шлейф iPhone 3GS с разъемом гарнитуры, кнопками громкости черный</t>
  </si>
  <si>
    <t>Шлейф iPhone 4 на кнопку Home (механизм)-оригинал</t>
  </si>
  <si>
    <t>Шлейф iPhone 4 на кнопку включения/датчик/микрофон (оригинал)</t>
  </si>
  <si>
    <t>Шлейф iPhone 4 на разъем гарнитуры белый </t>
  </si>
  <si>
    <t>Шлейф iPhone 4 на разъем гарнитуры белый (оригинал)</t>
  </si>
  <si>
    <t>Шлейф iPhone 4 на разъем гарнитуры черный</t>
  </si>
  <si>
    <t>Шлейф iPhone 4 на системный разъем/микрофон (белый) (оригинал)</t>
  </si>
  <si>
    <t>Шлейф iPhone 4 на системный разъем/микрофон Черный - Оригинал</t>
  </si>
  <si>
    <t>Шлейф iPhone 4/4S для проверки дисплея</t>
  </si>
  <si>
    <t>Шлейф iPhone 4s на кнопку Home (оригинал)</t>
  </si>
  <si>
    <t>Шлейф iPhone 4s на кнопку включения/датчик/микрофон</t>
  </si>
  <si>
    <t>Шлейф iPhone 4S на разъем гарнитуры, кнопками громкости белый</t>
  </si>
  <si>
    <t>Шлейф iPhone 4S на разъем гарнитуры, кнопками громкости чёрный</t>
  </si>
  <si>
    <t>Шлейф iPhone 4S на системный разъем/микрофон белый (оригинал)</t>
  </si>
  <si>
    <t>Шлейф iPhone 5 для проверки дисплея</t>
  </si>
  <si>
    <t>Шлейф iPhone 5 камера/сенсор/микрофон в сборе (оригинал)</t>
  </si>
  <si>
    <t>Шлейф iPhone 5 на кнопку включения/громкости(оригинал)</t>
  </si>
  <si>
    <t>Шлейф iPhone 5 на нопку Home</t>
  </si>
  <si>
    <t>Шлейф iPhone 5 на системный разъем/разъем гарнитуры/микрофон-белый (оригинал)</t>
  </si>
  <si>
    <t>Шлейф iPhone 5 на системный разъем/разъем гарнитуры/микрофон-чёрный (оригинал)</t>
  </si>
  <si>
    <t>Шлейф iPhone 5c камера/сенсор/микрофон в сборе</t>
  </si>
  <si>
    <t>Шлейф iPhone 5c на кнопку включения/громкости</t>
  </si>
  <si>
    <t>Шлейф iPhone 5c на системный разъем/разъем гарнитуры/микрофон (черный)</t>
  </si>
  <si>
    <t>Шлейф iPhone 5S для проверки дисплея</t>
  </si>
  <si>
    <t>Шлейф iPhone 5s на кнопку Home</t>
  </si>
  <si>
    <t>Шлейф iPhone 5s на кнопку включения/громкости (оригинал)</t>
  </si>
  <si>
    <t>Шлейф iPhone 5S на нопку Home в сборе золотой</t>
  </si>
  <si>
    <t>Шлейф iPhone 5S на нопку Home в сборе чёрный</t>
  </si>
  <si>
    <t>Шлейф iPhone 5s на системный разъем/разъем гарнитуры/микрофон (белый)</t>
  </si>
  <si>
    <t>Шлейф iPhone 5s на системный разъем/разъем гарнитуры/микрофон (чёрный)</t>
  </si>
  <si>
    <t>Шлейф iPhone 5S/SE камера/сенсор/микрофон В СБОРЕ</t>
  </si>
  <si>
    <t>Шлейф iPhone 6 Plus камера/сенсор/микрофон В СБОРЕ</t>
  </si>
  <si>
    <t>Шлейф iPhone 6 Plus межплатный</t>
  </si>
  <si>
    <t>Шлейф iPhone 6 Plus на кнопки громкости/блокировки</t>
  </si>
  <si>
    <t>Шлейф iPhone 6 Plus на кнопку включения/микрофон (оригинал)</t>
  </si>
  <si>
    <t>Шлейф iPhone 6 Plus на системный разъем/разъем гарнитуры/микрофон (белый)-оригинал</t>
  </si>
  <si>
    <t>Шлейф iPhone 6 для проверки дисплея</t>
  </si>
  <si>
    <t>Шлейф iPhone 6 камера/сенсор/микрофон В СБОРЕ</t>
  </si>
  <si>
    <t>Шлейф iPhone 6 на кнопки громкости/блокировки</t>
  </si>
  <si>
    <t>Шлейф iPhone 6 на кнопку включения/микрофон (оригинал)</t>
  </si>
  <si>
    <t>Шлейф iPhone 6 на системный разъем/разъем гарнитуры/микрофон (серый)-оригинал</t>
  </si>
  <si>
    <t>Шлейф iPhone 6/6 Plus на кнопку HOME в сборе Белый</t>
  </si>
  <si>
    <t>Шлейф iPhone 6/6 Plus на кнопку HOME в сборе Золото</t>
  </si>
  <si>
    <t>Шлейф iPhone 6/6 Plus на кнопку HOME в сборе Черный</t>
  </si>
  <si>
    <t>Шлейф iPhone 6S Plus камера/сенсор/микрофон В СБОРЕ</t>
  </si>
  <si>
    <t>Шлейф iPhone 6S Plus на кнопку включения/микрофон</t>
  </si>
  <si>
    <t>Шлейф iPhone 6S Plus на системный разъем/разъем гарнитуры/микрофон Светло-Серый</t>
  </si>
  <si>
    <t>Шлейф iPhone 6S камера/сенсор/микрофон В СБОРЕ</t>
  </si>
  <si>
    <t>Шлейф iPhone 6S на кнопки громкости/включения/блокировки/микрофон</t>
  </si>
  <si>
    <t>Шлейф iPhone 6S на системный разъем/разъем гарнитуры/микрофон (серый)-оригинал</t>
  </si>
  <si>
    <t>Шлейф iPhone 6S/6S Plus на кнопку HOME в сборе Серебро</t>
  </si>
  <si>
    <t>Шлейф iPhone 6S/6S Plus на кнопку HOME в сборе Черный</t>
  </si>
  <si>
    <t>Шлейф iPhone 7 Plus на кнопки громкости/включения/блокировки/микрофон</t>
  </si>
  <si>
    <t>Шлейф iPhone 7 Plus на системный разъем/микрофон Черный</t>
  </si>
  <si>
    <t>Шлейф iPhone 7 камера/сенсор/микрофон В СБОРЕ</t>
  </si>
  <si>
    <t>Шлейф iPhone 7 на кнопки громкости/включения/блокировки/микрофон</t>
  </si>
  <si>
    <t>Шлейф iPhone 7 на системный разъем/микрофон Черный</t>
  </si>
  <si>
    <t>Шлейф iPhone 7/7 Plus на кнопку HOME в сборе Белый</t>
  </si>
  <si>
    <t>Шлейф iPhone 7/7 Plus на кнопку HOME в сборе Черный</t>
  </si>
  <si>
    <t>Шлейф iPhone 7/7 Plus/8/8Plus на кнопку HOME в сборе (сенсор) Чёрная</t>
  </si>
  <si>
    <t>Шлейф iPhone 8/SE (2020) камера/сенсор/микрофон В СБОРЕ</t>
  </si>
  <si>
    <t>Шлейф iPhone 8/SE (2020) на системный разъем/микрофон Белый</t>
  </si>
  <si>
    <t>Шлейф iPhone SE на системный разъем/разъем гарнитуры/микрофон Белый</t>
  </si>
  <si>
    <t>Шлейф iPhone SE на системный разъем/разъем гарнитуры/микрофон Черный</t>
  </si>
  <si>
    <t>Шлейф iPhone X на звонок</t>
  </si>
  <si>
    <t>Шлейф iPhone X на кнопки громкости</t>
  </si>
  <si>
    <t>Шлейф iPhone X на кнопку включения/микрофон</t>
  </si>
  <si>
    <t>Шлейф iPhone X на сенсор/микрофон</t>
  </si>
  <si>
    <t>Шлейф iPhone X на системный разъем/микрофон Белый</t>
  </si>
  <si>
    <t>Шлейф iPhone X на системный разъем/микрофон Черный</t>
  </si>
  <si>
    <t>Шлейф iPhone Xr на кнопки громкости/включения/блокировки/микрофон</t>
  </si>
  <si>
    <t>Шлейф iPhone Xr на системный разъем/микрофон Черный</t>
  </si>
  <si>
    <t>Шлейф iPhone Xs на кнопки громкости</t>
  </si>
  <si>
    <t>Шлейф iPod Nano 6 гарнитура,кнопки гром.белый</t>
  </si>
  <si>
    <t>Шлейф iPod Touch 4 на кнопку Home</t>
  </si>
  <si>
    <t>Шлейф iPod Touch 5 вкл/громкость/микрофон 32Gb/64Gb</t>
  </si>
  <si>
    <t xml:space="preserve">           Шлейф Asus</t>
  </si>
  <si>
    <t>Шлейф Asus G500TG (ZenFone Live) плата на системный разъем/микрофон</t>
  </si>
  <si>
    <t>Шлейф Asus ZC554KL (ZenFone 4 Max) на кнопки громкости/включения</t>
  </si>
  <si>
    <t xml:space="preserve">           Шлейф Fly</t>
  </si>
  <si>
    <t>Шлейф Fly iQ441 микрофона и динамика (оригинал 100%)</t>
  </si>
  <si>
    <t>Шлейф Fly LX500 (PP21013A)</t>
  </si>
  <si>
    <t>Шлейф Fly SL400 с разъемами/PHILIPS S890</t>
  </si>
  <si>
    <t>Шлейф Fly SL500 с коннектором</t>
  </si>
  <si>
    <t>Шлейф Fly SL600 с коннектором</t>
  </si>
  <si>
    <t>Шлейф Fly SX200 с компонентами (PP21014A)</t>
  </si>
  <si>
    <t>Шлейф Fly SX210 с компонентами </t>
  </si>
  <si>
    <t>Шлейф Fly SX230 с компонентами (PP21018A)</t>
  </si>
  <si>
    <t xml:space="preserve">           Шлейф HTC</t>
  </si>
  <si>
    <t>шлейф HTC Desire 500 плата на системный разъем</t>
  </si>
  <si>
    <t>шлейф HTC Desire 601 плата системный разъем/микрофон</t>
  </si>
  <si>
    <t>Шлейф HTC Desire 620G плата системный разъем</t>
  </si>
  <si>
    <t>Шлейф HTC One Mini 2 на системный разъем/микрофон</t>
  </si>
  <si>
    <t>Шлейф HTC One/M7 плата системный разъем/микрофон</t>
  </si>
  <si>
    <t>Шлейф HTC One/M9 на системный разъем/разъем гарнитуры/микрофон</t>
  </si>
  <si>
    <t xml:space="preserve">           Шлейф Huawei</t>
  </si>
  <si>
    <t>Шлейф Huawei Honor 10 Lite на кнопки громкости/включения</t>
  </si>
  <si>
    <t>Шлейф Huawei Honor 10 Lite плата на системный разъем/разъем гарнитуры/микрофон</t>
  </si>
  <si>
    <t>Шлейф Huawei Honor 10 Lite/P Smart 2019 межплатный</t>
  </si>
  <si>
    <t>Шлейф Huawei Honor 10 на системный разъем</t>
  </si>
  <si>
    <t>Шлейф Huawei Honor 10i/20e плата на системный разъем/разъем гарнитуры/микрофон</t>
  </si>
  <si>
    <t>Шлейф Huawei Honor 10X Lite/P Smart 2021 межплатный</t>
  </si>
  <si>
    <t>Шлейф Huawei Honor 10X Lite/P Smart 2021 плата на системный разъем/разъем гарнитуры/микрофон</t>
  </si>
  <si>
    <t>Шлейф Huawei Honor 20/20 Pro/Nova 5T (YAL-L21/YAL-L41/Yale-L71A) плата на системный разъем/микр</t>
  </si>
  <si>
    <t>Шлейф Huawei Honor 4C на кнопки громкости/включения</t>
  </si>
  <si>
    <t>Шлейф Huawei Honor 5C плата на системный разъем/микрофон</t>
  </si>
  <si>
    <t>Шлейф Huawei Honor 6C Pro на кнопки громкости/включения</t>
  </si>
  <si>
    <t>Шлейф Huawei Honor 6C на кнопки громкости/включения</t>
  </si>
  <si>
    <t>Шлейф Huawei Honor 6C плата на системный разъем/микрофон</t>
  </si>
  <si>
    <t>Шлейф Huawei Honor 7A Pro/Honor 7C/Y6 2018/Y6 Prime 2018 плата на системный разъем/микрофон</t>
  </si>
  <si>
    <t>Шлейф Huawei Honor 7A/9S/Y5p плата на системный разъем/микрофон</t>
  </si>
  <si>
    <t>Шлейф Huawei Honor 7X на кнопки громкости/включения</t>
  </si>
  <si>
    <t>Шлейф Huawei Honor 8 Lite плата на системный разъем/микрофон</t>
  </si>
  <si>
    <t>Шлейф Huawei Honor 8C на системный разъем/микрофон</t>
  </si>
  <si>
    <t>Шлейф Huawei Honor 8X плата на системный разъем/разъем гарнитуры/микрофон</t>
  </si>
  <si>
    <t>Шлейф Huawei Honor 9 Lite на кнопку HOME в сборе Белый</t>
  </si>
  <si>
    <t>Шлейф Huawei Honor 9 Lite плата на системный разъем/разъем гарнитуры/микрофон</t>
  </si>
  <si>
    <t>Шлейф Huawei Honor 9A/Y6p (MOA-LX9N/MED-LX9N) плата на системный разъем/разъем гарнитуры/микрофо</t>
  </si>
  <si>
    <t>Шлейф Huawei Honor 9C плата на системный разъем/разъем гарнитуры/микрофон</t>
  </si>
  <si>
    <t>Шлейф Huawei Honor View 10 на кнопки громкости/включения</t>
  </si>
  <si>
    <t>Шлейф Huawei Mate 8 на кнопки громкости</t>
  </si>
  <si>
    <t>Шлейф Huawei Nova 2 Plus на кнопки громкости/включения</t>
  </si>
  <si>
    <t>Шлейф Huawei P Smart 2019 плата на системный разъем/разъем гарнитуры/микрофон</t>
  </si>
  <si>
    <t>Шлейф Huawei P Smart Z/Honor 9X/9X Premium плата на системный разъем/разъем гарнитуры/микрофон</t>
  </si>
  <si>
    <t>Шлейф Huawei P Smart плата на системный разъем/разъем гарнитуры/микрофон</t>
  </si>
  <si>
    <t>Шлейф Huawei P10 Lite на кнопки громкости/включения</t>
  </si>
  <si>
    <t>Шлейф Huawei P20 Lite на кнопки громкости/включения</t>
  </si>
  <si>
    <t>Шлейф Huawei P20 Lite плата на системный разъем/разъем гарнитуры/микрофон</t>
  </si>
  <si>
    <t>Шлейф Huawei P30 Lite/Honor 20 Lite/20S (MAR-LX1M/MAR- LX1H) на кнопки громкости/включения</t>
  </si>
  <si>
    <t>Шлейф Huawei P30 Lite/Honor 20 Lite/20S плата системный разъем/разъем гарнитуры/микрофон</t>
  </si>
  <si>
    <t>Шлейф Huawei P30 Lite/Y6p/Y6 2019/Honor 10 Lite/Honor 9A (MAR-LX1M/MRD-LX1F/JAT-LX1/DUB-LX1/STK-</t>
  </si>
  <si>
    <t>Шлейф Huawei P9 Lite на системный разъем/микрофон</t>
  </si>
  <si>
    <t>Шлейф Huawei Y5 2019/Honor 8S/8S Prime (AMN-LX9/KSE-LX9/KSA-LX9) плата на системный разъем/микро</t>
  </si>
  <si>
    <t>Шлейф Huawei Y5 II (CUN-U29) на кнопки громкости/включения</t>
  </si>
  <si>
    <t>Шлейф Huawei Y6 2019/Y6 Prime 2019/Y6s/Honor 8A/8A Pro плата на системный разъем/микрофон</t>
  </si>
  <si>
    <t>Шлейф Huawei Y7 2019 плата на системный разъем/микрофон</t>
  </si>
  <si>
    <t xml:space="preserve">           Шлейф Lenovo</t>
  </si>
  <si>
    <t>Шлейф Lenovo A606 на кнопки громкости/включения</t>
  </si>
  <si>
    <t>Шлейф Lenovo A850 плата системный разъем/микрофон</t>
  </si>
  <si>
    <t>Шлейф Lenovo S60 на кнопки громкости/включения</t>
  </si>
  <si>
    <t>Шлейф Lenovo S60 на системный разъем</t>
  </si>
  <si>
    <t>Шлейф Lenovo S850 на кнопки громкости/включения</t>
  </si>
  <si>
    <t>Шлейф Lenovo S856 плата системный разъем/микрофон/вибро</t>
  </si>
  <si>
    <t>Шлейф Lenovo S860 на кнопки громкости/включения</t>
  </si>
  <si>
    <t>Шлейф Lenovo S860 плата системный разъем/вибро</t>
  </si>
  <si>
    <t>Шлейф Lenovo S890 плата на системный разъем</t>
  </si>
  <si>
    <t>Шлейф Lenovo S90 Sisley на кнопки громкости/включения</t>
  </si>
  <si>
    <t>Шлейф Lenovo S90 Sisley плата системный разъем/микрофон</t>
  </si>
  <si>
    <t>Шлейф Lenovo S930 плата системный разъем/микрофон</t>
  </si>
  <si>
    <t>Шлейф Lenovo TAB 2 A7-30 на кнопки громкости/включения</t>
  </si>
  <si>
    <t xml:space="preserve">           Шлейф LG</t>
  </si>
  <si>
    <t>Шлейф LG 5500/7050</t>
  </si>
  <si>
    <t>Шлейф LG A258 оригинал 100%</t>
  </si>
  <si>
    <t>Шлейф LG A7150</t>
  </si>
  <si>
    <t>Шлейф LG C1150 с компонентами</t>
  </si>
  <si>
    <t>Шлейф LG D325 системный разъем/микрофон оригинал 100%</t>
  </si>
  <si>
    <t>Шлейф LG D410 системный разъем/микрофон оригинал 100%</t>
  </si>
  <si>
    <t>Шлейф LG D618 (G2 mini) на кнопки громкости/включения</t>
  </si>
  <si>
    <t>Шлейф LG D686 системный разъем/микрофон оригинал 100%</t>
  </si>
  <si>
    <t>Шлейф LG D820\821 системный разъем/микрофон оригинал 100%</t>
  </si>
  <si>
    <t>Шлейф LG D821 (Nexus 5) плата межплатный</t>
  </si>
  <si>
    <t>Шлейф LG D958 на кнопки громкости/включения</t>
  </si>
  <si>
    <t>Шлейф LG D958 на сенсор</t>
  </si>
  <si>
    <t>Шлейф LG E455 системный разъем/микрофон оригинал 100%</t>
  </si>
  <si>
    <t>Шлейф LG E610/E612 системный разъем/микрофон оригинал 100%</t>
  </si>
  <si>
    <t>Шлейф LG E615 системный разъем/микрофон оригинал 100%</t>
  </si>
  <si>
    <t>Шлейф LG E975 системный разъем/микрофон оригинал 100%</t>
  </si>
  <si>
    <t>Шлейф LG E986 системный разъем/микрофон оригинал 100%</t>
  </si>
  <si>
    <t>Шлейф LG KG290</t>
  </si>
  <si>
    <t>Шлейф LG KG800/KG900 с коннектором</t>
  </si>
  <si>
    <t>Шлейф LG KP260 с компонентами</t>
  </si>
  <si>
    <t>Шлейф LG KS360 с компонентами</t>
  </si>
  <si>
    <t>Шлейф LG P705 системный разъем/микрофон </t>
  </si>
  <si>
    <t>Шлейф LG P705 системный разъем/микрофон оригинал 100%</t>
  </si>
  <si>
    <t>Шлейф LG P713 системный разъем/микрофон оригинал 100%</t>
  </si>
  <si>
    <t>Шлейф LG P715 системный разъем/микрофон оригинал 100%</t>
  </si>
  <si>
    <t>Шлейф LG P725 системный разъем/микрофон </t>
  </si>
  <si>
    <t>Шлейф LG P920 на кнопку включения камеры/микрофон</t>
  </si>
  <si>
    <t>Шлейф LG P920 сенсор микрофон</t>
  </si>
  <si>
    <t>Шлейф LG P970 на гарнитуру</t>
  </si>
  <si>
    <t>Шлейф LG P970 системный разъем/кнопка включения</t>
  </si>
  <si>
    <t>Шлейф LG P990 системный разъем</t>
  </si>
  <si>
    <t xml:space="preserve">           Шлейф Meizu</t>
  </si>
  <si>
    <t>Шлейф Meizu M1 Note на системный разъем/микрофон</t>
  </si>
  <si>
    <t>Шлейф Meizu M2 mini на системный разъем/микрофон/вибро</t>
  </si>
  <si>
    <t>Шлейф Meizu M3 Note на кнопки громкости/включения</t>
  </si>
  <si>
    <t>Шлейф Meizu M5 Note межплатный</t>
  </si>
  <si>
    <t>Шлейф Meizu M5 на кнопки громкости/включения</t>
  </si>
  <si>
    <t>Шлейф Meizu M5 на системный разъем/разъем гарнитуры/микрофон</t>
  </si>
  <si>
    <t>Шлейф Meizu M5s на системный разъем/вибро/микрофон</t>
  </si>
  <si>
    <t>Шлейф Meizu MX4 Pro плата на системный разъем/микрофон</t>
  </si>
  <si>
    <t>Шлейф Meizu MX4 плата на системный разъем/микрофон</t>
  </si>
  <si>
    <t>Шлейф Meizu MX5 на системный разъем/микрофон</t>
  </si>
  <si>
    <t>Шлейф Meizu U10 межплатный</t>
  </si>
  <si>
    <t>Шлейф Meizu U10 на системный разъем/разъем гарнитуры/микрофон</t>
  </si>
  <si>
    <t xml:space="preserve">           Шлейф Motorola</t>
  </si>
  <si>
    <t>Шлейф Motorola V300/V500/V525 с компонентами</t>
  </si>
  <si>
    <t>Шлейф Motorola V3x с компонентами</t>
  </si>
  <si>
    <t>Шлейф Motorola V600/V620 с коннектором и вибро</t>
  </si>
  <si>
    <t xml:space="preserve">           Шлейф Nokia</t>
  </si>
  <si>
    <t>Шлейф Nokia 1020 на разъем гарнитуры/микрофон</t>
  </si>
  <si>
    <t>Шлейф Nokia 1020 на системный разъем/микрофон</t>
  </si>
  <si>
    <t>Шлейф Nokia 2 на системный разъем/микрофон</t>
  </si>
  <si>
    <t>Шлейф Nokia 2.2 на системный разъем/микрофон</t>
  </si>
  <si>
    <t>Шлейф Nokia 2680s(межплатный) в сборе c подложкой функциональной клавиатуры оригинал 100%</t>
  </si>
  <si>
    <t>Шлейф Nokia 2760 Оригинал</t>
  </si>
  <si>
    <t>Шлейф Nokia 3 на системный разъем/микрофон</t>
  </si>
  <si>
    <t>Шлейф Nokia 3.1 (2018) на системный разъем/микрофон</t>
  </si>
  <si>
    <t>Шлейф Nokia 3.1 Plus на системный разъем/микрофон</t>
  </si>
  <si>
    <t>Шлейф Nokia 3600S (межплатный) в сборе c подложкой функциональной клавиатуры оригинал 100%</t>
  </si>
  <si>
    <t>Шлейф Nokia 3710 fold шлейф дисплея в сборе с камерой оригинал 100%</t>
  </si>
  <si>
    <t>Шлейф Nokia 3710 межплатный</t>
  </si>
  <si>
    <t>Шлейф Nokia 5 (TA-1053) межплатный</t>
  </si>
  <si>
    <t>Шлейф Nokia 5 (TA-1053) на системный разъем/микрофон</t>
  </si>
  <si>
    <t>Шлейф Nokia 5.1 (2018) на системный разъем/микрофон</t>
  </si>
  <si>
    <t>Шлейф Nokia 5.1 Plus на системный разъем/микрофон</t>
  </si>
  <si>
    <t>Шлейф Nokia 5330 межплатный с компонентами</t>
  </si>
  <si>
    <t>Шлейф Nokia 5700 на камеру в сборе Оригинал</t>
  </si>
  <si>
    <t>Шлейф Nokia 5800 динамика в сборе с внешней камерой-Оригинал 100%</t>
  </si>
  <si>
    <t>Шлейф Nokia 6,2/7,2 плата на системный разъем/микрофон</t>
  </si>
  <si>
    <t>Шлейф Nokia 6101/6103</t>
  </si>
  <si>
    <t>Шлейф Nokia 6110 </t>
  </si>
  <si>
    <t>Шлейф Nokia 6125 LT</t>
  </si>
  <si>
    <t>Шлейф Nokia 6210 LT</t>
  </si>
  <si>
    <t>Шлейф Nokia 6220C со вспышкой</t>
  </si>
  <si>
    <t>Шлейф Nokia 625 на кнопки громкости/включения/камеры</t>
  </si>
  <si>
    <t>Шлейф Nokia 625 плата системный разъем/микрофон</t>
  </si>
  <si>
    <t>Шлейф Nokia 6270 c коннектором</t>
  </si>
  <si>
    <t>Шлейф Nokia 6270 боковых кнопок -оригинал 100%</t>
  </si>
  <si>
    <t>Шлейф Nokia 6280/6288 c компонентами Оригинал</t>
  </si>
  <si>
    <t>Шлейф Nokia 6555/3555/3610f/3610a оригинал</t>
  </si>
  <si>
    <t>Шлейф Nokia 6600s/6600i (копия оригинала)</t>
  </si>
  <si>
    <t>Шлейф Nokia 6700S межплатный </t>
  </si>
  <si>
    <t>Шлейф Nokia 6700S межплатный оригинал</t>
  </si>
  <si>
    <t>Шлейф Nokia 7 Plus на системный разъем/микрофон</t>
  </si>
  <si>
    <t>Шлейф Nokia 7.1 (2018) на системный разъем/микрофон</t>
  </si>
  <si>
    <t>Шлейф Nokia 7020 оригинал 100%</t>
  </si>
  <si>
    <t>Шлейф Nokia 7070 - аналог</t>
  </si>
  <si>
    <t>Шлейф Nokia 720 на кнопки громкости</t>
  </si>
  <si>
    <t>Шлейф Nokia 720 плата системный разъем/микрофон</t>
  </si>
  <si>
    <t>Шлейф Nokia 7200 LT</t>
  </si>
  <si>
    <t>Шлейф Nokia 7370\7373 с компонентами</t>
  </si>
  <si>
    <t>Шлейф Nokia 7510s на камеру</t>
  </si>
  <si>
    <t>Шлейф Nokia 7610S LT</t>
  </si>
  <si>
    <t>Шлейф Nokia 800 c cенcором</t>
  </si>
  <si>
    <t>Шлейф Nokia 820 на кнопки громкости/включения/камеры</t>
  </si>
  <si>
    <t>Шлейф Nokia 820 на разъем гарнитуры</t>
  </si>
  <si>
    <t>Шлейф Nokia 920 на кнопки гр.\включения\камеры</t>
  </si>
  <si>
    <t>Шлейф Nokia 920 на разъем гарнитуры/микрофон</t>
  </si>
  <si>
    <t>Шлейф Nokia 920 на системный разъём\микрофон</t>
  </si>
  <si>
    <t>Шлейф Nokia 925 на системный рзъём/гарнитуры/микрофон</t>
  </si>
  <si>
    <t>Шлейф Nokia C2-03/C2-06 Оригинал</t>
  </si>
  <si>
    <t>Шлейф Nokia C2-05 (оригинал)</t>
  </si>
  <si>
    <t>Шлейф Nokia C5-03 на кнопку включения</t>
  </si>
  <si>
    <t>Шлейф Nokia C7-00 (копия оригинала)</t>
  </si>
  <si>
    <t>Шлейф Nokia E65 межплатный в сборе c подложкой функциональной клавиатуры</t>
  </si>
  <si>
    <t>Шлейф Nokia E65 межплатный в сборе c подложкой функциональной клавиатуры-Оригинал 100%</t>
  </si>
  <si>
    <t>Шлейф Nokia E75 (оригинал)</t>
  </si>
  <si>
    <t>Шлейф Nokia E75 с компонентами</t>
  </si>
  <si>
    <t>Шлейф Nokia N81(межплатный) c подложкой функциональной клавиатуры и камерой</t>
  </si>
  <si>
    <t>Шлейф Nokia N81(межплатный) c подложкой функциональной клавиатуры и камерой-оригинал 100%</t>
  </si>
  <si>
    <t>Шлейф Nokia N85 (межплатный) c подложкой функциональной клавиатуры и камерой-оригинал 100%</t>
  </si>
  <si>
    <t>Шлейф Nokia N86 (оригинал)</t>
  </si>
  <si>
    <t>Шлейф Nokia N97 в сборе с механизмом - Оригинал</t>
  </si>
  <si>
    <t>Шлейф Nokia N97- Оригинал</t>
  </si>
  <si>
    <t>Шлейф Nokia X3 - Аналог</t>
  </si>
  <si>
    <t>Шлейф Nokia X3 - оригинал 100%</t>
  </si>
  <si>
    <t>Шлейф Nokia X6-00 на тач скрин</t>
  </si>
  <si>
    <t xml:space="preserve">           Шлейф Samsung</t>
  </si>
  <si>
    <t>Шлейф Samsung A015F (A01) плата системный разъем/микрофон</t>
  </si>
  <si>
    <t>Шлейф Samsung A022G (A02) плата системный разъем/разъем гарнитуры/микрофон</t>
  </si>
  <si>
    <t>Шлейф Samsung A02s/A03s (A025F/A037F) плата системный разъем/разъем гарнитуры/микрофон</t>
  </si>
  <si>
    <t>Шлейф Samsung A105 (A10) плата системный разъем/разъем гарнитуры/микрофон </t>
  </si>
  <si>
    <t>Шлейф Samsung A115F/M115F (A11/M11) плата системный разъем/микрофон (узкий коннектор)</t>
  </si>
  <si>
    <t>Шлейф Samsung A127F (A12 Nacho) плата системный разъем/разъем гарнитуры/микрофон</t>
  </si>
  <si>
    <t>Шлейф Samsung A20 2019 г. A205 FN плата системный разъем/разъем гарнитуры/микрофон оригинал 100%</t>
  </si>
  <si>
    <t>Шлейф Samsung A20/A30/A30s/A40/A50/A70 (A205F/A305F/A307F/A405F/A505F/A705F) на кнопки гр</t>
  </si>
  <si>
    <t>Шлейф Samsung A205F / A20 межплатный оригинал</t>
  </si>
  <si>
    <t>Шлейф Samsung A20s (A207) плата системный разъем/разъем гарнитуры/микрофон</t>
  </si>
  <si>
    <t>Шлейф Samsung A21s (A217F) плата системный разъем/разъем гарнитуры/микрофон</t>
  </si>
  <si>
    <t>Шлейф Samsung A300F на кнопку включения</t>
  </si>
  <si>
    <t>Шлейф Samsung A300F плата,системный разъём </t>
  </si>
  <si>
    <t>Шлейф Samsung A307F (A30s) плата системный разъем/разъем гарнитуры/микрофон</t>
  </si>
  <si>
    <t>Шлейф Samsung A310/A3 (2016) плата,системный разъём оригинал 100%</t>
  </si>
  <si>
    <t>Шлейф Samsung A310F на кнопки громкости</t>
  </si>
  <si>
    <t>Шлейф Samsung A315F (A31) плата системный разъем/разъем гарнитуры/микрофон</t>
  </si>
  <si>
    <t>Шлейф Samsung A32 (A325F) на системный разъем/разъем гарнитуры/микрофон</t>
  </si>
  <si>
    <t>Шлейф Samsung A325F/A225 (A32/A22) межплатный</t>
  </si>
  <si>
    <t>Шлейф Samsung A405 (A40) плата системный разъем/разъем гарнитуры/микрофон оригинал </t>
  </si>
  <si>
    <t>Шлейф Samsung A500F на кнопки громкости/микрофон</t>
  </si>
  <si>
    <t>Шлейф Samsung A500F на кнопку включения</t>
  </si>
  <si>
    <t>Шлейф Samsung A500F плата,системный разъём</t>
  </si>
  <si>
    <t>Шлейф Samsung A505 (A50) плата системный разъем/разъем гарнитуры/микрофон (оригинал 100%)</t>
  </si>
  <si>
    <t>Шлейф Samsung A505F / A50 межплатный </t>
  </si>
  <si>
    <t>Шлейф Samsung A51 (A515F) межплатный</t>
  </si>
  <si>
    <t>Шлейф Samsung A515F (A51) плата системный разъем/разъем гарнитуры/микрофон</t>
  </si>
  <si>
    <t>Шлейф Samsung A515F/A715F (A51/A71) на кнопки громкости/включения</t>
  </si>
  <si>
    <t>Шлейф Samsung A52/A52 5G/A52s 5G (A525F/A526B/A528B) межплатный</t>
  </si>
  <si>
    <t>Шлейф Samsung A70 (A705F) межплатный</t>
  </si>
  <si>
    <t>Шлейф Samsung A70 (A705F) плата системный разъем/разъем гарнитуры/микрофон</t>
  </si>
  <si>
    <t>Шлейф Samsung A700FD на кнопку включения</t>
  </si>
  <si>
    <t>Шлейф Samsung A700FD плата системный разъем/разъем гарнитуры/микрофон</t>
  </si>
  <si>
    <t>Шлейф Samsung A710F/A7 (2016) плата системный разъем/разъем гарнитуры/микрофон оригинал 100%</t>
  </si>
  <si>
    <t>Шлейф Samsung B5702 Оригинал-ААА</t>
  </si>
  <si>
    <t>Шлейф Samsung C3050 </t>
  </si>
  <si>
    <t>Шлейф Samsung C3310 оригинал</t>
  </si>
  <si>
    <t>Шлейф Samsung C3592 оригинал 100%</t>
  </si>
  <si>
    <t>Шлейф Samsung C3730 с компонентами</t>
  </si>
  <si>
    <t>Шлейф Samsung C6112 оригинал</t>
  </si>
  <si>
    <t>Шлейф Samsung C6712 на разъем гарнитуры со спикером</t>
  </si>
  <si>
    <t>Шлейф Samsung D500 </t>
  </si>
  <si>
    <t>Шлейф Samsung D820 </t>
  </si>
  <si>
    <t>Шлейф Samsung D820 Оригинал 100%</t>
  </si>
  <si>
    <t>Шлейф Samsung D840 </t>
  </si>
  <si>
    <t>Шлейф Samsung D840 Оригинал 100%</t>
  </si>
  <si>
    <t>Шлейф Samsung D900 межплатный </t>
  </si>
  <si>
    <t>Шлейф Samsung D900 межплатный - копия оригинал</t>
  </si>
  <si>
    <t>Шлейф Samsung D900 межплатный - оригинал 100%</t>
  </si>
  <si>
    <t>Шлейф Samsung E1195 - Оригинал</t>
  </si>
  <si>
    <t>Шлейф Samsung E1310</t>
  </si>
  <si>
    <t>Шлейф Samsung E250 Оригинал AAA</t>
  </si>
  <si>
    <t>Шлейф Samsung E251/E250i оригинал</t>
  </si>
  <si>
    <t>Шлейф Samsung E2510 с компонентами</t>
  </si>
  <si>
    <t>Шлейф Samsung E2530 аналог</t>
  </si>
  <si>
    <t>Шлейф Samsung E2550</t>
  </si>
  <si>
    <t>Шлейф Samsung E370</t>
  </si>
  <si>
    <t>Шлейф Samsung E390 (копия оригинала)</t>
  </si>
  <si>
    <t>Шлейф Samsung E480 с компонентами</t>
  </si>
  <si>
    <t>Шлейф Samsung E490 с компонентами</t>
  </si>
  <si>
    <t>Шлейф Samsung E630 (копия оригинала)</t>
  </si>
  <si>
    <t>Шлейф Samsung E740 </t>
  </si>
  <si>
    <t>Шлейф Samsung E740 оригина 100%</t>
  </si>
  <si>
    <t>Шлейф Samsung E800/E820 </t>
  </si>
  <si>
    <t>Шлейф Samsung E830 </t>
  </si>
  <si>
    <t>Шлейф Samsung E900 LT</t>
  </si>
  <si>
    <t>Шлейф Samsung F110 Оригинал</t>
  </si>
  <si>
    <t>Шлейф Samsung F310 Оригинал</t>
  </si>
  <si>
    <t>Шлейф Samsung F400/F480 с коннектором</t>
  </si>
  <si>
    <t>Шлейф Samsung G350E на гарнитуру</t>
  </si>
  <si>
    <t>Шлейф Samsung G531H на кнопку HOME</t>
  </si>
  <si>
    <t>Шлейф Samsung G531H на разъем гарнитуры/спикер</t>
  </si>
  <si>
    <t>Шлейф Samsung G7102 на home аналог</t>
  </si>
  <si>
    <t>Шлейф Samsung G7102 на спикер аналог</t>
  </si>
  <si>
    <t>Шлейф Samsung G800F Galaxy S5 mini системный разъём на плате Оригинал 100%</t>
  </si>
  <si>
    <t>Шлейф Samsung G800H Galaxy S5 mini системный разъём на плате Оригинал 100%</t>
  </si>
  <si>
    <t>Шлейф Samsung G850F на спикер/разъем гарнитуры/кнопки громкости</t>
  </si>
  <si>
    <t>Шлейф Samsung G850Fна кнопку вкл.</t>
  </si>
  <si>
    <t>Шлейф Samsung G900 Galaxy S5 на разъём з/у,микрофон </t>
  </si>
  <si>
    <t>Шлейф Samsung G900f/S5 на кнопку вкл.</t>
  </si>
  <si>
    <t>Шлейф Samsung G920F/G920FD/S6/S6 Duos на спикер/микрофон/датчик оригинал 100%</t>
  </si>
  <si>
    <t>Шлейф Samsung G925F/S6 Edge на спикер/сенсор оригинал 100%</t>
  </si>
  <si>
    <t>Шлейф Samsung G925F/S6 Edge плата системный разъем/разъем гарнитуры/микрофон/HOME</t>
  </si>
  <si>
    <t>Шлейф Samsung G930F/S7 плата системный разъем/сенсор/микрофон</t>
  </si>
  <si>
    <t>Шлейф Samsung G950F/S8 плата системный разъем/сенсор/микрофон (оригинал 100%)</t>
  </si>
  <si>
    <t>Шлейф Samsung G955F/S8+ плата системный разъем/сенсор/микрофон (оригинал 100%)</t>
  </si>
  <si>
    <t>Шлейф Samsung G955F/S8+ плата системный разъем/сенсор/микрофон аналог</t>
  </si>
  <si>
    <t>Шлейф Samsung G960/S9 плата системный разъем/сенсор/микрофон (оригинал 100%)</t>
  </si>
  <si>
    <t>Шлейф Samsung G965F/S9+ плата системный разъем/сенсор/микрофон (оригинал 100%)</t>
  </si>
  <si>
    <t>Шлейф Samsung i400 с коннектором ориг</t>
  </si>
  <si>
    <t>Шлейф Samsung i520 Оригинал</t>
  </si>
  <si>
    <t>Шлейф Samsung i8150 спикер\разъем гарнитуры</t>
  </si>
  <si>
    <t>Шлейф Samsung i8160 на динамик\сенсор</t>
  </si>
  <si>
    <t>Шлейф Samsung i8160 на разъем гарнитуры</t>
  </si>
  <si>
    <t>Шлейф Samsung i8190 на динамик</t>
  </si>
  <si>
    <t>Шлейф Samsung i8262 на системный разъем с микрофоном</t>
  </si>
  <si>
    <t>Шлейф Samsung i9000/i9001 на кнопку включения</t>
  </si>
  <si>
    <t>Шлейф Samsung i9000/i9001 на разъем гарнитуры со спикером</t>
  </si>
  <si>
    <t>Шлейф Samsung i9003 на разъем SIM/MMC</t>
  </si>
  <si>
    <t>Шлейф Samsung i9020 со спикером</t>
  </si>
  <si>
    <t>Шлейф Samsung i9070 на кнопки громкости</t>
  </si>
  <si>
    <t>Шлейф Samsung i9082 на вибро</t>
  </si>
  <si>
    <t>Шлейф Samsung i9082 на джойстик (кнопку Home)</t>
  </si>
  <si>
    <t>Шлейф Samsung i9082 на динамик/датчик(оригинал100%)</t>
  </si>
  <si>
    <t>Шлейф Samsung i9082 на кнопки громкости</t>
  </si>
  <si>
    <t>Шлейф Samsung i9082/i9060 на кнопку включения</t>
  </si>
  <si>
    <t>Шлейф Samsung i9100 на кнопки громкости</t>
  </si>
  <si>
    <t>Шлейф Samsung i9100/i9105 на кнопки включения</t>
  </si>
  <si>
    <t>Шлейф Samsung i9100/i9105 спикер/разъем гарнитуры/вибро</t>
  </si>
  <si>
    <t>Шлейф Samsung i9103 на системный разъем с микрофоном оригинал </t>
  </si>
  <si>
    <t>Шлейф Samsung i9103 на системный разъем с микрофоном оригинал 100%</t>
  </si>
  <si>
    <t>Шлейф Samsung i9105 на системный разъем с микрофоном оригинал 100%</t>
  </si>
  <si>
    <t>Шлейф Samsung i9152 на динамик/датчик(оригинал100%)</t>
  </si>
  <si>
    <t>Шлейф Samsung i9190/i9192/i9195 на гарнитуру</t>
  </si>
  <si>
    <t>Шлейф Samsung i9200/i9205 на кнопки громкости</t>
  </si>
  <si>
    <t>Шлейф Samsung i9200/i9205 на кнопку включения</t>
  </si>
  <si>
    <t>Шлейф Samsung i9200/i9205 плата системный разъем/микрофон оригинал 100%</t>
  </si>
  <si>
    <t>Шлейф Samsung i9250 на динамик (speaker)</t>
  </si>
  <si>
    <t>Шлейф Samsung i9250 на кнопки громкости</t>
  </si>
  <si>
    <t>Шлейф Samsung i9260 на системный разъем с микрофоном(оригинал 100%)</t>
  </si>
  <si>
    <t>Шлейф Samsung i9300 на кнопку HOME</t>
  </si>
  <si>
    <t>Шлейф Samsung i9300 спикер/кнопки громкости оригинал 100%</t>
  </si>
  <si>
    <t>Шлейф Samsung i9500 на системный разъём,сенсор</t>
  </si>
  <si>
    <t>Шлейф Samsung i9500/i9505 на вибро</t>
  </si>
  <si>
    <t>Шлейф Samsung i9500/i9505 спикер/сенсор</t>
  </si>
  <si>
    <t>Шлейф Samsung i9505 на системный разъём,сенсор </t>
  </si>
  <si>
    <t>Шлейф Samsung J510F на кнопку HOME/разъем гарнитуры/сенсорные кн. Оригинал 100%</t>
  </si>
  <si>
    <t>Шлейф Samsung J600E Оригинал 100%</t>
  </si>
  <si>
    <t>Шлейф Samsung J700 Оригинал-ААА</t>
  </si>
  <si>
    <t>Шлейф Samsung J700i/J700G-оригинал </t>
  </si>
  <si>
    <t>Шлейф Samsung J770 с компонентами</t>
  </si>
  <si>
    <t>Шлейф Samsung L770</t>
  </si>
  <si>
    <t>Шлейф Samsung L770 Оригинал</t>
  </si>
  <si>
    <t>Шлейф Samsung L870/i590 (копия оригинала)</t>
  </si>
  <si>
    <t>Шлейф Samsung L870/i590 с компонентами</t>
  </si>
  <si>
    <t>Шлейф Samsung M307F/M215F/M315F (M30s/M21/M31) плата системный разъем/разъем гарнитуры/микрофон</t>
  </si>
  <si>
    <t>Шлейф Samsung M600 (LT)</t>
  </si>
  <si>
    <t>Шлейф Samsung N5100/N5110/N5120 карты памяти с вибро оригинал 100%</t>
  </si>
  <si>
    <t>Шлейф Samsung N7100 на Home</t>
  </si>
  <si>
    <t>Шлейф Samsung N7100 на кнопку включения</t>
  </si>
  <si>
    <t>Шлейф Samsung N7100 на системный разъём</t>
  </si>
  <si>
    <t>Шлейф Samsung N8000 на кнопки громкости/включения</t>
  </si>
  <si>
    <t>Шлейф Samsung N8000 на разъем гарнитуры</t>
  </si>
  <si>
    <t>Шлейф Samsung N8000/P5100/P5110/P7500 на дисплей</t>
  </si>
  <si>
    <t>Шлейф Samsung N9000 на Home</t>
  </si>
  <si>
    <t>Шлейф Samsung N9000 на кнопку включения/вибро</t>
  </si>
  <si>
    <t>Шлейф Samsung N9000/N9005 спикер/разъем гарнитуры</t>
  </si>
  <si>
    <t>Шлейф Samsung N9000/Note3 плата на системный разъем</t>
  </si>
  <si>
    <t>Шлейф Samsung N915F плата системный разъем/микрофон</t>
  </si>
  <si>
    <t>Шлейф Samsung N920C Note5плата системный разъем/разъем гарнитуры/микрофон оригинал 100%</t>
  </si>
  <si>
    <t>Шлейф Samsung N950F (Note 8) на системный разъем/микрофон оригинал 100%</t>
  </si>
  <si>
    <t>Шлейф Samsung N960F (Note 9) плата системный разъем/микрофон оригинал</t>
  </si>
  <si>
    <t>Шлейф Samsung P1000 на кнопки громкости</t>
  </si>
  <si>
    <t>Шлейф Samsung P3100/P3110 на кнопки громкости/включения</t>
  </si>
  <si>
    <t>Шлейф Samsung P3100/P3110 на разъем гарнитуры/микрофон</t>
  </si>
  <si>
    <t>Шлейф Samsung P3100/P3110/P6200 на дисплей</t>
  </si>
  <si>
    <t>Шлейф Samsung P5100 на гарнитуру</t>
  </si>
  <si>
    <t>Шлейф Samsung P5100/P5110 на кнопки громкости/включения</t>
  </si>
  <si>
    <t>Шлейф Samsung P5200/P5210/T530/T531 межплатный</t>
  </si>
  <si>
    <t>Шлейф Samsung P600/P601/P605 на дисплей оригинал 100%</t>
  </si>
  <si>
    <t>Шлейф Samsung P6800 на системный разъём</t>
  </si>
  <si>
    <t>Шлейф Samsung P6800/P6810 межплатный</t>
  </si>
  <si>
    <t>Шлейф Samsung P7500 на вспышку</t>
  </si>
  <si>
    <t>Шлейф Samsung P7500 на гарнитуру</t>
  </si>
  <si>
    <t>Шлейф Samsung P7500 на кнопки включения/громкости</t>
  </si>
  <si>
    <t>Шлейф Samsung P7500 на сим коннектор</t>
  </si>
  <si>
    <t>Шлейф Samsung P8110 на дисплей оригинал 100%</t>
  </si>
  <si>
    <t>Шлейф Samsung P900/P901/P905  на системный разъём</t>
  </si>
  <si>
    <t>Шлейф Samsung P900/P901/P905 на вибро/гарнитуру</t>
  </si>
  <si>
    <t>Шлейф Samsung P900/P901/P905 на дисплей</t>
  </si>
  <si>
    <t>Шлейф Samsung P900/P901/P905 на кнопку HOME</t>
  </si>
  <si>
    <t>Шлейф Samsung P900/P901/P905 на сенсор микрофон</t>
  </si>
  <si>
    <t>Шлейф Samsung P901/P905 на разъем SIM/MMC</t>
  </si>
  <si>
    <t>Шлейф Samsung S3030</t>
  </si>
  <si>
    <t>Шлейф Samsung S3550 </t>
  </si>
  <si>
    <t>Шлейф Samsung S5050 </t>
  </si>
  <si>
    <t>Шлейф Samsung S5230</t>
  </si>
  <si>
    <t>Шлейф Samsung S5230 Оригинал</t>
  </si>
  <si>
    <t>Шлейф Samsung S5250 на гарнитуру</t>
  </si>
  <si>
    <t>Шлейф Samsung S5330 </t>
  </si>
  <si>
    <t>Шлейф Samsung S5330 аналог</t>
  </si>
  <si>
    <t>Шлейф Samsung S5510</t>
  </si>
  <si>
    <t>Шлейф Samsung S5510-оригинал 100%</t>
  </si>
  <si>
    <t>Шлейф Samsung S5530 Оригинал</t>
  </si>
  <si>
    <t>Шлейф Samsung S5550</t>
  </si>
  <si>
    <t>Шлейф Samsung S5560 на разъем гарнитуры со спикером и вибро</t>
  </si>
  <si>
    <t>Шлейф Samsung S5660 на разъем гарнитуры со спикером</t>
  </si>
  <si>
    <t>Шлейф Samsung S5670 на разъем гарнитуры</t>
  </si>
  <si>
    <t>Шлейф Samsung S5830 в сборе со спикером и датчиком света</t>
  </si>
  <si>
    <t>Шлейф Samsung S7250 со спикером и сенсором</t>
  </si>
  <si>
    <t>Шлейф Samsung S7500 на кнопки громкости</t>
  </si>
  <si>
    <t>Шлейф Samsung S7562 (Galaxy S Duos) на Home</t>
  </si>
  <si>
    <t>Шлейф Samsung S7562 (Galaxy S Duos) на динамик (speaker)/сенсор</t>
  </si>
  <si>
    <t>Шлейф Samsung S7562 (Galaxy S Duos) на динамик/сенсор-оригинал 100%</t>
  </si>
  <si>
    <t>Шлейф Samsung S7562 (Galaxy S Duos) на звонок разъём гар.100%</t>
  </si>
  <si>
    <t>Шлейф Samsung S7562 (Galaxy S Duos) на кнопку включения</t>
  </si>
  <si>
    <t>Шлейф Samsung S8300 </t>
  </si>
  <si>
    <t>Шлейф Samsung S8300 Оригинал</t>
  </si>
  <si>
    <t>Шлейф Samsung S8300 Оригинал 100%</t>
  </si>
  <si>
    <t>Шлейф Samsung T210/T211 дисплея оригинал 100%</t>
  </si>
  <si>
    <t>Шлейф Samsung T210/T211 на кнопки громкости/включения/микрофон</t>
  </si>
  <si>
    <t>Шлейф Samsung T280/T285 системный разъём микрофон оригинал 100%</t>
  </si>
  <si>
    <t>Шлейф Samsung T311 плата системный разъем</t>
  </si>
  <si>
    <t>Шлейф Samsung T320/T321/T325 на кнопку включения/громкости</t>
  </si>
  <si>
    <t>Шлейф Samsung T321/T325 системный разъём оригинал 100%</t>
  </si>
  <si>
    <t>Шлейф Samsung T550/T555 на системный разъем/разъем гарнитуры</t>
  </si>
  <si>
    <t>Шлейф Samsung T800/T805 LTE Galaxy Tab S 10.5 шлейф в сборе с системным разъёмом и считывателем сим-</t>
  </si>
  <si>
    <t>Шлейф Samsung X481 с компонентами</t>
  </si>
  <si>
    <t>Шлейф Samsung X500 </t>
  </si>
  <si>
    <t>Шлейф Samsung X520</t>
  </si>
  <si>
    <t>Шлейф Samsung X550</t>
  </si>
  <si>
    <t>Шлейф Samsung X640 </t>
  </si>
  <si>
    <t xml:space="preserve">           Шлейф Siemens</t>
  </si>
  <si>
    <t>Шлейф Siemens CF110/AL21 с компонентами</t>
  </si>
  <si>
    <t xml:space="preserve">           Шлейф SonyEricsson</t>
  </si>
  <si>
    <t>Шлейф Sony C1904 (M)/C2005 (M Dual) на кнопки громкости/включения/камеру</t>
  </si>
  <si>
    <t>Шлейф Sony C2305 (C) на кнопки громкости/включения/камеры</t>
  </si>
  <si>
    <t>Шлейф Sony C5302 (SP) на кнопки громкости/включения</t>
  </si>
  <si>
    <t>Шлейф Sony C5302 (SP) на разъем гарнитуры</t>
  </si>
  <si>
    <t>Шлейф Sony C5502 (ZR) на боковые кнопки/вибро/микрофон</t>
  </si>
  <si>
    <t>Шлейф Sony C6602/C6603/L36h (Xperia Z)на кнопки громкости,вкл.микр.</t>
  </si>
  <si>
    <t>Шлейф Sony C6603 (Z) на разъем гарнитуры/сенсор</t>
  </si>
  <si>
    <t>Шлейф Sony C6903 (Z1) на микрофон</t>
  </si>
  <si>
    <t>Шлейф Sony C6903 (Z1) разъем гарнитуры/сенсор</t>
  </si>
  <si>
    <t>Шлейф Sony D2203/D2212 (E3/E3 Dual) на кнопки громкости/включения</t>
  </si>
  <si>
    <t>Шлейф Sony D2303/D2302/D2403 (M2/M2 Dual/M2 Aqua ) на кнопки громкости/включения/камеры</t>
  </si>
  <si>
    <t>Шлейф Sony D2533/D2502 (C3/C3 Dual) на разъем гарнитуры</t>
  </si>
  <si>
    <t>Шлейф Sony D5503 (Z1 Compact) на разъем гарнитуры</t>
  </si>
  <si>
    <t>Шлейф Sony D6633 (Z3 Dual) на разъем гарнитуры/сенсор/микрофон</t>
  </si>
  <si>
    <t>Шлейф Sony E2303/E2312 (M4/M4 Dual) в сборе с передним микрофоном</t>
  </si>
  <si>
    <t>Шлейф Sony E2303/E2312 (M4/M4 Dual) на разъем гарнитуры</t>
  </si>
  <si>
    <t>Шлейф Sony E2303/E2312 (M4/M4 Dual) на системный разъем</t>
  </si>
  <si>
    <t>Шлейф Sony E2303/E2312 (M4/M4 Dual) плата в сборе с микрофоном и антенной</t>
  </si>
  <si>
    <t>Шлейф Sony E5603/E5633 (M5/M5 Dual) на разъем гарнитуры</t>
  </si>
  <si>
    <t>Шлейф Sony E5823 (Z5 Compact) в сборе с микрофоном</t>
  </si>
  <si>
    <t>Шлейф Sony E5823 (Z5 Compact) на разъем гарнитуры</t>
  </si>
  <si>
    <t>Шлейф Sony E5823 (Z5 Compact) на системный разъем</t>
  </si>
  <si>
    <t>Шлейф Sony E6553/E6533 (Z3+/Z3+ Dual) на разъем гарнитуры</t>
  </si>
  <si>
    <t>Шлейф Sony E6553/E6533 (Z3+/Z3+ Dual) на сенсор/микрофон</t>
  </si>
  <si>
    <t>Шлейф Sony E6653/E6683 (Z5/Z5 Dual) на микрофон</t>
  </si>
  <si>
    <t>Шлейф Sony E6653/E6683 (Z5/Z5 Dual) на разъем гарнитуры/микрофон</t>
  </si>
  <si>
    <t>Шлейф Sony E6653/E6683 (Z5/Z5 Dual) на системный разъем</t>
  </si>
  <si>
    <t>Шлейф Sony E6853/E6833 (Z5 Premium/Z5 Premium Dual) на разъем гарнитуры</t>
  </si>
  <si>
    <t>Шлейф Sony E6853/E6833 (Z5 Premium/Z5 Premium Dual) на системный разъем</t>
  </si>
  <si>
    <t>Шлейф Sony F3111/F3112 (XA/XA Dual) плата вибро/микрофон/системный разъем</t>
  </si>
  <si>
    <t>Шлейф Sony G3311/G3312 (L1/L1 Dual) плата на системный разъем/микрофон</t>
  </si>
  <si>
    <t>Шлейф SonyEricsson CK15i (Txt Pro) - Оригинал</t>
  </si>
  <si>
    <t>Шлейф SonyEricsson G705/W705 межплатный c динамиком (оригинал)</t>
  </si>
  <si>
    <t>Шлейф SonyEricsson J20 (Hazel) на кнопку камеры</t>
  </si>
  <si>
    <t>Шлейф SonyEricsson S500 на камеру (узкий разъем)</t>
  </si>
  <si>
    <t>Шлейф SonyEricsson S500 на камеру (узкий разъем)-оригинал 100%</t>
  </si>
  <si>
    <t>Шлейф SonyEricsson T303</t>
  </si>
  <si>
    <t>Шлейф SonyEricsson T700 камеры оригинал 100%</t>
  </si>
  <si>
    <t>Шлейф SonyEricsson U20 (X10 mini pro) (межплатный) оригинал 100%</t>
  </si>
  <si>
    <t>Шлейф SonyEricsson U20i (X10 mini pro)(межплатный)</t>
  </si>
  <si>
    <t>Шлейф SonyEricsson W205 Оригинал</t>
  </si>
  <si>
    <t>Шлейф SonyEricsson W20i (Zylo) межплатный Оригинал 100%</t>
  </si>
  <si>
    <t>Шлейф SonyEricsson W20i (Zylo) на камеру Оригинал</t>
  </si>
  <si>
    <t>Шлейф SonyEricsson W20i Zylo динамика оригинал 100%</t>
  </si>
  <si>
    <t>Шлейф SonyEricsson W380 Оригинал</t>
  </si>
  <si>
    <t>Шлейф SonyEricsson W595 межплатный Оригинал</t>
  </si>
  <si>
    <t>Шлейф SonyEricsson W710 кнопки громкости Оригинал 100%</t>
  </si>
  <si>
    <t>Шлейф SonyEricsson W710\Z710 межплатный Оригинал 100%</t>
  </si>
  <si>
    <t>Шлейф SonyEricsson W760 межплатный Оригинал</t>
  </si>
  <si>
    <t>Шлейф SonyEricsson W910 межплатный </t>
  </si>
  <si>
    <t>Шлейф SonyEricsson W910 межплатный аналог</t>
  </si>
  <si>
    <t>Шлейф SonyEricsson W980 на sim Оригинал</t>
  </si>
  <si>
    <t>Шлейф SonyEricsson Z300 с компонентами</t>
  </si>
  <si>
    <t>Шлейф SonyEricsson Z320 Оригинал</t>
  </si>
  <si>
    <t>Шлейф SonyEricsson Z320 Оригинал 100%</t>
  </si>
  <si>
    <t>Шлейф SonyEricsson Z550i с коннектором и разъемом для камеры Оригинал</t>
  </si>
  <si>
    <t>Шлейф SonyEricsson Z555</t>
  </si>
  <si>
    <t xml:space="preserve">           Шлейф Xiaomi</t>
  </si>
  <si>
    <t>Шлейф Realme 8/8 Pro плата на системный разъем/разъем гарнитуры/микрофон</t>
  </si>
  <si>
    <t>Шлейф Xiaomi Mi 4 на системный разъем</t>
  </si>
  <si>
    <t>Шлейф Xiaomi Mi 4C на кнопки громкости/включения</t>
  </si>
  <si>
    <t>Шлейф Xiaomi Mi 4C плата системный разъем</t>
  </si>
  <si>
    <t>Шлейф Xiaomi Mi 4i на кнопки громкости/включения</t>
  </si>
  <si>
    <t>Шлейф Xiaomi Mi 5 на кнопки громкости/включения</t>
  </si>
  <si>
    <t>Шлейф Xiaomi Mi 5 плата системный разъем/микрофон</t>
  </si>
  <si>
    <t>Шлейф Xiaomi Mi 5C плата системный разъем/микрофон</t>
  </si>
  <si>
    <t>Шлейф Xiaomi Mi 6 на кнопки громкости/включения</t>
  </si>
  <si>
    <t>Шлейф Xiaomi Mi 6 плата системный разъем/микрофон</t>
  </si>
  <si>
    <t>Шлейф Xiaomi Mi 8 Lite на кнопки громкости/включения</t>
  </si>
  <si>
    <t>Шлейф Xiaomi Mi 8 Lite плата системный разъем/микрофон</t>
  </si>
  <si>
    <t>Шлейф Xiaomi Mi 8 SE плата системный разъем/микрофон</t>
  </si>
  <si>
    <t>Шлейф Xiaomi Mi A1 / M5x плата системный разъем/микрофон Премиум</t>
  </si>
  <si>
    <t>Шлейф Xiaomi Mi A3 плата системный разъем/микрофон</t>
  </si>
  <si>
    <t>Шлейф Xiaomi Mi Max 2 плата системный разъем/микрофон</t>
  </si>
  <si>
    <t>Шлейф Xiaomi Mi Max 3 плата системный разъем/микрофон</t>
  </si>
  <si>
    <t>Шлейф Xiaomi Mi Max плата системный разъем/микрофон</t>
  </si>
  <si>
    <t>Шлейф Xiaomi Mi Note 3 на кнопки громкости/включения</t>
  </si>
  <si>
    <t>Шлейф Xiaomi Mi Play плата системный разъем/микрофон</t>
  </si>
  <si>
    <t>Шлейф Xiaomi Poco C40 плата системный разъем/микрофон</t>
  </si>
  <si>
    <t>Шлейф Xiaomi Poco M3/Redmi 9T плата на системный разъем/разъем гарнитуры/микрофон</t>
  </si>
  <si>
    <t>Шлейф Xiaomi Poco X3 NFC/X3 Pro межплатный</t>
  </si>
  <si>
    <t>Шлейф Xiaomi Redmi 10/10 2022 плата на системный разъем/микрофон</t>
  </si>
  <si>
    <t>Шлейф Xiaomi Redmi 4 Pro (Prime) на кнопки громкости/включения</t>
  </si>
  <si>
    <t>Шлейф Xiaomi Redmi 4 плата на системный разъем/микрофон</t>
  </si>
  <si>
    <t>Шлейф Xiaomi Redmi 5 на кнопку включения/громкости</t>
  </si>
  <si>
    <t>Шлейф Xiaomi Redmi 5 плата на системный разъем/микрофон</t>
  </si>
  <si>
    <t>Шлейф Xiaomi Redmi 5A плата на системный разъем/микрофон</t>
  </si>
  <si>
    <t>Шлейф Xiaomi Redmi 6/6A на кнопку включения/громкости</t>
  </si>
  <si>
    <t>Шлейф Xiaomi Redmi 7 плата на системный разъем/микрофон</t>
  </si>
  <si>
    <t>Шлейф Xiaomi Redmi 7A на кнопки громкости/включения</t>
  </si>
  <si>
    <t>Шлейф Xiaomi Redmi 9 плата на системный разъем/разъем гарнитуры/микрофон</t>
  </si>
  <si>
    <t>Шлейф Xiaomi Redmi 9A/9C на кнопки громкости/включения</t>
  </si>
  <si>
    <t>Шлейф Xiaomi Redmi 9A/9С/10A  плата на системный разъем/микрофон</t>
  </si>
  <si>
    <t>Шлейф Xiaomi Redmi Go плата системный разъем/микрофон</t>
  </si>
  <si>
    <t>Шлейф Xiaomi Redmi Note 10/10S/Poco M5s межплатный</t>
  </si>
  <si>
    <t>Шлейф Xiaomi Redmi Note 10/10S/Poco M5s на кнопки громкости/включения</t>
  </si>
  <si>
    <t>Шлейф Xiaomi Redmi Note 10/Redmi Note 10S/Poco M5s плата системный разъем/разъем гарнитуры/микрофон</t>
  </si>
  <si>
    <t>Шлейф Xiaomi Redmi Note 2 плата системный разъем/микрофон</t>
  </si>
  <si>
    <t>Шлейф Xiaomi Redmi Note 3 Pro плата системный разъем/микрофон</t>
  </si>
  <si>
    <t>Шлейф Xiaomi Redmi Note 3/Redmi Note 3 Pro (24 pin) плата системный разъем/микрофон</t>
  </si>
  <si>
    <t>Шлейф Xiaomi Redmi Note 3/Redmi Note 3 Pro на кнопки громкости/включения</t>
  </si>
  <si>
    <t>Шлейф Xiaomi Redmi Note 4 на кнопки громкости/включения</t>
  </si>
  <si>
    <t>Шлейф Xiaomi Redmi Note 4X (4GB/64GB) межплатный</t>
  </si>
  <si>
    <t>Шлейф Xiaomi Redmi Note 4X (4GB/64GB) плата системный разъем/микрофон</t>
  </si>
  <si>
    <t>Шлейф Xiaomi Redmi Note 4X на кнопки громкости/включения</t>
  </si>
  <si>
    <t>Шлейф Xiaomi Redmi Note 5/Note 5 Pro на кнопки громкости/включения</t>
  </si>
  <si>
    <t>Шлейф Xiaomi Redmi Note 5/Note 5 Pro плата системный разъем/микрофон</t>
  </si>
  <si>
    <t>Шлейф Xiaomi Redmi Note 5A/5A Prime плата системный разъем/микрофон</t>
  </si>
  <si>
    <t>Шлейф Xiaomi Redmi Note 5A/Redmi Note 5A Prime на кнопки громкости/включения</t>
  </si>
  <si>
    <t>Шлейф Xiaomi Redmi Note 6 Pro плата системный разъем/микрофон</t>
  </si>
  <si>
    <t>Шлейф Xiaomi Redmi Note 7/7 Pro/8/8 (2021)/8T на кнопки громкости/включения</t>
  </si>
  <si>
    <t>Шлейф Xiaomi Redmi Note 8 Pro межплатный</t>
  </si>
  <si>
    <t>Шлейф Xiaomi Redmi Note 8 Pro плата системный разъем/разъем гарнитуры/микрофон</t>
  </si>
  <si>
    <t>Шлейф Xiaomi Redmi Note 9 плата системный разъем/разъем гарнитуры/микрофон</t>
  </si>
  <si>
    <t>Шлейф Xiaomi Redmi Note 9S/9 Pro плата системный разъем/разъем гарнитуры/микрофон</t>
  </si>
  <si>
    <t xml:space="preserve">           Шлейф разное</t>
  </si>
  <si>
    <t>Шлейф  Vivo Y20 \ Y31 2021 сканер отпечатка пальцев Черный</t>
  </si>
  <si>
    <t>Шлейф Realme C21Y/C25Y (RMX3263/RMX3269) на кнопки громкости/включения</t>
  </si>
  <si>
    <t>Шлейф Realme C21Y/C25Y (RMX3263/RMX3269) плата на системный разъем/разъем гарнитуры/микрофон</t>
  </si>
  <si>
    <t>Шлейф Tecno Spark 5 Air/6 Go/Pouvoir 4 на системный разъем/разъем гарнитуры/микрофон</t>
  </si>
  <si>
    <t>Шлейф Tecno Spark 7 на системный разъем/разъем гарнитуры/микрофон</t>
  </si>
  <si>
    <t>Шлейф Tecno Spark Go 2022 на системный разъем/разъем гарнитуры/микрофон</t>
  </si>
  <si>
    <t>Шлейф Xiaomi Redmi S2 плата на системный разъем/микрофон</t>
  </si>
  <si>
    <t xml:space="preserve">      Электротовары</t>
  </si>
  <si>
    <t>КЛЕММА СОЕДИНИТЕЛЬНАЯ С РЫЧАЖКАМИ 3 ОТВЕРСТ SMART BUY </t>
  </si>
  <si>
    <t>ЛЕЗВИЯ СМЕННЫЕ ДЛЯ СТРОИТ.НОЖЕЙ 18мм-10шт. SKT-18 SMART BUY </t>
  </si>
</sst>
</file>

<file path=xl/styles.xml><?xml version="1.0" encoding="utf-8"?>
<styleSheet xmlns="http://schemas.openxmlformats.org/spreadsheetml/2006/main">
  <numFmts count="1">
    <numFmt numFmtId="50" formatCode=""/>
  </numFmts>
  <fonts count="6">
    <font>
      <name val="Arial"/>
      <sz val="8"/>
    </font>
    <font>
      <name val="Arial"/>
      <charset val="0"/>
      <family val="2"/>
      <b val="false"/>
      <i val="false"/>
      <strike val="false"/>
      <sz val="8"/>
      <u val="none"/>
    </font>
    <font>
      <name val="Arial"/>
      <charset val="0"/>
      <family val="2"/>
      <b val="true"/>
      <i val="false"/>
      <strike val="false"/>
      <sz val="12"/>
      <u val="none"/>
    </font>
    <font>
      <name val="Arial"/>
      <charset val="1"/>
      <family val="2"/>
      <b val="true"/>
      <i val="false"/>
      <strike val="false"/>
      <color rgb="FFFFFF"/>
      <sz val="9"/>
      <u val="none"/>
    </font>
    <font>
      <name val="Arial"/>
      <charset val="1"/>
      <family val="2"/>
      <b val="true"/>
      <i val="false"/>
      <strike val="false"/>
      <color rgb="000000"/>
      <sz val="8"/>
      <u val="none"/>
    </font>
    <font>
      <name val="Arial"/>
      <charset val="1"/>
      <family val="2"/>
      <b val="false"/>
      <i val="false"/>
      <strike val="false"/>
      <sz val="8"/>
      <u val="none"/>
    </font>
  </fonts>
  <fills count="4">
    <fill>
      <patternFill patternType="none"/>
    </fill>
    <fill>
      <patternFill patternType="gray125"/>
    </fill>
    <fill>
      <patternFill patternType="solid">
        <fgColor rgb="BB0000"/>
        <bgColor auto="true"/>
      </patternFill>
    </fill>
    <fill>
      <patternFill patternType="solid">
        <fgColor rgb="DCDCDC"/>
        <bgColor auto="true"/>
      </patternFill>
    </fill>
  </fills>
  <borders count="3">
    <border>
      <left/>
      <right/>
      <top/>
      <bottom/>
      <diagonal/>
    </border>
    <border>
      <left style="hair">
        <color rgb="FFFFFF"/>
      </left>
      <right style="hair">
        <color rgb="FFFFFF"/>
      </right>
      <top style="hair">
        <color rgb="FFFFFF"/>
      </top>
      <bottom style="hair">
        <color rgb="FFFFFF"/>
      </bottom>
      <diagonal/>
    </border>
    <border>
      <left style="hair">
        <color rgb="000000"/>
      </left>
      <right style="hair">
        <color rgb="000000"/>
      </right>
      <top style="hair">
        <color rgb="000000"/>
      </top>
      <bottom style="hair">
        <color rgb="000000"/>
      </bottom>
      <diagonal/>
    </border>
  </borders>
  <cellStyleXfs count="1">
    <xf numFmtId="0" fontId="0" fillId="0" borderId="0"/>
  </cellStyleXfs>
  <cellXfs count="7">
    <xf/>
    <xf applyAlignment="true">
      <alignment horizontal="left"/>
    </xf>
    <xf applyAlignment="true">
      <alignment horizontal="left" wrapText="1"/>
    </xf>
    <xf fontId="2" applyFont="true" applyAlignment="true">
      <alignment horizontal="center" wrapText="1"/>
    </xf>
    <xf fontId="3" fillId="2" borderId="1" applyFont="true" applyFill="true" applyBorder="true" applyAlignment="true">
      <alignment horizontal="left" vertical="center" wrapText="1"/>
    </xf>
    <xf fontId="4" fillId="3" borderId="2" applyFont="true" applyFill="true" applyBorder="true" applyAlignment="true">
      <alignment horizontal="left" wrapText="1"/>
    </xf>
    <xf fontId="5" borderId="2" applyFont="true" applyBorder="true" applyAlignment="true">
      <alignment horizontal="left" vertical="center" wrapText="1"/>
    </xf>
  </cellXfs>
  <cellStyles count="1">
    <cellStyle name="Обычный" xfId="0" builtinId="0"/>
  </cellStyles>
  <dxfs count="0"/>
  <tableStyles count="0" defaultTableStyle="TableStyleMedium9" defaultPivotStyle="PivotStyleLight16"/>
</styleSheet>
</file>

<file path=xl/_rels/workbook.xml.rels>&#65279;<?xml version="1.0" encoding="UTF-8" standalone="yes"?>
<Relationships xmlns="http://schemas.openxmlformats.org/package/2006/relationships">
	<Relationship Id="rId1" Type="http://schemas.openxmlformats.org/officeDocument/2006/relationships/worksheet" Target="worksheets/sheet1.xml"/>
	<Relationship Id="rId2" Type="http://schemas.openxmlformats.org/officeDocument/2006/relationships/styles" Target="styles.xml"/>
	<Relationship Id="rId3" Type="http://schemas.openxmlformats.org/officeDocument/2006/relationships/sharedStrings" Target="sharedStrings.xml"/>
</Relationships>
</file>

<file path=xl/drawings/_rels/drawing1.xml.rels>&#65279;<?xml version="1.0" encoding="UTF-8" standalone="yes"?>
<Relationships xmlns="http://schemas.openxmlformats.org/package/2006/relationships">
	<Relationship Id="rId1" Type="http://schemas.openxmlformats.org/officeDocument/2006/relationships/image" Target="../media/image1.png"/>
</Relationships>
</file>

<file path=xl/drawings/_rels/vmlDrawingHF1.vml.rels>&#65279;<?xml version="1.0" encoding="UTF-8" standalone="yes"?>
<Relationships xmlns="http://schemas.openxmlformats.org/package/2006/relationships"/>
</file>

<file path=xl/drawings/drawing1.xml><?xml version="1.0" encoding="utf-8"?>
<wsDr xmlns="http://schemas.openxmlformats.org/drawingml/2006/spreadsheetDrawing" xmlns:a="http://schemas.openxmlformats.org/drawingml/2006/main">
  <twoCellAnchor>
    <from>
      <col>0</col>
      <colOff>0</colOff>
      <row>0</row>
      <rowOff>0</rowOff>
    </from>
    <to>
      <col>1</col>
      <colOff>0</colOff>
      <row>1</row>
      <rowOff>0</rowOff>
    </to>
    <pic>
      <nvPicPr>
        <cNvPr id="3" name="Имя " descr="Descr "/>
        <cNvPicPr>
          <a:picLocks noChangeAspect="1"/>
        </cNvPicPr>
      </nvPicPr>
      <blipFill>
        <a:blip xmlns:r="http://schemas.openxmlformats.org/officeDocument/2006/relationships" r:embed="rId1"/>
        <a:stretch>
          <a:fillRect/>
        </a:stretch>
      </blipFill>
      <spPr>
        <a:prstGeom prst="rect">
          <a:avLst/>
        </a:prstGeom>
        <a:ln>
          <a:noFill/>
        </a:ln>
      </spPr>
    </pic>
    <clientData/>
  </twoCellAnchor>
</wsDr>
</file>

<file path=xl/worksheets/_rels/sheet1.xml.rels>&#65279;<?xml version="1.0" encoding="UTF-8" standalone="yes"?>
<Relationships xmlns="http://schemas.openxmlformats.org/package/2006/relationships">
	<Relationship Id="rId1" Type="http://schemas.openxmlformats.org/officeDocument/2006/relationships/drawing" Target="../drawings/drawing1.xml"/>
	<Relationship Id="rId2" Type="http://schemas.openxmlformats.org/officeDocument/2006/relationships/vmlDrawing" Target="../drawings/vmlDrawing1.vml"/>
	<Relationship Id="rId3" Type="http://schemas.openxmlformats.org/officeDocument/2006/relationships/comments" Target="../comments1.xml"/>
	<Relationship Id="rId5" Type="http://schemas.openxmlformats.org/officeDocument/2006/relationships/vmlDrawing" Target="../drawings/vmlDrawingHF1.vml"/>
</Relationships>
</file>

<file path=xl/worksheets/sheet1.xml><?xml version="1.0" encoding="utf-8"?>
<worksheet xmlns="http://schemas.openxmlformats.org/spreadsheetml/2006/main" xmlns:r="http://schemas.openxmlformats.org/officeDocument/2006/relationships">
  <sheetPr>
    <outlinePr summaryBelow="false" summaryRight="false"/>
    <pageSetUpPr autoPageBreaks="false" fitToPage="false"/>
  </sheetPr>
  <dimension ref="G6751"/>
  <sheetViews>
    <sheetView tabSelected="true" workbookViewId="0" rightToLeft="false"/>
  </sheetViews>
  <sheetFormatPr defaultColWidth="10.5" customHeight="true" defaultRowHeight="11.429"/>
  <cols>
    <col min="1" max="1" width="21.5" style="2" customWidth="true"/>
    <col min="2" max="2" width="21.5" style="2" customWidth="true"/>
    <col min="3" max="3" width="21.5" style="2" customWidth="true"/>
    <col min="4" max="4" width="21.5" style="2" customWidth="true"/>
    <col min="5" max="5" width="21.5" style="2" customWidth="true"/>
    <col min="6" max="6" width="10.5" style="1" customWidth="true"/>
    <col min="7" max="7" width="0.16796875" style="1" customWidth="true"/>
  </cols>
  <sheetData>
    <row r="1" ht="142" customHeight="true" s="1" customFormat="true"/>
    <row r="2" ht="11" customHeight="true"/>
    <row r="3" ht="16" customHeight="true">
      <c r="A3" s="3" t="s">
        <v>0</v>
      </c>
      <c r="B3" s="3" t="e"/>
      <c r="C3" s="3" t="e"/>
      <c r="D3" s="3" t="e"/>
      <c r="E3" s="3" t="e"/>
      <c r="F3" s="3" t="e"/>
    </row>
    <row r="4" ht="11" customHeight="true"/>
    <row r="5" ht="12" customHeight="true">
      <c r="A5" s="4" t="s">
        <v>1</v>
      </c>
      <c r="B5" s="4" t="s">
        <v>2</v>
      </c>
      <c r="C5" s="4" t="s">
        <v>3</v>
      </c>
      <c r="D5" s="4" t="s">
        <v>4</v>
      </c>
      <c r="E5" s="4" t="s">
        <v>5</v>
      </c>
    </row>
    <row r="6" ht="11" customHeight="true">
      <c r="A6" s="5" t="s">
        <v>6</v>
      </c>
      <c r="B6" s="5" t="e"/>
      <c r="C6" s="5" t="e"/>
      <c r="D6" s="5" t="e"/>
      <c r="E6" s="5" t="e"/>
    </row>
    <row r="7" ht="11" customHeight="true" collapsed="true" outlineLevel="1">
      <c r="A7" s="5" t="s">
        <v>7</v>
      </c>
      <c r="B7" s="5" t="e"/>
      <c r="C7" s="5" t="e"/>
      <c r="D7" s="5" t="e"/>
      <c r="E7" s="5" t="e"/>
    </row>
    <row r="8" ht="33" customHeight="true" s="1" customFormat="true" hidden="true" outlineLevel="2">
      <c r="A8" s="6" t="s">
        <v>8</v>
      </c>
      <c r="B8" s="6" t="s">
        <v>9</v>
      </c>
      <c r="C8" s="6" t="s">
        <v>10</v>
      </c>
      <c r="D8" s="6" t="s">
        <v>11</v>
      </c>
      <c r="E8" s="6" t="e"/>
    </row>
    <row r="9" ht="22" customHeight="true" s="1" customFormat="true" hidden="true" outlineLevel="2">
      <c r="A9" s="6" t="s">
        <v>12</v>
      </c>
      <c r="B9" s="6" t="s">
        <v>13</v>
      </c>
      <c r="C9" s="6" t="s">
        <v>14</v>
      </c>
      <c r="D9" s="6" t="s">
        <v>15</v>
      </c>
      <c r="E9" s="6" t="e"/>
    </row>
    <row r="10" ht="33" customHeight="true" s="1" customFormat="true" hidden="true" outlineLevel="2">
      <c r="A10" s="6" t="s">
        <v>16</v>
      </c>
      <c r="B10" s="6" t="s">
        <v>17</v>
      </c>
      <c r="C10" s="6" t="s">
        <v>18</v>
      </c>
      <c r="D10" s="6" t="s">
        <v>11</v>
      </c>
      <c r="E10" s="6" t="e"/>
    </row>
    <row r="11" ht="22" customHeight="true" s="1" customFormat="true" hidden="true" outlineLevel="2">
      <c r="A11" s="6" t="s">
        <v>19</v>
      </c>
      <c r="B11" s="6" t="s">
        <v>20</v>
      </c>
      <c r="C11" s="6" t="s">
        <v>21</v>
      </c>
      <c r="D11" s="6" t="s">
        <v>11</v>
      </c>
      <c r="E11" s="6" t="e"/>
    </row>
    <row r="12" ht="33" customHeight="true" s="1" customFormat="true" hidden="true" outlineLevel="2">
      <c r="A12" s="6" t="s">
        <v>22</v>
      </c>
      <c r="B12" s="6" t="s">
        <v>23</v>
      </c>
      <c r="C12" s="6" t="s">
        <v>24</v>
      </c>
      <c r="D12" s="6" t="s">
        <v>11</v>
      </c>
      <c r="E12" s="6" t="e"/>
    </row>
    <row r="13" ht="22" customHeight="true" s="1" customFormat="true" hidden="true" outlineLevel="2">
      <c r="A13" s="6" t="s">
        <v>25</v>
      </c>
      <c r="B13" s="6" t="s">
        <v>23</v>
      </c>
      <c r="C13" s="6" t="s">
        <v>24</v>
      </c>
      <c r="D13" s="6" t="s">
        <v>26</v>
      </c>
      <c r="E13" s="6" t="e"/>
    </row>
    <row r="14" ht="33" customHeight="true" s="1" customFormat="true" hidden="true" outlineLevel="2">
      <c r="A14" s="6" t="s">
        <v>27</v>
      </c>
      <c r="B14" s="6" t="s">
        <v>28</v>
      </c>
      <c r="C14" s="6" t="s">
        <v>29</v>
      </c>
      <c r="D14" s="6" t="s">
        <v>26</v>
      </c>
      <c r="E14" s="6" t="e"/>
    </row>
    <row r="15" ht="22" customHeight="true" s="1" customFormat="true" hidden="true" outlineLevel="2">
      <c r="A15" s="6" t="s">
        <v>30</v>
      </c>
      <c r="B15" s="6" t="s">
        <v>31</v>
      </c>
      <c r="C15" s="6" t="s">
        <v>29</v>
      </c>
      <c r="D15" s="6" t="s">
        <v>11</v>
      </c>
      <c r="E15" s="6" t="e"/>
    </row>
    <row r="16" ht="22" customHeight="true" s="1" customFormat="true" hidden="true" outlineLevel="2">
      <c r="A16" s="6" t="s">
        <v>32</v>
      </c>
      <c r="B16" s="6" t="s">
        <v>33</v>
      </c>
      <c r="C16" s="6" t="s">
        <v>34</v>
      </c>
      <c r="D16" s="6" t="s">
        <v>11</v>
      </c>
      <c r="E16" s="6" t="e"/>
    </row>
    <row r="17" ht="44" customHeight="true" s="1" customFormat="true" hidden="true" outlineLevel="2">
      <c r="A17" s="6" t="s">
        <v>35</v>
      </c>
      <c r="B17" s="6" t="s">
        <v>36</v>
      </c>
      <c r="C17" s="6" t="s">
        <v>29</v>
      </c>
      <c r="D17" s="6" t="s">
        <v>26</v>
      </c>
      <c r="E17" s="6" t="e"/>
    </row>
    <row r="18" ht="33" customHeight="true" s="1" customFormat="true" hidden="true" outlineLevel="2">
      <c r="A18" s="6" t="s">
        <v>37</v>
      </c>
      <c r="B18" s="6" t="s">
        <v>38</v>
      </c>
      <c r="C18" s="6" t="s">
        <v>39</v>
      </c>
      <c r="D18" s="6" t="s">
        <v>40</v>
      </c>
      <c r="E18" s="6" t="e"/>
    </row>
    <row r="19" ht="22" customHeight="true" s="1" customFormat="true" hidden="true" outlineLevel="2">
      <c r="A19" s="6" t="s">
        <v>41</v>
      </c>
      <c r="B19" s="6" t="s">
        <v>42</v>
      </c>
      <c r="C19" s="6" t="s">
        <v>43</v>
      </c>
      <c r="D19" s="6" t="s">
        <v>11</v>
      </c>
      <c r="E19" s="6" t="e"/>
    </row>
    <row r="20" ht="11" customHeight="true" collapsed="true" outlineLevel="1">
      <c r="A20" s="5" t="s">
        <v>44</v>
      </c>
      <c r="B20" s="5" t="e"/>
      <c r="C20" s="5" t="e"/>
      <c r="D20" s="5" t="e"/>
      <c r="E20" s="5" t="e"/>
    </row>
    <row r="21" ht="11" customHeight="true" s="1" customFormat="true" hidden="true" collapsed="true" outlineLevel="2">
      <c r="A21" s="5" t="s">
        <v>45</v>
      </c>
      <c r="B21" s="5" t="e"/>
      <c r="C21" s="5" t="e"/>
      <c r="D21" s="5" t="e"/>
      <c r="E21" s="5" t="e"/>
    </row>
    <row r="22" ht="33" customHeight="true" s="1" customFormat="true" hidden="true" collapsed="true" outlineLevel="3">
      <c r="A22" s="6" t="s">
        <v>46</v>
      </c>
      <c r="B22" s="6" t="s">
        <v>47</v>
      </c>
      <c r="C22" s="6" t="s">
        <v>28</v>
      </c>
      <c r="D22" s="6" t="s">
        <v>40</v>
      </c>
      <c r="E22" s="6" t="e"/>
    </row>
    <row r="23" ht="11" customHeight="true" s="1" customFormat="true" hidden="true" collapsed="true" outlineLevel="2">
      <c r="A23" s="5" t="s">
        <v>48</v>
      </c>
      <c r="B23" s="5" t="e"/>
      <c r="C23" s="5" t="e"/>
      <c r="D23" s="5" t="e"/>
      <c r="E23" s="5" t="e"/>
    </row>
    <row r="24" ht="33" customHeight="true" s="1" customFormat="true" hidden="true" outlineLevel="3">
      <c r="A24" s="6" t="s">
        <v>49</v>
      </c>
      <c r="B24" s="6" t="s">
        <v>50</v>
      </c>
      <c r="C24" s="6" t="s">
        <v>51</v>
      </c>
      <c r="D24" s="6" t="s">
        <v>11</v>
      </c>
      <c r="E24" s="6" t="e"/>
    </row>
    <row r="25" ht="33" customHeight="true" s="1" customFormat="true" hidden="true" outlineLevel="3">
      <c r="A25" s="6" t="s">
        <v>52</v>
      </c>
      <c r="B25" s="6" t="s">
        <v>53</v>
      </c>
      <c r="C25" s="6" t="s">
        <v>51</v>
      </c>
      <c r="D25" s="6" t="s">
        <v>11</v>
      </c>
      <c r="E25" s="6" t="e"/>
    </row>
    <row r="26" ht="44" customHeight="true" s="1" customFormat="true" hidden="true" outlineLevel="3">
      <c r="A26" s="6" t="s">
        <v>54</v>
      </c>
      <c r="B26" s="6" t="s">
        <v>55</v>
      </c>
      <c r="C26" s="6" t="s">
        <v>51</v>
      </c>
      <c r="D26" s="6" t="s">
        <v>15</v>
      </c>
      <c r="E26" s="6" t="e"/>
    </row>
    <row r="27" ht="44" customHeight="true" s="1" customFormat="true" hidden="true" outlineLevel="3">
      <c r="A27" s="6" t="s">
        <v>56</v>
      </c>
      <c r="B27" s="6" t="s">
        <v>53</v>
      </c>
      <c r="C27" s="6" t="s">
        <v>51</v>
      </c>
      <c r="D27" s="6" t="s">
        <v>57</v>
      </c>
      <c r="E27" s="6" t="e"/>
    </row>
    <row r="28" ht="33" customHeight="true" s="1" customFormat="true" hidden="true" collapsed="true" outlineLevel="3">
      <c r="A28" s="6" t="s">
        <v>58</v>
      </c>
      <c r="B28" s="6" t="s">
        <v>55</v>
      </c>
      <c r="C28" s="6" t="s">
        <v>51</v>
      </c>
      <c r="D28" s="6" t="s">
        <v>11</v>
      </c>
      <c r="E28" s="6" t="e"/>
    </row>
    <row r="29" ht="11" customHeight="true" s="1" customFormat="true" hidden="true" collapsed="true" outlineLevel="2">
      <c r="A29" s="5" t="s">
        <v>59</v>
      </c>
      <c r="B29" s="5" t="e"/>
      <c r="C29" s="5" t="e"/>
      <c r="D29" s="5" t="e"/>
      <c r="E29" s="5" t="e"/>
    </row>
    <row r="30" ht="33" customHeight="true" s="1" customFormat="true" hidden="true" outlineLevel="3">
      <c r="A30" s="6" t="s">
        <v>60</v>
      </c>
      <c r="B30" s="6" t="s">
        <v>61</v>
      </c>
      <c r="C30" s="6" t="s">
        <v>62</v>
      </c>
      <c r="D30" s="6" t="s">
        <v>40</v>
      </c>
      <c r="E30" s="6" t="e"/>
    </row>
    <row r="31" ht="33" customHeight="true" s="1" customFormat="true" hidden="true" outlineLevel="3">
      <c r="A31" s="6" t="s">
        <v>63</v>
      </c>
      <c r="B31" s="6" t="s">
        <v>64</v>
      </c>
      <c r="C31" s="6" t="s">
        <v>62</v>
      </c>
      <c r="D31" s="6" t="s">
        <v>26</v>
      </c>
      <c r="E31" s="6" t="e"/>
    </row>
    <row r="32" ht="44" customHeight="true" s="1" customFormat="true" hidden="true" outlineLevel="3">
      <c r="A32" s="6" t="s">
        <v>65</v>
      </c>
      <c r="B32" s="6" t="s">
        <v>66</v>
      </c>
      <c r="C32" s="6" t="s">
        <v>62</v>
      </c>
      <c r="D32" s="6" t="s">
        <v>11</v>
      </c>
      <c r="E32" s="6" t="e"/>
    </row>
    <row r="33" ht="56" customHeight="true" s="1" customFormat="true" hidden="true" outlineLevel="3">
      <c r="A33" s="6" t="s">
        <v>67</v>
      </c>
      <c r="B33" s="6" t="s">
        <v>66</v>
      </c>
      <c r="C33" s="6" t="s">
        <v>62</v>
      </c>
      <c r="D33" s="6" t="s">
        <v>68</v>
      </c>
      <c r="E33" s="6" t="e"/>
    </row>
    <row r="34" ht="44" customHeight="true" s="1" customFormat="true" hidden="true" collapsed="true" outlineLevel="3">
      <c r="A34" s="6" t="s">
        <v>69</v>
      </c>
      <c r="B34" s="6" t="s">
        <v>64</v>
      </c>
      <c r="C34" s="6" t="s">
        <v>62</v>
      </c>
      <c r="D34" s="6" t="s">
        <v>26</v>
      </c>
      <c r="E34" s="6" t="e"/>
    </row>
    <row r="35" ht="11" customHeight="true" s="1" customFormat="true" hidden="true" collapsed="true" outlineLevel="2">
      <c r="A35" s="5" t="s">
        <v>70</v>
      </c>
      <c r="B35" s="5" t="e"/>
      <c r="C35" s="5" t="e"/>
      <c r="D35" s="5" t="e"/>
      <c r="E35" s="5" t="e"/>
    </row>
    <row r="36" ht="44" customHeight="true" s="1" customFormat="true" hidden="true" outlineLevel="3">
      <c r="A36" s="6" t="s">
        <v>71</v>
      </c>
      <c r="B36" s="6" t="s">
        <v>72</v>
      </c>
      <c r="C36" s="6" t="s">
        <v>73</v>
      </c>
      <c r="D36" s="6" t="s">
        <v>57</v>
      </c>
      <c r="E36" s="6" t="e"/>
    </row>
    <row r="37" ht="33" customHeight="true" s="1" customFormat="true" hidden="true" collapsed="true" outlineLevel="3">
      <c r="A37" s="6" t="s">
        <v>74</v>
      </c>
      <c r="B37" s="6" t="s">
        <v>72</v>
      </c>
      <c r="C37" s="6" t="s">
        <v>73</v>
      </c>
      <c r="D37" s="6" t="s">
        <v>40</v>
      </c>
      <c r="E37" s="6" t="e"/>
    </row>
    <row r="38" ht="11" customHeight="true" s="1" customFormat="true" hidden="true" collapsed="true" outlineLevel="2">
      <c r="A38" s="5" t="s">
        <v>75</v>
      </c>
      <c r="B38" s="5" t="e"/>
      <c r="C38" s="5" t="e"/>
      <c r="D38" s="5" t="e"/>
      <c r="E38" s="5" t="e"/>
    </row>
    <row r="39" ht="33" customHeight="true" s="1" customFormat="true" hidden="true" outlineLevel="3">
      <c r="A39" s="6" t="s">
        <v>76</v>
      </c>
      <c r="B39" s="6" t="s">
        <v>77</v>
      </c>
      <c r="C39" s="6" t="s">
        <v>78</v>
      </c>
      <c r="D39" s="6" t="s">
        <v>11</v>
      </c>
      <c r="E39" s="6" t="e"/>
    </row>
    <row r="40" ht="44" customHeight="true" s="1" customFormat="true" hidden="true" outlineLevel="3">
      <c r="A40" s="6" t="s">
        <v>79</v>
      </c>
      <c r="B40" s="6" t="s">
        <v>21</v>
      </c>
      <c r="C40" s="6" t="s">
        <v>80</v>
      </c>
      <c r="D40" s="6" t="s">
        <v>40</v>
      </c>
      <c r="E40" s="6" t="e"/>
    </row>
    <row r="41" ht="44" customHeight="true" s="1" customFormat="true" hidden="true" outlineLevel="3">
      <c r="A41" s="6" t="s">
        <v>81</v>
      </c>
      <c r="B41" s="6" t="s">
        <v>82</v>
      </c>
      <c r="C41" s="6" t="s">
        <v>83</v>
      </c>
      <c r="D41" s="6" t="s">
        <v>26</v>
      </c>
      <c r="E41" s="6" t="e"/>
    </row>
    <row r="42" ht="44" customHeight="true" s="1" customFormat="true" hidden="true" outlineLevel="3">
      <c r="A42" s="6" t="s">
        <v>84</v>
      </c>
      <c r="B42" s="6" t="s">
        <v>85</v>
      </c>
      <c r="C42" s="6" t="s">
        <v>80</v>
      </c>
      <c r="D42" s="6" t="s">
        <v>26</v>
      </c>
      <c r="E42" s="6" t="e"/>
    </row>
    <row r="43" ht="33" customHeight="true" s="1" customFormat="true" hidden="true" collapsed="true" outlineLevel="3">
      <c r="A43" s="6" t="s">
        <v>86</v>
      </c>
      <c r="B43" s="6" t="s">
        <v>87</v>
      </c>
      <c r="C43" s="6" t="s">
        <v>80</v>
      </c>
      <c r="D43" s="6" t="s">
        <v>40</v>
      </c>
      <c r="E43" s="6" t="e"/>
    </row>
    <row r="44" ht="11" customHeight="true" s="1" customFormat="true" hidden="true" collapsed="true" outlineLevel="2">
      <c r="A44" s="5" t="s">
        <v>88</v>
      </c>
      <c r="B44" s="5" t="e"/>
      <c r="C44" s="5" t="e"/>
      <c r="D44" s="5" t="e"/>
      <c r="E44" s="5" t="e"/>
    </row>
    <row r="45" ht="44" customHeight="true" s="1" customFormat="true" hidden="true" outlineLevel="3">
      <c r="A45" s="6" t="s">
        <v>89</v>
      </c>
      <c r="B45" s="6" t="s">
        <v>90</v>
      </c>
      <c r="C45" s="6" t="s">
        <v>13</v>
      </c>
      <c r="D45" s="6" t="s">
        <v>11</v>
      </c>
      <c r="E45" s="6" t="e"/>
    </row>
    <row r="46" ht="44" customHeight="true" s="1" customFormat="true" hidden="true" outlineLevel="3">
      <c r="A46" s="6" t="s">
        <v>91</v>
      </c>
      <c r="B46" s="6" t="s">
        <v>92</v>
      </c>
      <c r="C46" s="6" t="s">
        <v>83</v>
      </c>
      <c r="D46" s="6" t="s">
        <v>40</v>
      </c>
      <c r="E46" s="6" t="e"/>
    </row>
    <row r="47" ht="44" customHeight="true" s="1" customFormat="true" hidden="true" outlineLevel="3">
      <c r="A47" s="6" t="s">
        <v>93</v>
      </c>
      <c r="B47" s="6" t="s">
        <v>87</v>
      </c>
      <c r="C47" s="6" t="s">
        <v>83</v>
      </c>
      <c r="D47" s="6" t="s">
        <v>11</v>
      </c>
      <c r="E47" s="6" t="e"/>
    </row>
    <row r="48" ht="44" customHeight="true" s="1" customFormat="true" hidden="true" outlineLevel="3">
      <c r="A48" s="6" t="s">
        <v>94</v>
      </c>
      <c r="B48" s="6" t="s">
        <v>62</v>
      </c>
      <c r="C48" s="6" t="s">
        <v>83</v>
      </c>
      <c r="D48" s="6" t="s">
        <v>40</v>
      </c>
      <c r="E48" s="6" t="e"/>
    </row>
    <row r="49" ht="11" customHeight="true" collapsed="true" outlineLevel="1">
      <c r="A49" s="5" t="s">
        <v>95</v>
      </c>
      <c r="B49" s="5" t="e"/>
      <c r="C49" s="5" t="e"/>
      <c r="D49" s="5" t="e"/>
      <c r="E49" s="5" t="e"/>
    </row>
    <row r="50" ht="11" customHeight="true" s="1" customFormat="true" hidden="true" collapsed="true" outlineLevel="2">
      <c r="A50" s="5" t="s">
        <v>96</v>
      </c>
      <c r="B50" s="5" t="e"/>
      <c r="C50" s="5" t="e"/>
      <c r="D50" s="5" t="e"/>
      <c r="E50" s="5" t="e"/>
    </row>
    <row r="51" ht="33" customHeight="true" s="1" customFormat="true" hidden="true" outlineLevel="3">
      <c r="A51" s="6" t="s">
        <v>97</v>
      </c>
      <c r="B51" s="6" t="s">
        <v>98</v>
      </c>
      <c r="C51" s="6" t="s">
        <v>99</v>
      </c>
      <c r="D51" s="6" t="s">
        <v>100</v>
      </c>
      <c r="E51" s="6" t="e"/>
    </row>
    <row r="52" ht="44" customHeight="true" s="1" customFormat="true" hidden="true" outlineLevel="3">
      <c r="A52" s="6" t="s">
        <v>101</v>
      </c>
      <c r="B52" s="6" t="s">
        <v>102</v>
      </c>
      <c r="C52" s="6" t="s">
        <v>103</v>
      </c>
      <c r="D52" s="6" t="s">
        <v>26</v>
      </c>
      <c r="E52" s="6" t="e"/>
    </row>
    <row r="53" ht="33" customHeight="true" s="1" customFormat="true" hidden="true" outlineLevel="3">
      <c r="A53" s="6" t="s">
        <v>104</v>
      </c>
      <c r="B53" s="6" t="s">
        <v>105</v>
      </c>
      <c r="C53" s="6" t="s">
        <v>51</v>
      </c>
      <c r="D53" s="6" t="s">
        <v>40</v>
      </c>
      <c r="E53" s="6" t="e"/>
    </row>
    <row r="54" ht="33" customHeight="true" s="1" customFormat="true" hidden="true" outlineLevel="3">
      <c r="A54" s="6" t="s">
        <v>106</v>
      </c>
      <c r="B54" s="6" t="s">
        <v>64</v>
      </c>
      <c r="C54" s="6" t="s">
        <v>78</v>
      </c>
      <c r="D54" s="6" t="s">
        <v>57</v>
      </c>
      <c r="E54" s="6" t="e"/>
    </row>
    <row r="55" ht="33" customHeight="true" s="1" customFormat="true" hidden="true" outlineLevel="3">
      <c r="A55" s="6" t="s">
        <v>107</v>
      </c>
      <c r="B55" s="6" t="s">
        <v>50</v>
      </c>
      <c r="C55" s="6" t="s">
        <v>62</v>
      </c>
      <c r="D55" s="6" t="s">
        <v>40</v>
      </c>
      <c r="E55" s="6" t="e"/>
    </row>
    <row r="56" ht="33" customHeight="true" s="1" customFormat="true" hidden="true" outlineLevel="3">
      <c r="A56" s="6" t="s">
        <v>108</v>
      </c>
      <c r="B56" s="6" t="s">
        <v>103</v>
      </c>
      <c r="C56" s="6" t="s">
        <v>72</v>
      </c>
      <c r="D56" s="6" t="s">
        <v>15</v>
      </c>
      <c r="E56" s="6" t="e"/>
    </row>
    <row r="57" ht="33" customHeight="true" s="1" customFormat="true" hidden="true" outlineLevel="3">
      <c r="A57" s="6" t="s">
        <v>109</v>
      </c>
      <c r="B57" s="6" t="s">
        <v>110</v>
      </c>
      <c r="C57" s="6" t="s">
        <v>51</v>
      </c>
      <c r="D57" s="6" t="s">
        <v>15</v>
      </c>
      <c r="E57" s="6" t="e"/>
    </row>
    <row r="58" ht="33" customHeight="true" s="1" customFormat="true" hidden="true" outlineLevel="3">
      <c r="A58" s="6" t="s">
        <v>111</v>
      </c>
      <c r="B58" s="6" t="s">
        <v>112</v>
      </c>
      <c r="C58" s="6" t="s">
        <v>78</v>
      </c>
      <c r="D58" s="6" t="s">
        <v>57</v>
      </c>
      <c r="E58" s="6" t="e"/>
    </row>
    <row r="59" ht="33" customHeight="true" s="1" customFormat="true" hidden="true" outlineLevel="3">
      <c r="A59" s="6" t="s">
        <v>113</v>
      </c>
      <c r="B59" s="6" t="s">
        <v>114</v>
      </c>
      <c r="C59" s="6" t="s">
        <v>62</v>
      </c>
      <c r="D59" s="6" t="s">
        <v>57</v>
      </c>
      <c r="E59" s="6" t="e"/>
    </row>
    <row r="60" ht="33" customHeight="true" s="1" customFormat="true" hidden="true" outlineLevel="3">
      <c r="A60" s="6" t="s">
        <v>115</v>
      </c>
      <c r="B60" s="6" t="s">
        <v>116</v>
      </c>
      <c r="C60" s="6" t="s">
        <v>73</v>
      </c>
      <c r="D60" s="6" t="s">
        <v>11</v>
      </c>
      <c r="E60" s="6" t="e"/>
    </row>
    <row r="61" ht="33" customHeight="true" s="1" customFormat="true" hidden="true" outlineLevel="3">
      <c r="A61" s="6" t="s">
        <v>117</v>
      </c>
      <c r="B61" s="6" t="s">
        <v>118</v>
      </c>
      <c r="C61" s="6" t="s">
        <v>80</v>
      </c>
      <c r="D61" s="6" t="s">
        <v>40</v>
      </c>
      <c r="E61" s="6" t="e"/>
    </row>
    <row r="62" ht="33" customHeight="true" s="1" customFormat="true" hidden="true" outlineLevel="3">
      <c r="A62" s="6" t="s">
        <v>119</v>
      </c>
      <c r="B62" s="6" t="s">
        <v>120</v>
      </c>
      <c r="C62" s="6" t="s">
        <v>61</v>
      </c>
      <c r="D62" s="6" t="s">
        <v>11</v>
      </c>
      <c r="E62" s="6" t="e"/>
    </row>
    <row r="63" ht="33" customHeight="true" s="1" customFormat="true" hidden="true" outlineLevel="3">
      <c r="A63" s="6" t="s">
        <v>121</v>
      </c>
      <c r="B63" s="6" t="s">
        <v>122</v>
      </c>
      <c r="C63" s="6" t="s">
        <v>51</v>
      </c>
      <c r="D63" s="6" t="s">
        <v>123</v>
      </c>
      <c r="E63" s="6" t="e"/>
    </row>
    <row r="64" ht="44" customHeight="true" s="1" customFormat="true" hidden="true" outlineLevel="3">
      <c r="A64" s="6" t="s">
        <v>124</v>
      </c>
      <c r="B64" s="6" t="s">
        <v>103</v>
      </c>
      <c r="C64" s="6" t="s">
        <v>72</v>
      </c>
      <c r="D64" s="6" t="s">
        <v>57</v>
      </c>
      <c r="E64" s="6" t="e"/>
    </row>
    <row r="65" ht="33" customHeight="true" s="1" customFormat="true" hidden="true" outlineLevel="3">
      <c r="A65" s="6" t="s">
        <v>125</v>
      </c>
      <c r="B65" s="6" t="s">
        <v>126</v>
      </c>
      <c r="C65" s="6" t="s">
        <v>127</v>
      </c>
      <c r="D65" s="6" t="s">
        <v>40</v>
      </c>
      <c r="E65" s="6" t="e"/>
    </row>
    <row r="66" ht="33" customHeight="true" s="1" customFormat="true" hidden="true" outlineLevel="3">
      <c r="A66" s="6" t="s">
        <v>128</v>
      </c>
      <c r="B66" s="6" t="s">
        <v>129</v>
      </c>
      <c r="C66" s="6" t="s">
        <v>51</v>
      </c>
      <c r="D66" s="6" t="s">
        <v>57</v>
      </c>
      <c r="E66" s="6" t="e"/>
    </row>
    <row r="67" ht="33" customHeight="true" s="1" customFormat="true" hidden="true" outlineLevel="3">
      <c r="A67" s="6" t="s">
        <v>130</v>
      </c>
      <c r="B67" s="6" t="s">
        <v>131</v>
      </c>
      <c r="C67" s="6" t="s">
        <v>127</v>
      </c>
      <c r="D67" s="6" t="s">
        <v>11</v>
      </c>
      <c r="E67" s="6" t="e"/>
    </row>
    <row r="68" ht="33" customHeight="true" s="1" customFormat="true" hidden="true" outlineLevel="3">
      <c r="A68" s="6" t="s">
        <v>132</v>
      </c>
      <c r="B68" s="6" t="s">
        <v>127</v>
      </c>
      <c r="C68" s="6" t="s">
        <v>73</v>
      </c>
      <c r="D68" s="6" t="s">
        <v>57</v>
      </c>
      <c r="E68" s="6" t="e"/>
    </row>
    <row r="69" ht="33" customHeight="true" s="1" customFormat="true" hidden="true" outlineLevel="3">
      <c r="A69" s="6" t="s">
        <v>133</v>
      </c>
      <c r="B69" s="6" t="s">
        <v>120</v>
      </c>
      <c r="C69" s="6" t="s">
        <v>72</v>
      </c>
      <c r="D69" s="6" t="s">
        <v>68</v>
      </c>
      <c r="E69" s="6" t="e"/>
    </row>
    <row r="70" ht="33" customHeight="true" s="1" customFormat="true" hidden="true" outlineLevel="3">
      <c r="A70" s="6" t="s">
        <v>134</v>
      </c>
      <c r="B70" s="6" t="s">
        <v>105</v>
      </c>
      <c r="C70" s="6" t="s">
        <v>72</v>
      </c>
      <c r="D70" s="6" t="s">
        <v>26</v>
      </c>
      <c r="E70" s="6" t="e"/>
    </row>
    <row r="71" ht="33" customHeight="true" s="1" customFormat="true" hidden="true" collapsed="true" outlineLevel="3">
      <c r="A71" s="6" t="s">
        <v>135</v>
      </c>
      <c r="B71" s="6" t="s">
        <v>136</v>
      </c>
      <c r="C71" s="6" t="s">
        <v>127</v>
      </c>
      <c r="D71" s="6" t="s">
        <v>40</v>
      </c>
      <c r="E71" s="6" t="e"/>
    </row>
    <row r="72" ht="11" customHeight="true" s="1" customFormat="true" hidden="true" collapsed="true" outlineLevel="2">
      <c r="A72" s="5" t="s">
        <v>137</v>
      </c>
      <c r="B72" s="5" t="e"/>
      <c r="C72" s="5" t="e"/>
      <c r="D72" s="5" t="e"/>
      <c r="E72" s="5" t="e"/>
    </row>
    <row r="73" ht="11" customHeight="true" s="1" customFormat="true" hidden="true" outlineLevel="3">
      <c r="A73" s="6" t="s">
        <v>138</v>
      </c>
      <c r="B73" s="6" t="s">
        <v>139</v>
      </c>
      <c r="C73" s="6" t="s">
        <v>99</v>
      </c>
      <c r="D73" s="6" t="s">
        <v>11</v>
      </c>
      <c r="E73" s="6" t="e"/>
    </row>
    <row r="74" ht="11" customHeight="true" s="1" customFormat="true" hidden="true" outlineLevel="3">
      <c r="A74" s="6" t="s">
        <v>140</v>
      </c>
      <c r="B74" s="6" t="s">
        <v>141</v>
      </c>
      <c r="C74" s="6" t="s">
        <v>142</v>
      </c>
      <c r="D74" s="6" t="s">
        <v>11</v>
      </c>
      <c r="E74" s="6" t="e"/>
    </row>
    <row r="75" ht="22" customHeight="true" s="1" customFormat="true" hidden="true" outlineLevel="3">
      <c r="A75" s="6" t="s">
        <v>143</v>
      </c>
      <c r="B75" s="6" t="s">
        <v>141</v>
      </c>
      <c r="C75" s="6" t="s">
        <v>142</v>
      </c>
      <c r="D75" s="6" t="s">
        <v>40</v>
      </c>
      <c r="E75" s="6" t="e"/>
    </row>
    <row r="76" ht="11" customHeight="true" s="1" customFormat="true" hidden="true" collapsed="true" outlineLevel="3">
      <c r="A76" s="6" t="s">
        <v>144</v>
      </c>
      <c r="B76" s="6" t="s">
        <v>145</v>
      </c>
      <c r="C76" s="6" t="s">
        <v>72</v>
      </c>
      <c r="D76" s="6" t="s">
        <v>11</v>
      </c>
      <c r="E76" s="6" t="e"/>
    </row>
    <row r="77" ht="11" customHeight="true" s="1" customFormat="true" hidden="true" collapsed="true" outlineLevel="2">
      <c r="A77" s="5" t="s">
        <v>146</v>
      </c>
      <c r="B77" s="5" t="e"/>
      <c r="C77" s="5" t="e"/>
      <c r="D77" s="5" t="e"/>
      <c r="E77" s="5" t="e"/>
    </row>
    <row r="78" ht="11" customHeight="true" s="1" customFormat="true" hidden="true" outlineLevel="3">
      <c r="A78" s="6" t="s">
        <v>147</v>
      </c>
      <c r="B78" s="6" t="s">
        <v>148</v>
      </c>
      <c r="C78" s="6" t="s">
        <v>149</v>
      </c>
      <c r="D78" s="6" t="s">
        <v>26</v>
      </c>
      <c r="E78" s="6" t="e"/>
    </row>
    <row r="79" ht="11" customHeight="true" s="1" customFormat="true" hidden="true" outlineLevel="3">
      <c r="A79" s="6" t="s">
        <v>150</v>
      </c>
      <c r="B79" s="6" t="s">
        <v>151</v>
      </c>
      <c r="C79" s="6" t="s">
        <v>99</v>
      </c>
      <c r="D79" s="6" t="s">
        <v>26</v>
      </c>
      <c r="E79" s="6" t="e"/>
    </row>
    <row r="80" ht="11" customHeight="true" s="1" customFormat="true" hidden="true" outlineLevel="3">
      <c r="A80" s="6" t="s">
        <v>152</v>
      </c>
      <c r="B80" s="6" t="s">
        <v>148</v>
      </c>
      <c r="C80" s="6" t="s">
        <v>149</v>
      </c>
      <c r="D80" s="6" t="s">
        <v>15</v>
      </c>
      <c r="E80" s="6" t="e"/>
    </row>
    <row r="81" ht="22" customHeight="true" s="1" customFormat="true" hidden="true" collapsed="true" outlineLevel="3">
      <c r="A81" s="6" t="s">
        <v>153</v>
      </c>
      <c r="B81" s="6" t="s">
        <v>154</v>
      </c>
      <c r="C81" s="6" t="s">
        <v>155</v>
      </c>
      <c r="D81" s="6" t="s">
        <v>57</v>
      </c>
      <c r="E81" s="6" t="e"/>
    </row>
    <row r="82" ht="11" customHeight="true" s="1" customFormat="true" hidden="true" collapsed="true" outlineLevel="2">
      <c r="A82" s="5" t="s">
        <v>156</v>
      </c>
      <c r="B82" s="5" t="e"/>
      <c r="C82" s="5" t="e"/>
      <c r="D82" s="5" t="e"/>
      <c r="E82" s="5" t="e"/>
    </row>
    <row r="83" ht="22" customHeight="true" s="1" customFormat="true" hidden="true" outlineLevel="3">
      <c r="A83" s="6" t="s">
        <v>157</v>
      </c>
      <c r="B83" s="6" t="s">
        <v>103</v>
      </c>
      <c r="C83" s="6" t="s">
        <v>127</v>
      </c>
      <c r="D83" s="6" t="s">
        <v>57</v>
      </c>
      <c r="E83" s="6" t="e"/>
    </row>
    <row r="84" ht="22" customHeight="true" s="1" customFormat="true" hidden="true" outlineLevel="3">
      <c r="A84" s="6" t="s">
        <v>158</v>
      </c>
      <c r="B84" s="6" t="s">
        <v>103</v>
      </c>
      <c r="C84" s="6" t="s">
        <v>127</v>
      </c>
      <c r="D84" s="6" t="s">
        <v>11</v>
      </c>
      <c r="E84" s="6" t="e"/>
    </row>
    <row r="85" ht="11" customHeight="true" s="1" customFormat="true" hidden="true" outlineLevel="3">
      <c r="A85" s="6" t="s">
        <v>159</v>
      </c>
      <c r="B85" s="6" t="s">
        <v>103</v>
      </c>
      <c r="C85" s="6" t="s">
        <v>127</v>
      </c>
      <c r="D85" s="6" t="s">
        <v>26</v>
      </c>
      <c r="E85" s="6" t="e"/>
    </row>
    <row r="86" ht="11" customHeight="true" s="1" customFormat="true" hidden="true" outlineLevel="3">
      <c r="A86" s="6" t="s">
        <v>160</v>
      </c>
      <c r="B86" s="6" t="s">
        <v>103</v>
      </c>
      <c r="C86" s="6" t="s">
        <v>127</v>
      </c>
      <c r="D86" s="6" t="s">
        <v>11</v>
      </c>
      <c r="E86" s="6" t="e"/>
    </row>
    <row r="87" ht="33" customHeight="true" s="1" customFormat="true" hidden="true" outlineLevel="3">
      <c r="A87" s="6" t="s">
        <v>161</v>
      </c>
      <c r="B87" s="6" t="s">
        <v>50</v>
      </c>
      <c r="C87" s="6" t="s">
        <v>62</v>
      </c>
      <c r="D87" s="6" t="s">
        <v>11</v>
      </c>
      <c r="E87" s="6" t="e"/>
    </row>
    <row r="88" ht="22" customHeight="true" s="1" customFormat="true" hidden="true" outlineLevel="3">
      <c r="A88" s="6" t="s">
        <v>162</v>
      </c>
      <c r="B88" s="6" t="s">
        <v>163</v>
      </c>
      <c r="C88" s="6" t="s">
        <v>127</v>
      </c>
      <c r="D88" s="6" t="s">
        <v>11</v>
      </c>
      <c r="E88" s="6" t="e"/>
    </row>
    <row r="89" ht="22" customHeight="true" s="1" customFormat="true" hidden="true" outlineLevel="3">
      <c r="A89" s="6" t="s">
        <v>164</v>
      </c>
      <c r="B89" s="6" t="s">
        <v>103</v>
      </c>
      <c r="C89" s="6" t="s">
        <v>127</v>
      </c>
      <c r="D89" s="6" t="s">
        <v>165</v>
      </c>
      <c r="E89" s="6" t="e"/>
    </row>
    <row r="90" ht="22" customHeight="true" s="1" customFormat="true" hidden="true" outlineLevel="3">
      <c r="A90" s="6" t="s">
        <v>166</v>
      </c>
      <c r="B90" s="6" t="s">
        <v>167</v>
      </c>
      <c r="C90" s="6" t="s">
        <v>99</v>
      </c>
      <c r="D90" s="6" t="s">
        <v>15</v>
      </c>
      <c r="E90" s="6" t="e"/>
    </row>
    <row r="91" ht="11" customHeight="true" s="1" customFormat="true" hidden="true" collapsed="true" outlineLevel="3">
      <c r="A91" s="6" t="s">
        <v>168</v>
      </c>
      <c r="B91" s="6" t="s">
        <v>169</v>
      </c>
      <c r="C91" s="6" t="s">
        <v>99</v>
      </c>
      <c r="D91" s="6" t="s">
        <v>57</v>
      </c>
      <c r="E91" s="6" t="e"/>
    </row>
    <row r="92" ht="11" customHeight="true" s="1" customFormat="true" hidden="true" collapsed="true" outlineLevel="2">
      <c r="A92" s="5" t="s">
        <v>170</v>
      </c>
      <c r="B92" s="5" t="e"/>
      <c r="C92" s="5" t="e"/>
      <c r="D92" s="5" t="e"/>
      <c r="E92" s="5" t="e"/>
    </row>
    <row r="93" ht="11" customHeight="true" s="1" customFormat="true" hidden="true" outlineLevel="3">
      <c r="A93" s="6" t="s">
        <v>171</v>
      </c>
      <c r="B93" s="6" t="s">
        <v>172</v>
      </c>
      <c r="C93" s="6" t="s">
        <v>110</v>
      </c>
      <c r="D93" s="6" t="s">
        <v>11</v>
      </c>
      <c r="E93" s="6" t="e"/>
    </row>
    <row r="94" ht="22" customHeight="true" s="1" customFormat="true" hidden="true" outlineLevel="3">
      <c r="A94" s="6" t="s">
        <v>173</v>
      </c>
      <c r="B94" s="6" t="s">
        <v>174</v>
      </c>
      <c r="C94" s="6" t="s">
        <v>72</v>
      </c>
      <c r="D94" s="6" t="s">
        <v>26</v>
      </c>
      <c r="E94" s="6" t="e"/>
    </row>
    <row r="95" ht="11" customHeight="true" s="1" customFormat="true" hidden="true" collapsed="true" outlineLevel="3">
      <c r="A95" s="6" t="s">
        <v>175</v>
      </c>
      <c r="B95" s="6" t="s">
        <v>169</v>
      </c>
      <c r="C95" s="6" t="s">
        <v>99</v>
      </c>
      <c r="D95" s="6" t="s">
        <v>176</v>
      </c>
      <c r="E95" s="6" t="e"/>
    </row>
    <row r="96" ht="11" customHeight="true" s="1" customFormat="true" hidden="true" collapsed="true" outlineLevel="2">
      <c r="A96" s="5" t="s">
        <v>177</v>
      </c>
      <c r="B96" s="5" t="e"/>
      <c r="C96" s="5" t="e"/>
      <c r="D96" s="5" t="e"/>
      <c r="E96" s="5" t="e"/>
    </row>
    <row r="97" ht="22" customHeight="true" s="1" customFormat="true" hidden="true" outlineLevel="3">
      <c r="A97" s="6" t="s">
        <v>178</v>
      </c>
      <c r="B97" s="6" t="s">
        <v>148</v>
      </c>
      <c r="C97" s="6" t="s">
        <v>149</v>
      </c>
      <c r="D97" s="6" t="s">
        <v>40</v>
      </c>
      <c r="E97" s="6" t="e"/>
    </row>
    <row r="98" ht="22" customHeight="true" s="1" customFormat="true" hidden="true" outlineLevel="3">
      <c r="A98" s="6" t="s">
        <v>179</v>
      </c>
      <c r="B98" s="6" t="s">
        <v>148</v>
      </c>
      <c r="C98" s="6" t="s">
        <v>149</v>
      </c>
      <c r="D98" s="6" t="s">
        <v>11</v>
      </c>
      <c r="E98" s="6" t="e"/>
    </row>
    <row r="99" ht="22" customHeight="true" s="1" customFormat="true" hidden="true" collapsed="true" outlineLevel="3">
      <c r="A99" s="6" t="s">
        <v>180</v>
      </c>
      <c r="B99" s="6" t="s">
        <v>148</v>
      </c>
      <c r="C99" s="6" t="s">
        <v>149</v>
      </c>
      <c r="D99" s="6" t="s">
        <v>15</v>
      </c>
      <c r="E99" s="6" t="e"/>
    </row>
    <row r="100" ht="11" customHeight="true" s="1" customFormat="true" hidden="true" collapsed="true" outlineLevel="2">
      <c r="A100" s="5" t="s">
        <v>181</v>
      </c>
      <c r="B100" s="5" t="e"/>
      <c r="C100" s="5" t="e"/>
      <c r="D100" s="5" t="e"/>
      <c r="E100" s="5" t="e"/>
    </row>
    <row r="101" ht="11" customHeight="true" s="1" customFormat="true" hidden="true" outlineLevel="3">
      <c r="A101" s="6" t="s">
        <v>182</v>
      </c>
      <c r="B101" s="6" t="s">
        <v>169</v>
      </c>
      <c r="C101" s="6" t="s">
        <v>99</v>
      </c>
      <c r="D101" s="6" t="s">
        <v>11</v>
      </c>
      <c r="E101" s="6" t="e"/>
    </row>
    <row r="102" ht="22" customHeight="true" s="1" customFormat="true" hidden="true" collapsed="true" outlineLevel="3">
      <c r="A102" s="6" t="s">
        <v>183</v>
      </c>
      <c r="B102" s="6" t="s">
        <v>148</v>
      </c>
      <c r="C102" s="6" t="s">
        <v>149</v>
      </c>
      <c r="D102" s="6" t="s">
        <v>184</v>
      </c>
      <c r="E102" s="6" t="e"/>
    </row>
    <row r="103" ht="11" customHeight="true" s="1" customFormat="true" hidden="true" collapsed="true" outlineLevel="2">
      <c r="A103" s="5" t="s">
        <v>185</v>
      </c>
      <c r="B103" s="5" t="e"/>
      <c r="C103" s="5" t="e"/>
      <c r="D103" s="5" t="e"/>
      <c r="E103" s="5" t="e"/>
    </row>
    <row r="104" ht="11" customHeight="true" s="1" customFormat="true" hidden="true" outlineLevel="3">
      <c r="A104" s="6" t="s">
        <v>186</v>
      </c>
      <c r="B104" s="6" t="s">
        <v>187</v>
      </c>
      <c r="C104" s="6" t="s">
        <v>188</v>
      </c>
      <c r="D104" s="6" t="s">
        <v>57</v>
      </c>
      <c r="E104" s="6" t="e"/>
    </row>
    <row r="105" ht="22" customHeight="true" s="1" customFormat="true" hidden="true" outlineLevel="3">
      <c r="A105" s="6" t="s">
        <v>189</v>
      </c>
      <c r="B105" s="6" t="s">
        <v>148</v>
      </c>
      <c r="C105" s="6" t="s">
        <v>149</v>
      </c>
      <c r="D105" s="6" t="s">
        <v>15</v>
      </c>
      <c r="E105" s="6" t="e"/>
    </row>
    <row r="106" ht="11" customHeight="true" s="1" customFormat="true" hidden="true" outlineLevel="3">
      <c r="A106" s="6" t="s">
        <v>190</v>
      </c>
      <c r="B106" s="6" t="s">
        <v>148</v>
      </c>
      <c r="C106" s="6" t="s">
        <v>149</v>
      </c>
      <c r="D106" s="6" t="s">
        <v>68</v>
      </c>
      <c r="E106" s="6" t="e"/>
    </row>
    <row r="107" ht="22" customHeight="true" s="1" customFormat="true" hidden="true" outlineLevel="3">
      <c r="A107" s="6" t="s">
        <v>191</v>
      </c>
      <c r="B107" s="6" t="s">
        <v>187</v>
      </c>
      <c r="C107" s="6" t="s">
        <v>188</v>
      </c>
      <c r="D107" s="6" t="s">
        <v>11</v>
      </c>
      <c r="E107" s="6" t="e"/>
    </row>
    <row r="108" ht="22" customHeight="true" s="1" customFormat="true" hidden="true" outlineLevel="3">
      <c r="A108" s="6" t="s">
        <v>192</v>
      </c>
      <c r="B108" s="6" t="s">
        <v>193</v>
      </c>
      <c r="C108" s="6" t="s">
        <v>155</v>
      </c>
      <c r="D108" s="6" t="s">
        <v>11</v>
      </c>
      <c r="E108" s="6" t="e"/>
    </row>
    <row r="109" ht="22" customHeight="true" s="1" customFormat="true" hidden="true" outlineLevel="3">
      <c r="A109" s="6" t="s">
        <v>194</v>
      </c>
      <c r="B109" s="6" t="s">
        <v>195</v>
      </c>
      <c r="C109" s="6" t="s">
        <v>149</v>
      </c>
      <c r="D109" s="6" t="s">
        <v>68</v>
      </c>
      <c r="E109" s="6" t="e"/>
    </row>
    <row r="110" ht="22" customHeight="true" s="1" customFormat="true" hidden="true" outlineLevel="3">
      <c r="A110" s="6" t="s">
        <v>196</v>
      </c>
      <c r="B110" s="6" t="s">
        <v>197</v>
      </c>
      <c r="C110" s="6" t="s">
        <v>149</v>
      </c>
      <c r="D110" s="6" t="s">
        <v>11</v>
      </c>
      <c r="E110" s="6" t="e"/>
    </row>
    <row r="111" ht="11" customHeight="true" s="1" customFormat="true" hidden="true" outlineLevel="3">
      <c r="A111" s="6" t="s">
        <v>198</v>
      </c>
      <c r="B111" s="6" t="s">
        <v>148</v>
      </c>
      <c r="C111" s="6" t="s">
        <v>149</v>
      </c>
      <c r="D111" s="6" t="s">
        <v>11</v>
      </c>
      <c r="E111" s="6" t="e"/>
    </row>
    <row r="112" ht="22" customHeight="true" s="1" customFormat="true" hidden="true" outlineLevel="3">
      <c r="A112" s="6" t="s">
        <v>199</v>
      </c>
      <c r="B112" s="6" t="s">
        <v>200</v>
      </c>
      <c r="C112" s="6" t="s">
        <v>142</v>
      </c>
      <c r="D112" s="6" t="s">
        <v>68</v>
      </c>
      <c r="E112" s="6" t="e"/>
    </row>
    <row r="113" ht="22" customHeight="true" s="1" customFormat="true" hidden="true" outlineLevel="3">
      <c r="A113" s="6" t="s">
        <v>201</v>
      </c>
      <c r="B113" s="6" t="s">
        <v>53</v>
      </c>
      <c r="C113" s="6" t="s">
        <v>51</v>
      </c>
      <c r="D113" s="6" t="s">
        <v>26</v>
      </c>
      <c r="E113" s="6" t="e"/>
    </row>
    <row r="114" ht="22" customHeight="true" s="1" customFormat="true" hidden="true" outlineLevel="3">
      <c r="A114" s="6" t="s">
        <v>202</v>
      </c>
      <c r="B114" s="6" t="s">
        <v>151</v>
      </c>
      <c r="C114" s="6" t="s">
        <v>99</v>
      </c>
      <c r="D114" s="6" t="s">
        <v>26</v>
      </c>
      <c r="E114" s="6" t="e"/>
    </row>
    <row r="115" ht="22" customHeight="true" s="1" customFormat="true" hidden="true" collapsed="true" outlineLevel="3">
      <c r="A115" s="6" t="s">
        <v>203</v>
      </c>
      <c r="B115" s="6" t="s">
        <v>148</v>
      </c>
      <c r="C115" s="6" t="s">
        <v>149</v>
      </c>
      <c r="D115" s="6" t="s">
        <v>15</v>
      </c>
      <c r="E115" s="6" t="e"/>
    </row>
    <row r="116" ht="11" customHeight="true" s="1" customFormat="true" hidden="true" collapsed="true" outlineLevel="2">
      <c r="A116" s="5" t="s">
        <v>204</v>
      </c>
      <c r="B116" s="5" t="e"/>
      <c r="C116" s="5" t="e"/>
      <c r="D116" s="5" t="e"/>
      <c r="E116" s="5" t="e"/>
    </row>
    <row r="117" ht="22" customHeight="true" s="1" customFormat="true" hidden="true" outlineLevel="3">
      <c r="A117" s="6" t="s">
        <v>205</v>
      </c>
      <c r="B117" s="6" t="s">
        <v>148</v>
      </c>
      <c r="C117" s="6" t="s">
        <v>149</v>
      </c>
      <c r="D117" s="6" t="s">
        <v>26</v>
      </c>
      <c r="E117" s="6" t="e"/>
    </row>
    <row r="118" ht="22" customHeight="true" s="1" customFormat="true" hidden="true" outlineLevel="3">
      <c r="A118" s="6" t="s">
        <v>206</v>
      </c>
      <c r="B118" s="6" t="s">
        <v>151</v>
      </c>
      <c r="C118" s="6" t="s">
        <v>188</v>
      </c>
      <c r="D118" s="6" t="s">
        <v>11</v>
      </c>
      <c r="E118" s="6" t="e"/>
    </row>
    <row r="119" ht="22" customHeight="true" s="1" customFormat="true" hidden="true" outlineLevel="3">
      <c r="A119" s="6" t="s">
        <v>207</v>
      </c>
      <c r="B119" s="6" t="s">
        <v>148</v>
      </c>
      <c r="C119" s="6" t="s">
        <v>149</v>
      </c>
      <c r="D119" s="6" t="s">
        <v>26</v>
      </c>
      <c r="E119" s="6" t="e"/>
    </row>
    <row r="120" ht="11" customHeight="true" s="1" customFormat="true" hidden="true" collapsed="true" outlineLevel="3">
      <c r="A120" s="6" t="s">
        <v>208</v>
      </c>
      <c r="B120" s="6" t="s">
        <v>148</v>
      </c>
      <c r="C120" s="6" t="s">
        <v>149</v>
      </c>
      <c r="D120" s="6" t="s">
        <v>11</v>
      </c>
      <c r="E120" s="6" t="e"/>
    </row>
    <row r="121" ht="11" customHeight="true" s="1" customFormat="true" hidden="true" collapsed="true" outlineLevel="2">
      <c r="A121" s="5" t="s">
        <v>209</v>
      </c>
      <c r="B121" s="5" t="e"/>
      <c r="C121" s="5" t="e"/>
      <c r="D121" s="5" t="e"/>
      <c r="E121" s="5" t="e"/>
    </row>
    <row r="122" ht="22" customHeight="true" s="1" customFormat="true" hidden="true" outlineLevel="3">
      <c r="A122" s="6" t="s">
        <v>210</v>
      </c>
      <c r="B122" s="6" t="s">
        <v>148</v>
      </c>
      <c r="C122" s="6" t="s">
        <v>149</v>
      </c>
      <c r="D122" s="6" t="s">
        <v>40</v>
      </c>
      <c r="E122" s="6" t="e"/>
    </row>
    <row r="123" ht="22" customHeight="true" s="1" customFormat="true" hidden="true" outlineLevel="3">
      <c r="A123" s="6" t="s">
        <v>211</v>
      </c>
      <c r="B123" s="6" t="s">
        <v>151</v>
      </c>
      <c r="C123" s="6" t="s">
        <v>188</v>
      </c>
      <c r="D123" s="6" t="s">
        <v>15</v>
      </c>
      <c r="E123" s="6" t="e"/>
    </row>
    <row r="124" ht="22" customHeight="true" s="1" customFormat="true" hidden="true" outlineLevel="3">
      <c r="A124" s="6" t="s">
        <v>212</v>
      </c>
      <c r="B124" s="6" t="s">
        <v>139</v>
      </c>
      <c r="C124" s="6" t="s">
        <v>155</v>
      </c>
      <c r="D124" s="6" t="s">
        <v>40</v>
      </c>
      <c r="E124" s="6" t="e"/>
    </row>
    <row r="125" ht="22" customHeight="true" s="1" customFormat="true" hidden="true" outlineLevel="3">
      <c r="A125" s="6" t="s">
        <v>213</v>
      </c>
      <c r="B125" s="6" t="s">
        <v>148</v>
      </c>
      <c r="C125" s="6" t="s">
        <v>149</v>
      </c>
      <c r="D125" s="6" t="s">
        <v>11</v>
      </c>
      <c r="E125" s="6" t="e"/>
    </row>
    <row r="126" ht="22" customHeight="true" s="1" customFormat="true" hidden="true" collapsed="true" outlineLevel="3">
      <c r="A126" s="6" t="s">
        <v>214</v>
      </c>
      <c r="B126" s="6" t="s">
        <v>139</v>
      </c>
      <c r="C126" s="6" t="s">
        <v>188</v>
      </c>
      <c r="D126" s="6" t="s">
        <v>26</v>
      </c>
      <c r="E126" s="6" t="e"/>
    </row>
    <row r="127" ht="11" customHeight="true" s="1" customFormat="true" hidden="true" collapsed="true" outlineLevel="2">
      <c r="A127" s="5" t="s">
        <v>215</v>
      </c>
      <c r="B127" s="5" t="e"/>
      <c r="C127" s="5" t="e"/>
      <c r="D127" s="5" t="e"/>
      <c r="E127" s="5" t="e"/>
    </row>
    <row r="128" ht="22" customHeight="true" s="1" customFormat="true" hidden="true" outlineLevel="3">
      <c r="A128" s="6" t="s">
        <v>216</v>
      </c>
      <c r="B128" s="6" t="s">
        <v>142</v>
      </c>
      <c r="C128" s="6" t="s">
        <v>72</v>
      </c>
      <c r="D128" s="6" t="s">
        <v>40</v>
      </c>
      <c r="E128" s="6" t="e"/>
    </row>
    <row r="129" ht="44" customHeight="true" s="1" customFormat="true" hidden="true" outlineLevel="3">
      <c r="A129" s="6" t="s">
        <v>217</v>
      </c>
      <c r="B129" s="6" t="s">
        <v>193</v>
      </c>
      <c r="C129" s="6" t="s">
        <v>55</v>
      </c>
      <c r="D129" s="6" t="s">
        <v>26</v>
      </c>
      <c r="E129" s="6" t="e"/>
    </row>
    <row r="130" ht="33" customHeight="true" s="1" customFormat="true" hidden="true" outlineLevel="3">
      <c r="A130" s="6" t="s">
        <v>218</v>
      </c>
      <c r="B130" s="6" t="s">
        <v>219</v>
      </c>
      <c r="C130" s="6" t="s">
        <v>72</v>
      </c>
      <c r="D130" s="6" t="s">
        <v>26</v>
      </c>
      <c r="E130" s="6" t="e"/>
    </row>
    <row r="131" ht="44" customHeight="true" s="1" customFormat="true" hidden="true" collapsed="true" outlineLevel="3">
      <c r="A131" s="6" t="s">
        <v>220</v>
      </c>
      <c r="B131" s="6" t="s">
        <v>221</v>
      </c>
      <c r="C131" s="6" t="s">
        <v>72</v>
      </c>
      <c r="D131" s="6" t="s">
        <v>40</v>
      </c>
      <c r="E131" s="6" t="e"/>
    </row>
    <row r="132" ht="11" customHeight="true" s="1" customFormat="true" hidden="true" collapsed="true" outlineLevel="2">
      <c r="A132" s="5" t="s">
        <v>222</v>
      </c>
      <c r="B132" s="5" t="e"/>
      <c r="C132" s="5" t="e"/>
      <c r="D132" s="5" t="e"/>
      <c r="E132" s="5" t="e"/>
    </row>
    <row r="133" ht="22" customHeight="true" s="1" customFormat="true" hidden="true" outlineLevel="3">
      <c r="A133" s="6" t="s">
        <v>223</v>
      </c>
      <c r="B133" s="6" t="s">
        <v>219</v>
      </c>
      <c r="C133" s="6" t="s">
        <v>51</v>
      </c>
      <c r="D133" s="6" t="s">
        <v>11</v>
      </c>
      <c r="E133" s="6" t="e"/>
    </row>
    <row r="134" ht="22" customHeight="true" s="1" customFormat="true" hidden="true" outlineLevel="3">
      <c r="A134" s="6" t="s">
        <v>224</v>
      </c>
      <c r="B134" s="6" t="s">
        <v>225</v>
      </c>
      <c r="C134" s="6" t="s">
        <v>103</v>
      </c>
      <c r="D134" s="6" t="s">
        <v>11</v>
      </c>
      <c r="E134" s="6" t="e"/>
    </row>
    <row r="135" ht="33" customHeight="true" s="1" customFormat="true" hidden="true" outlineLevel="3">
      <c r="A135" s="6" t="s">
        <v>226</v>
      </c>
      <c r="B135" s="6" t="s">
        <v>200</v>
      </c>
      <c r="C135" s="6" t="s">
        <v>142</v>
      </c>
      <c r="D135" s="6" t="s">
        <v>15</v>
      </c>
      <c r="E135" s="6" t="e"/>
    </row>
    <row r="136" ht="11" customHeight="true" collapsed="true" outlineLevel="1">
      <c r="A136" s="5" t="s">
        <v>227</v>
      </c>
      <c r="B136" s="5" t="e"/>
      <c r="C136" s="5" t="e"/>
      <c r="D136" s="5" t="e"/>
      <c r="E136" s="5" t="e"/>
    </row>
    <row r="137" ht="11" customHeight="true" s="1" customFormat="true" hidden="true" collapsed="true" outlineLevel="2">
      <c r="A137" s="5" t="s">
        <v>228</v>
      </c>
      <c r="B137" s="5" t="e"/>
      <c r="C137" s="5" t="e"/>
      <c r="D137" s="5" t="e"/>
      <c r="E137" s="5" t="e"/>
    </row>
    <row r="138" ht="22" customHeight="true" s="1" customFormat="true" hidden="true" outlineLevel="3">
      <c r="A138" s="6" t="s">
        <v>229</v>
      </c>
      <c r="B138" s="6" t="s">
        <v>55</v>
      </c>
      <c r="C138" s="6" t="s">
        <v>230</v>
      </c>
      <c r="D138" s="6" t="s">
        <v>26</v>
      </c>
      <c r="E138" s="6" t="e"/>
    </row>
    <row r="139" ht="44" customHeight="true" s="1" customFormat="true" hidden="true" outlineLevel="3">
      <c r="A139" s="6" t="s">
        <v>231</v>
      </c>
      <c r="B139" s="6" t="s">
        <v>232</v>
      </c>
      <c r="C139" s="6" t="s">
        <v>78</v>
      </c>
      <c r="D139" s="6" t="s">
        <v>11</v>
      </c>
      <c r="E139" s="6" t="e"/>
    </row>
    <row r="140" ht="56" customHeight="true" s="1" customFormat="true" hidden="true" outlineLevel="3">
      <c r="A140" s="6" t="s">
        <v>233</v>
      </c>
      <c r="B140" s="6" t="s">
        <v>219</v>
      </c>
      <c r="C140" s="6" t="s">
        <v>62</v>
      </c>
      <c r="D140" s="6" t="s">
        <v>11</v>
      </c>
      <c r="E140" s="6" t="e"/>
    </row>
    <row r="141" ht="56" customHeight="true" s="1" customFormat="true" hidden="true" outlineLevel="3">
      <c r="A141" s="6" t="s">
        <v>234</v>
      </c>
      <c r="B141" s="6" t="s">
        <v>66</v>
      </c>
      <c r="C141" s="6" t="s">
        <v>235</v>
      </c>
      <c r="D141" s="6" t="s">
        <v>11</v>
      </c>
      <c r="E141" s="6" t="e"/>
    </row>
    <row r="142" ht="56" customHeight="true" s="1" customFormat="true" hidden="true" outlineLevel="3">
      <c r="A142" s="6" t="s">
        <v>236</v>
      </c>
      <c r="B142" s="6" t="s">
        <v>237</v>
      </c>
      <c r="C142" s="6" t="s">
        <v>80</v>
      </c>
      <c r="D142" s="6" t="s">
        <v>26</v>
      </c>
      <c r="E142" s="6" t="e"/>
    </row>
    <row r="143" ht="33" customHeight="true" s="1" customFormat="true" hidden="true" collapsed="true" outlineLevel="3">
      <c r="A143" s="6" t="s">
        <v>238</v>
      </c>
      <c r="B143" s="6" t="s">
        <v>112</v>
      </c>
      <c r="C143" s="6" t="s">
        <v>78</v>
      </c>
      <c r="D143" s="6" t="s">
        <v>57</v>
      </c>
      <c r="E143" s="6" t="e"/>
    </row>
    <row r="144" ht="11" customHeight="true" s="1" customFormat="true" hidden="true" collapsed="true" outlineLevel="2">
      <c r="A144" s="5" t="s">
        <v>239</v>
      </c>
      <c r="B144" s="5" t="e"/>
      <c r="C144" s="5" t="e"/>
      <c r="D144" s="5" t="e"/>
      <c r="E144" s="5" t="e"/>
    </row>
    <row r="145" ht="22" customHeight="true" s="1" customFormat="true" hidden="true" outlineLevel="3">
      <c r="A145" s="6" t="s">
        <v>240</v>
      </c>
      <c r="B145" s="6" t="s">
        <v>126</v>
      </c>
      <c r="C145" s="6" t="s">
        <v>127</v>
      </c>
      <c r="D145" s="6" t="s">
        <v>26</v>
      </c>
      <c r="E145" s="6" t="e"/>
    </row>
    <row r="146" ht="22" customHeight="true" s="1" customFormat="true" hidden="true" outlineLevel="3">
      <c r="A146" s="6" t="s">
        <v>241</v>
      </c>
      <c r="B146" s="6" t="s">
        <v>242</v>
      </c>
      <c r="C146" s="6" t="s">
        <v>103</v>
      </c>
      <c r="D146" s="6" t="s">
        <v>11</v>
      </c>
      <c r="E146" s="6" t="e"/>
    </row>
    <row r="147" ht="22" customHeight="true" s="1" customFormat="true" hidden="true" collapsed="true" outlineLevel="3">
      <c r="A147" s="6" t="s">
        <v>243</v>
      </c>
      <c r="B147" s="6" t="s">
        <v>105</v>
      </c>
      <c r="C147" s="6" t="s">
        <v>51</v>
      </c>
      <c r="D147" s="6" t="s">
        <v>40</v>
      </c>
      <c r="E147" s="6" t="e"/>
    </row>
    <row r="148" ht="11" customHeight="true" s="1" customFormat="true" hidden="true" collapsed="true" outlineLevel="2">
      <c r="A148" s="5" t="s">
        <v>244</v>
      </c>
      <c r="B148" s="5" t="e"/>
      <c r="C148" s="5" t="e"/>
      <c r="D148" s="5" t="e"/>
      <c r="E148" s="5" t="e"/>
    </row>
    <row r="149" ht="33" customHeight="true" s="1" customFormat="true" hidden="true" outlineLevel="3">
      <c r="A149" s="6" t="s">
        <v>245</v>
      </c>
      <c r="B149" s="6" t="s">
        <v>127</v>
      </c>
      <c r="C149" s="6" t="s">
        <v>82</v>
      </c>
      <c r="D149" s="6" t="s">
        <v>11</v>
      </c>
      <c r="E149" s="6" t="e"/>
    </row>
    <row r="150" ht="44" customHeight="true" s="1" customFormat="true" hidden="true" outlineLevel="3">
      <c r="A150" s="6" t="s">
        <v>246</v>
      </c>
      <c r="B150" s="6" t="s">
        <v>55</v>
      </c>
      <c r="C150" s="6" t="s">
        <v>73</v>
      </c>
      <c r="D150" s="6" t="s">
        <v>11</v>
      </c>
      <c r="E150" s="6" t="e"/>
    </row>
    <row r="151" ht="44" customHeight="true" s="1" customFormat="true" hidden="true" outlineLevel="3">
      <c r="A151" s="6" t="s">
        <v>247</v>
      </c>
      <c r="B151" s="6" t="s">
        <v>105</v>
      </c>
      <c r="C151" s="6" t="s">
        <v>62</v>
      </c>
      <c r="D151" s="6" t="s">
        <v>40</v>
      </c>
      <c r="E151" s="6" t="e"/>
    </row>
    <row r="152" ht="44" customHeight="true" s="1" customFormat="true" hidden="true" outlineLevel="3">
      <c r="A152" s="6" t="s">
        <v>248</v>
      </c>
      <c r="B152" s="6" t="s">
        <v>72</v>
      </c>
      <c r="C152" s="6" t="s">
        <v>78</v>
      </c>
      <c r="D152" s="6" t="s">
        <v>40</v>
      </c>
      <c r="E152" s="6" t="e"/>
    </row>
    <row r="153" ht="44" customHeight="true" s="1" customFormat="true" hidden="true" outlineLevel="3">
      <c r="A153" s="6" t="s">
        <v>249</v>
      </c>
      <c r="B153" s="6" t="s">
        <v>72</v>
      </c>
      <c r="C153" s="6" t="s">
        <v>78</v>
      </c>
      <c r="D153" s="6" t="s">
        <v>15</v>
      </c>
      <c r="E153" s="6" t="e"/>
    </row>
    <row r="154" ht="44" customHeight="true" s="1" customFormat="true" hidden="true" outlineLevel="3">
      <c r="A154" s="6" t="s">
        <v>250</v>
      </c>
      <c r="B154" s="6" t="s">
        <v>251</v>
      </c>
      <c r="C154" s="6" t="s">
        <v>235</v>
      </c>
      <c r="D154" s="6" t="s">
        <v>11</v>
      </c>
      <c r="E154" s="6" t="e"/>
    </row>
    <row r="155" ht="44" customHeight="true" s="1" customFormat="true" hidden="true" outlineLevel="3">
      <c r="A155" s="6" t="s">
        <v>252</v>
      </c>
      <c r="B155" s="6" t="s">
        <v>253</v>
      </c>
      <c r="C155" s="6" t="s">
        <v>78</v>
      </c>
      <c r="D155" s="6" t="s">
        <v>123</v>
      </c>
      <c r="E155" s="6" t="e"/>
    </row>
    <row r="156" ht="33" customHeight="true" s="1" customFormat="true" hidden="true" collapsed="true" outlineLevel="3">
      <c r="A156" s="6" t="s">
        <v>254</v>
      </c>
      <c r="B156" s="6" t="s">
        <v>145</v>
      </c>
      <c r="C156" s="6" t="s">
        <v>55</v>
      </c>
      <c r="D156" s="6" t="s">
        <v>11</v>
      </c>
      <c r="E156" s="6" t="e"/>
    </row>
    <row r="157" ht="11" customHeight="true" s="1" customFormat="true" hidden="true" collapsed="true" outlineLevel="2">
      <c r="A157" s="5" t="s">
        <v>255</v>
      </c>
      <c r="B157" s="5" t="e"/>
      <c r="C157" s="5" t="e"/>
      <c r="D157" s="5" t="e"/>
      <c r="E157" s="5" t="e"/>
    </row>
    <row r="158" ht="11" customHeight="true" s="1" customFormat="true" hidden="true" collapsed="true" outlineLevel="3">
      <c r="A158" s="6" t="s">
        <v>256</v>
      </c>
      <c r="B158" s="6" t="s">
        <v>257</v>
      </c>
      <c r="C158" s="6" t="s">
        <v>21</v>
      </c>
      <c r="D158" s="6" t="s">
        <v>11</v>
      </c>
      <c r="E158" s="6" t="e"/>
    </row>
    <row r="159" ht="11" customHeight="true" s="1" customFormat="true" hidden="true" collapsed="true" outlineLevel="2">
      <c r="A159" s="5" t="s">
        <v>258</v>
      </c>
      <c r="B159" s="5" t="e"/>
      <c r="C159" s="5" t="e"/>
      <c r="D159" s="5" t="e"/>
      <c r="E159" s="5" t="e"/>
    </row>
    <row r="160" ht="22" customHeight="true" s="1" customFormat="true" hidden="true" collapsed="true" outlineLevel="3">
      <c r="A160" s="6" t="s">
        <v>259</v>
      </c>
      <c r="B160" s="6" t="s">
        <v>260</v>
      </c>
      <c r="C160" s="6" t="s">
        <v>235</v>
      </c>
      <c r="D160" s="6" t="s">
        <v>11</v>
      </c>
      <c r="E160" s="6" t="e"/>
    </row>
    <row r="161" ht="11" customHeight="true" s="1" customFormat="true" hidden="true" collapsed="true" outlineLevel="2">
      <c r="A161" s="5" t="s">
        <v>261</v>
      </c>
      <c r="B161" s="5" t="e"/>
      <c r="C161" s="5" t="e"/>
      <c r="D161" s="5" t="e"/>
      <c r="E161" s="5" t="e"/>
    </row>
    <row r="162" ht="44" customHeight="true" s="1" customFormat="true" hidden="true" outlineLevel="3">
      <c r="A162" s="6" t="s">
        <v>262</v>
      </c>
      <c r="B162" s="6" t="s">
        <v>263</v>
      </c>
      <c r="C162" s="6" t="s">
        <v>264</v>
      </c>
      <c r="D162" s="6" t="s">
        <v>40</v>
      </c>
      <c r="E162" s="6" t="e"/>
    </row>
    <row r="163" ht="11" customHeight="true" s="1" customFormat="true" hidden="true" collapsed="true" outlineLevel="3">
      <c r="A163" s="5" t="s">
        <v>265</v>
      </c>
      <c r="B163" s="5" t="e"/>
      <c r="C163" s="5" t="e"/>
      <c r="D163" s="5" t="e"/>
      <c r="E163" s="5" t="e"/>
    </row>
    <row r="164" ht="44" customHeight="true" s="1" customFormat="true" hidden="true" collapsed="true" outlineLevel="4">
      <c r="A164" s="6" t="s">
        <v>266</v>
      </c>
      <c r="B164" s="6" t="s">
        <v>267</v>
      </c>
      <c r="C164" s="6" t="s">
        <v>268</v>
      </c>
      <c r="D164" s="6" t="s">
        <v>26</v>
      </c>
      <c r="E164" s="6" t="e"/>
    </row>
    <row r="165" ht="11" customHeight="true" s="1" customFormat="true" hidden="true" collapsed="true" outlineLevel="2">
      <c r="A165" s="5" t="s">
        <v>269</v>
      </c>
      <c r="B165" s="5" t="e"/>
      <c r="C165" s="5" t="e"/>
      <c r="D165" s="5" t="e"/>
      <c r="E165" s="5" t="e"/>
    </row>
    <row r="166" ht="22" customHeight="true" s="1" customFormat="true" hidden="true" outlineLevel="3">
      <c r="A166" s="6" t="s">
        <v>270</v>
      </c>
      <c r="B166" s="6" t="s">
        <v>271</v>
      </c>
      <c r="C166" s="6" t="s">
        <v>272</v>
      </c>
      <c r="D166" s="6" t="s">
        <v>26</v>
      </c>
      <c r="E166" s="6" t="e"/>
    </row>
    <row r="167" ht="22" customHeight="true" s="1" customFormat="true" hidden="true" outlineLevel="3">
      <c r="A167" s="6" t="s">
        <v>273</v>
      </c>
      <c r="B167" s="6" t="s">
        <v>31</v>
      </c>
      <c r="C167" s="6" t="s">
        <v>274</v>
      </c>
      <c r="D167" s="6" t="s">
        <v>26</v>
      </c>
      <c r="E167" s="6" t="e"/>
    </row>
    <row r="168" ht="22" customHeight="true" s="1" customFormat="true" hidden="true" outlineLevel="3">
      <c r="A168" s="6" t="s">
        <v>275</v>
      </c>
      <c r="B168" s="6" t="s">
        <v>51</v>
      </c>
      <c r="C168" s="6" t="s">
        <v>83</v>
      </c>
      <c r="D168" s="6" t="s">
        <v>276</v>
      </c>
      <c r="E168" s="6" t="e"/>
    </row>
    <row r="169" ht="22" customHeight="true" s="1" customFormat="true" hidden="true" collapsed="true" outlineLevel="3">
      <c r="A169" s="6" t="s">
        <v>277</v>
      </c>
      <c r="B169" s="6" t="s">
        <v>278</v>
      </c>
      <c r="C169" s="6" t="s">
        <v>279</v>
      </c>
      <c r="D169" s="6" t="s">
        <v>26</v>
      </c>
      <c r="E169" s="6" t="e"/>
    </row>
    <row r="170" ht="11" customHeight="true" s="1" customFormat="true" hidden="true" collapsed="true" outlineLevel="2">
      <c r="A170" s="5" t="s">
        <v>280</v>
      </c>
      <c r="B170" s="5" t="e"/>
      <c r="C170" s="5" t="e"/>
      <c r="D170" s="5" t="e"/>
      <c r="E170" s="5" t="e"/>
    </row>
    <row r="171" ht="22" customHeight="true" s="1" customFormat="true" hidden="true" outlineLevel="3">
      <c r="A171" s="6" t="s">
        <v>281</v>
      </c>
      <c r="B171" s="6" t="e"/>
      <c r="C171" s="6" t="s">
        <v>149</v>
      </c>
      <c r="D171" s="6" t="s">
        <v>15</v>
      </c>
      <c r="E171" s="6" t="e"/>
    </row>
    <row r="172" ht="33" customHeight="true" s="1" customFormat="true" hidden="true" collapsed="true" outlineLevel="3">
      <c r="A172" s="6" t="s">
        <v>282</v>
      </c>
      <c r="B172" s="6" t="s">
        <v>283</v>
      </c>
      <c r="C172" s="6" t="s">
        <v>142</v>
      </c>
      <c r="D172" s="6" t="s">
        <v>11</v>
      </c>
      <c r="E172" s="6" t="e"/>
    </row>
    <row r="173" ht="11" customHeight="true" s="1" customFormat="true" hidden="true" collapsed="true" outlineLevel="2">
      <c r="A173" s="5" t="s">
        <v>284</v>
      </c>
      <c r="B173" s="5" t="e"/>
      <c r="C173" s="5" t="e"/>
      <c r="D173" s="5" t="e"/>
      <c r="E173" s="5" t="e"/>
    </row>
    <row r="174" ht="22" customHeight="true" s="1" customFormat="true" hidden="true" collapsed="true" outlineLevel="3">
      <c r="A174" s="6" t="s">
        <v>285</v>
      </c>
      <c r="B174" s="6" t="s">
        <v>286</v>
      </c>
      <c r="C174" s="6" t="s">
        <v>23</v>
      </c>
      <c r="D174" s="6" t="s">
        <v>11</v>
      </c>
      <c r="E174" s="6" t="e"/>
    </row>
    <row r="175" ht="11" customHeight="true" s="1" customFormat="true" hidden="true" collapsed="true" outlineLevel="2">
      <c r="A175" s="5" t="s">
        <v>287</v>
      </c>
      <c r="B175" s="5" t="e"/>
      <c r="C175" s="5" t="e"/>
      <c r="D175" s="5" t="e"/>
      <c r="E175" s="5" t="e"/>
    </row>
    <row r="176" ht="44" customHeight="true" s="1" customFormat="true" hidden="true" outlineLevel="3">
      <c r="A176" s="6" t="s">
        <v>288</v>
      </c>
      <c r="B176" s="6" t="s">
        <v>289</v>
      </c>
      <c r="C176" s="6" t="s">
        <v>290</v>
      </c>
      <c r="D176" s="6" t="s">
        <v>11</v>
      </c>
      <c r="E176" s="6" t="e"/>
    </row>
    <row r="177" ht="44" customHeight="true" s="1" customFormat="true" hidden="true" outlineLevel="3">
      <c r="A177" s="6" t="s">
        <v>291</v>
      </c>
      <c r="B177" s="6" t="s">
        <v>292</v>
      </c>
      <c r="C177" s="6" t="s">
        <v>80</v>
      </c>
      <c r="D177" s="6" t="s">
        <v>11</v>
      </c>
      <c r="E177" s="6" t="e"/>
    </row>
    <row r="178" ht="44" customHeight="true" s="1" customFormat="true" hidden="true" outlineLevel="3">
      <c r="A178" s="6" t="s">
        <v>293</v>
      </c>
      <c r="B178" s="6" t="s">
        <v>289</v>
      </c>
      <c r="C178" s="6" t="s">
        <v>290</v>
      </c>
      <c r="D178" s="6" t="s">
        <v>11</v>
      </c>
      <c r="E178" s="6" t="e"/>
    </row>
    <row r="179" ht="33" customHeight="true" s="1" customFormat="true" hidden="true" outlineLevel="3">
      <c r="A179" s="6" t="s">
        <v>294</v>
      </c>
      <c r="B179" s="6" t="s">
        <v>127</v>
      </c>
      <c r="C179" s="6" t="s">
        <v>235</v>
      </c>
      <c r="D179" s="6" t="s">
        <v>26</v>
      </c>
      <c r="E179" s="6" t="e"/>
    </row>
    <row r="180" ht="22" customHeight="true" s="1" customFormat="true" hidden="true" outlineLevel="3">
      <c r="A180" s="6" t="s">
        <v>295</v>
      </c>
      <c r="B180" s="6" t="s">
        <v>296</v>
      </c>
      <c r="C180" s="6" t="s">
        <v>99</v>
      </c>
      <c r="D180" s="6" t="s">
        <v>26</v>
      </c>
      <c r="E180" s="6" t="e"/>
    </row>
    <row r="181" ht="22" customHeight="true" s="1" customFormat="true" hidden="true" outlineLevel="3">
      <c r="A181" s="6" t="s">
        <v>297</v>
      </c>
      <c r="B181" s="6" t="s">
        <v>298</v>
      </c>
      <c r="C181" s="6" t="s">
        <v>127</v>
      </c>
      <c r="D181" s="6" t="s">
        <v>26</v>
      </c>
      <c r="E181" s="6" t="e"/>
    </row>
    <row r="182" ht="22" customHeight="true" s="1" customFormat="true" hidden="true" outlineLevel="3">
      <c r="A182" s="6" t="s">
        <v>299</v>
      </c>
      <c r="B182" s="6" t="s">
        <v>300</v>
      </c>
      <c r="C182" s="6" t="s">
        <v>99</v>
      </c>
      <c r="D182" s="6" t="s">
        <v>11</v>
      </c>
      <c r="E182" s="6" t="e"/>
    </row>
    <row r="183" ht="22" customHeight="true" s="1" customFormat="true" hidden="true" outlineLevel="3">
      <c r="A183" s="6" t="s">
        <v>301</v>
      </c>
      <c r="B183" s="6" t="s">
        <v>302</v>
      </c>
      <c r="C183" s="6" t="s">
        <v>188</v>
      </c>
      <c r="D183" s="6" t="s">
        <v>11</v>
      </c>
      <c r="E183" s="6" t="e"/>
    </row>
    <row r="184" ht="44" customHeight="true" s="1" customFormat="true" hidden="true" outlineLevel="3">
      <c r="A184" s="6" t="s">
        <v>303</v>
      </c>
      <c r="B184" s="6" t="s">
        <v>197</v>
      </c>
      <c r="C184" s="6" t="s">
        <v>149</v>
      </c>
      <c r="D184" s="6" t="s">
        <v>40</v>
      </c>
      <c r="E184" s="6" t="e"/>
    </row>
    <row r="185" ht="33" customHeight="true" s="1" customFormat="true" hidden="true" outlineLevel="3">
      <c r="A185" s="6" t="s">
        <v>304</v>
      </c>
      <c r="B185" s="6" t="s">
        <v>302</v>
      </c>
      <c r="C185" s="6" t="s">
        <v>103</v>
      </c>
      <c r="D185" s="6" t="s">
        <v>15</v>
      </c>
      <c r="E185" s="6" t="e"/>
    </row>
    <row r="186" ht="22" customHeight="true" s="1" customFormat="true" hidden="true" outlineLevel="3">
      <c r="A186" s="6" t="s">
        <v>305</v>
      </c>
      <c r="B186" s="6" t="s">
        <v>296</v>
      </c>
      <c r="C186" s="6" t="s">
        <v>149</v>
      </c>
      <c r="D186" s="6" t="s">
        <v>26</v>
      </c>
      <c r="E186" s="6" t="e"/>
    </row>
    <row r="187" ht="33" customHeight="true" s="1" customFormat="true" hidden="true" outlineLevel="3">
      <c r="A187" s="6" t="s">
        <v>306</v>
      </c>
      <c r="B187" s="6" t="s">
        <v>242</v>
      </c>
      <c r="C187" s="6" t="s">
        <v>103</v>
      </c>
      <c r="D187" s="6" t="s">
        <v>26</v>
      </c>
      <c r="E187" s="6" t="e"/>
    </row>
    <row r="188" ht="33" customHeight="true" s="1" customFormat="true" hidden="true" outlineLevel="3">
      <c r="A188" s="6" t="s">
        <v>307</v>
      </c>
      <c r="B188" s="6" t="s">
        <v>308</v>
      </c>
      <c r="C188" s="6" t="s">
        <v>103</v>
      </c>
      <c r="D188" s="6" t="s">
        <v>40</v>
      </c>
      <c r="E188" s="6" t="e"/>
    </row>
    <row r="189" ht="33" customHeight="true" s="1" customFormat="true" hidden="true" outlineLevel="3">
      <c r="A189" s="6" t="s">
        <v>309</v>
      </c>
      <c r="B189" s="6" t="s">
        <v>242</v>
      </c>
      <c r="C189" s="6" t="s">
        <v>103</v>
      </c>
      <c r="D189" s="6" t="s">
        <v>184</v>
      </c>
      <c r="E189" s="6" t="e"/>
    </row>
    <row r="190" ht="33" customHeight="true" s="1" customFormat="true" hidden="true" outlineLevel="3">
      <c r="A190" s="6" t="s">
        <v>310</v>
      </c>
      <c r="B190" s="6" t="s">
        <v>302</v>
      </c>
      <c r="C190" s="6" t="s">
        <v>103</v>
      </c>
      <c r="D190" s="6" t="s">
        <v>68</v>
      </c>
      <c r="E190" s="6" t="e"/>
    </row>
    <row r="191" ht="44" customHeight="true" s="1" customFormat="true" hidden="true" outlineLevel="3">
      <c r="A191" s="6" t="s">
        <v>311</v>
      </c>
      <c r="B191" s="6" t="s">
        <v>312</v>
      </c>
      <c r="C191" s="6" t="s">
        <v>225</v>
      </c>
      <c r="D191" s="6" t="s">
        <v>11</v>
      </c>
      <c r="E191" s="6" t="e"/>
    </row>
    <row r="192" ht="56" customHeight="true" s="1" customFormat="true" hidden="true" outlineLevel="3">
      <c r="A192" s="6" t="s">
        <v>313</v>
      </c>
      <c r="B192" s="6" t="s">
        <v>314</v>
      </c>
      <c r="C192" s="6" t="s">
        <v>55</v>
      </c>
      <c r="D192" s="6" t="s">
        <v>26</v>
      </c>
      <c r="E192" s="6" t="e"/>
    </row>
    <row r="193" ht="44" customHeight="true" s="1" customFormat="true" hidden="true" outlineLevel="3">
      <c r="A193" s="6" t="s">
        <v>315</v>
      </c>
      <c r="B193" s="6" t="e"/>
      <c r="C193" s="6" t="s">
        <v>316</v>
      </c>
      <c r="D193" s="6" t="s">
        <v>11</v>
      </c>
      <c r="E193" s="6" t="e"/>
    </row>
    <row r="194" ht="44" customHeight="true" s="1" customFormat="true" hidden="true" outlineLevel="3">
      <c r="A194" s="6" t="s">
        <v>317</v>
      </c>
      <c r="B194" s="6" t="s">
        <v>318</v>
      </c>
      <c r="C194" s="6" t="s">
        <v>219</v>
      </c>
      <c r="D194" s="6" t="s">
        <v>11</v>
      </c>
      <c r="E194" s="6" t="e"/>
    </row>
    <row r="195" ht="44" customHeight="true" s="1" customFormat="true" hidden="true" outlineLevel="3">
      <c r="A195" s="6" t="s">
        <v>319</v>
      </c>
      <c r="B195" s="6" t="s">
        <v>302</v>
      </c>
      <c r="C195" s="6" t="s">
        <v>219</v>
      </c>
      <c r="D195" s="6" t="s">
        <v>11</v>
      </c>
      <c r="E195" s="6" t="e"/>
    </row>
    <row r="196" ht="44" customHeight="true" s="1" customFormat="true" hidden="true" outlineLevel="3">
      <c r="A196" s="6" t="s">
        <v>320</v>
      </c>
      <c r="B196" s="6" t="s">
        <v>141</v>
      </c>
      <c r="C196" s="6" t="s">
        <v>55</v>
      </c>
      <c r="D196" s="6" t="s">
        <v>57</v>
      </c>
      <c r="E196" s="6" t="e"/>
    </row>
    <row r="197" ht="56" customHeight="true" s="1" customFormat="true" hidden="true" outlineLevel="3">
      <c r="A197" s="6" t="s">
        <v>321</v>
      </c>
      <c r="B197" s="6" t="s">
        <v>322</v>
      </c>
      <c r="C197" s="6" t="s">
        <v>142</v>
      </c>
      <c r="D197" s="6" t="s">
        <v>195</v>
      </c>
      <c r="E197" s="6" t="e"/>
    </row>
    <row r="198" ht="33" customHeight="true" s="1" customFormat="true" hidden="true" outlineLevel="3">
      <c r="A198" s="6" t="s">
        <v>323</v>
      </c>
      <c r="B198" s="6" t="s">
        <v>324</v>
      </c>
      <c r="C198" s="6" t="s">
        <v>325</v>
      </c>
      <c r="D198" s="6" t="s">
        <v>11</v>
      </c>
      <c r="E198" s="6" t="e"/>
    </row>
    <row r="199" ht="33" customHeight="true" s="1" customFormat="true" hidden="true" outlineLevel="3">
      <c r="A199" s="6" t="s">
        <v>326</v>
      </c>
      <c r="B199" s="6" t="s">
        <v>50</v>
      </c>
      <c r="C199" s="6" t="s">
        <v>62</v>
      </c>
      <c r="D199" s="6" t="s">
        <v>26</v>
      </c>
      <c r="E199" s="6" t="e"/>
    </row>
    <row r="200" ht="33" customHeight="true" s="1" customFormat="true" hidden="true" outlineLevel="3">
      <c r="A200" s="6" t="s">
        <v>327</v>
      </c>
      <c r="B200" s="6" t="s">
        <v>328</v>
      </c>
      <c r="C200" s="6" t="s">
        <v>290</v>
      </c>
      <c r="D200" s="6" t="s">
        <v>11</v>
      </c>
      <c r="E200" s="6" t="e"/>
    </row>
    <row r="201" ht="33" customHeight="true" s="1" customFormat="true" hidden="true" outlineLevel="3">
      <c r="A201" s="6" t="s">
        <v>329</v>
      </c>
      <c r="B201" s="6" t="s">
        <v>21</v>
      </c>
      <c r="C201" s="6" t="s">
        <v>80</v>
      </c>
      <c r="D201" s="6" t="s">
        <v>11</v>
      </c>
      <c r="E201" s="6" t="e"/>
    </row>
    <row r="202" ht="33" customHeight="true" s="1" customFormat="true" hidden="true" outlineLevel="3">
      <c r="A202" s="6" t="s">
        <v>330</v>
      </c>
      <c r="B202" s="6" t="s">
        <v>112</v>
      </c>
      <c r="C202" s="6" t="s">
        <v>235</v>
      </c>
      <c r="D202" s="6" t="s">
        <v>11</v>
      </c>
      <c r="E202" s="6" t="e"/>
    </row>
    <row r="203" ht="44" customHeight="true" s="1" customFormat="true" hidden="true" outlineLevel="3">
      <c r="A203" s="6" t="s">
        <v>331</v>
      </c>
      <c r="B203" s="6" t="s">
        <v>61</v>
      </c>
      <c r="C203" s="6" t="s">
        <v>73</v>
      </c>
      <c r="D203" s="6" t="s">
        <v>40</v>
      </c>
      <c r="E203" s="6" t="e"/>
    </row>
    <row r="204" ht="33" customHeight="true" s="1" customFormat="true" hidden="true" outlineLevel="3">
      <c r="A204" s="6" t="s">
        <v>332</v>
      </c>
      <c r="B204" s="6" t="s">
        <v>333</v>
      </c>
      <c r="C204" s="6" t="s">
        <v>72</v>
      </c>
      <c r="D204" s="6" t="s">
        <v>11</v>
      </c>
      <c r="E204" s="6" t="e"/>
    </row>
    <row r="205" ht="44" customHeight="true" s="1" customFormat="true" hidden="true" outlineLevel="3">
      <c r="A205" s="6" t="s">
        <v>334</v>
      </c>
      <c r="B205" s="6" t="s">
        <v>333</v>
      </c>
      <c r="C205" s="6" t="s">
        <v>72</v>
      </c>
      <c r="D205" s="6" t="s">
        <v>11</v>
      </c>
      <c r="E205" s="6" t="e"/>
    </row>
    <row r="206" ht="44" customHeight="true" s="1" customFormat="true" hidden="true" outlineLevel="3">
      <c r="A206" s="6" t="s">
        <v>335</v>
      </c>
      <c r="B206" s="6" t="s">
        <v>149</v>
      </c>
      <c r="C206" s="6" t="s">
        <v>219</v>
      </c>
      <c r="D206" s="6" t="s">
        <v>26</v>
      </c>
      <c r="E206" s="6" t="e"/>
    </row>
    <row r="207" ht="33" customHeight="true" s="1" customFormat="true" hidden="true" outlineLevel="3">
      <c r="A207" s="6" t="s">
        <v>336</v>
      </c>
      <c r="B207" s="6" t="s">
        <v>127</v>
      </c>
      <c r="C207" s="6" t="s">
        <v>73</v>
      </c>
      <c r="D207" s="6" t="s">
        <v>26</v>
      </c>
      <c r="E207" s="6" t="e"/>
    </row>
    <row r="208" ht="33" customHeight="true" s="1" customFormat="true" hidden="true" outlineLevel="3">
      <c r="A208" s="6" t="s">
        <v>337</v>
      </c>
      <c r="B208" s="6" t="s">
        <v>154</v>
      </c>
      <c r="C208" s="6" t="s">
        <v>142</v>
      </c>
      <c r="D208" s="6" t="s">
        <v>11</v>
      </c>
      <c r="E208" s="6" t="e"/>
    </row>
    <row r="209" ht="44" customHeight="true" s="1" customFormat="true" hidden="true" outlineLevel="3">
      <c r="A209" s="6" t="s">
        <v>338</v>
      </c>
      <c r="B209" s="6" t="s">
        <v>339</v>
      </c>
      <c r="C209" s="6" t="s">
        <v>142</v>
      </c>
      <c r="D209" s="6" t="s">
        <v>276</v>
      </c>
      <c r="E209" s="6" t="e"/>
    </row>
    <row r="210" ht="33" customHeight="true" s="1" customFormat="true" hidden="true" outlineLevel="3">
      <c r="A210" s="6" t="s">
        <v>340</v>
      </c>
      <c r="B210" s="6" t="s">
        <v>341</v>
      </c>
      <c r="C210" s="6" t="s">
        <v>62</v>
      </c>
      <c r="D210" s="6" t="s">
        <v>11</v>
      </c>
      <c r="E210" s="6" t="e"/>
    </row>
    <row r="211" ht="33" customHeight="true" s="1" customFormat="true" hidden="true" outlineLevel="3">
      <c r="A211" s="6" t="s">
        <v>342</v>
      </c>
      <c r="B211" s="6" t="s">
        <v>343</v>
      </c>
      <c r="C211" s="6" t="s">
        <v>235</v>
      </c>
      <c r="D211" s="6" t="s">
        <v>26</v>
      </c>
      <c r="E211" s="6" t="e"/>
    </row>
    <row r="212" ht="33" customHeight="true" s="1" customFormat="true" hidden="true" outlineLevel="3">
      <c r="A212" s="6" t="s">
        <v>344</v>
      </c>
      <c r="B212" s="6" t="s">
        <v>345</v>
      </c>
      <c r="C212" s="6" t="s">
        <v>13</v>
      </c>
      <c r="D212" s="6" t="s">
        <v>11</v>
      </c>
      <c r="E212" s="6" t="e"/>
    </row>
    <row r="213" ht="33" customHeight="true" s="1" customFormat="true" hidden="true" outlineLevel="3">
      <c r="A213" s="6" t="s">
        <v>346</v>
      </c>
      <c r="B213" s="6" t="s">
        <v>347</v>
      </c>
      <c r="C213" s="6" t="s">
        <v>72</v>
      </c>
      <c r="D213" s="6" t="s">
        <v>11</v>
      </c>
      <c r="E213" s="6" t="e"/>
    </row>
    <row r="214" ht="33" customHeight="true" s="1" customFormat="true" hidden="true" outlineLevel="3">
      <c r="A214" s="6" t="s">
        <v>348</v>
      </c>
      <c r="B214" s="6" t="s">
        <v>50</v>
      </c>
      <c r="C214" s="6" t="s">
        <v>62</v>
      </c>
      <c r="D214" s="6" t="s">
        <v>11</v>
      </c>
      <c r="E214" s="6" t="e"/>
    </row>
    <row r="215" ht="44" customHeight="true" s="1" customFormat="true" hidden="true" outlineLevel="3">
      <c r="A215" s="6" t="s">
        <v>349</v>
      </c>
      <c r="B215" s="6" t="s">
        <v>350</v>
      </c>
      <c r="C215" s="6" t="s">
        <v>62</v>
      </c>
      <c r="D215" s="6" t="s">
        <v>11</v>
      </c>
      <c r="E215" s="6" t="e"/>
    </row>
    <row r="216" ht="44" customHeight="true" s="1" customFormat="true" hidden="true" outlineLevel="3">
      <c r="A216" s="6" t="s">
        <v>351</v>
      </c>
      <c r="B216" s="6" t="s">
        <v>352</v>
      </c>
      <c r="C216" s="6" t="s">
        <v>230</v>
      </c>
      <c r="D216" s="6" t="s">
        <v>123</v>
      </c>
      <c r="E216" s="6" t="e"/>
    </row>
    <row r="217" ht="33" customHeight="true" s="1" customFormat="true" hidden="true" outlineLevel="3">
      <c r="A217" s="6" t="s">
        <v>353</v>
      </c>
      <c r="B217" s="6" t="e"/>
      <c r="C217" s="6" t="s">
        <v>99</v>
      </c>
      <c r="D217" s="6" t="s">
        <v>11</v>
      </c>
      <c r="E217" s="6" t="e"/>
    </row>
    <row r="218" ht="44" customHeight="true" s="1" customFormat="true" hidden="true" outlineLevel="3">
      <c r="A218" s="6" t="s">
        <v>354</v>
      </c>
      <c r="B218" s="6" t="s">
        <v>127</v>
      </c>
      <c r="C218" s="6" t="s">
        <v>73</v>
      </c>
      <c r="D218" s="6" t="s">
        <v>26</v>
      </c>
      <c r="E218" s="6" t="e"/>
    </row>
    <row r="219" ht="44" customHeight="true" s="1" customFormat="true" hidden="true" outlineLevel="3">
      <c r="A219" s="6" t="s">
        <v>355</v>
      </c>
      <c r="B219" s="6" t="s">
        <v>62</v>
      </c>
      <c r="C219" s="6" t="s">
        <v>290</v>
      </c>
      <c r="D219" s="6" t="s">
        <v>26</v>
      </c>
      <c r="E219" s="6" t="e"/>
    </row>
    <row r="220" ht="44" customHeight="true" s="1" customFormat="true" hidden="true" outlineLevel="3">
      <c r="A220" s="6" t="s">
        <v>356</v>
      </c>
      <c r="B220" s="6" t="s">
        <v>129</v>
      </c>
      <c r="C220" s="6" t="s">
        <v>72</v>
      </c>
      <c r="D220" s="6" t="s">
        <v>11</v>
      </c>
      <c r="E220" s="6" t="e"/>
    </row>
    <row r="221" ht="44" customHeight="true" s="1" customFormat="true" hidden="true" outlineLevel="3">
      <c r="A221" s="6" t="s">
        <v>357</v>
      </c>
      <c r="B221" s="6" t="s">
        <v>136</v>
      </c>
      <c r="C221" s="6" t="s">
        <v>127</v>
      </c>
      <c r="D221" s="6" t="s">
        <v>40</v>
      </c>
      <c r="E221" s="6" t="e"/>
    </row>
    <row r="222" ht="44" customHeight="true" s="1" customFormat="true" hidden="true" outlineLevel="3">
      <c r="A222" s="6" t="s">
        <v>358</v>
      </c>
      <c r="B222" s="6" t="s">
        <v>219</v>
      </c>
      <c r="C222" s="6" t="s">
        <v>73</v>
      </c>
      <c r="D222" s="6" t="s">
        <v>40</v>
      </c>
      <c r="E222" s="6" t="e"/>
    </row>
    <row r="223" ht="33" customHeight="true" s="1" customFormat="true" hidden="true" outlineLevel="3">
      <c r="A223" s="6" t="s">
        <v>359</v>
      </c>
      <c r="B223" s="6" t="s">
        <v>110</v>
      </c>
      <c r="C223" s="6" t="s">
        <v>51</v>
      </c>
      <c r="D223" s="6" t="s">
        <v>26</v>
      </c>
      <c r="E223" s="6" t="e"/>
    </row>
    <row r="224" ht="33" customHeight="true" s="1" customFormat="true" hidden="true" outlineLevel="3">
      <c r="A224" s="6" t="s">
        <v>360</v>
      </c>
      <c r="B224" s="6" t="s">
        <v>110</v>
      </c>
      <c r="C224" s="6" t="s">
        <v>72</v>
      </c>
      <c r="D224" s="6" t="s">
        <v>11</v>
      </c>
      <c r="E224" s="6" t="e"/>
    </row>
    <row r="225" ht="44" customHeight="true" s="1" customFormat="true" hidden="true" outlineLevel="3">
      <c r="A225" s="6" t="s">
        <v>361</v>
      </c>
      <c r="B225" s="6" t="s">
        <v>127</v>
      </c>
      <c r="C225" s="6" t="s">
        <v>235</v>
      </c>
      <c r="D225" s="6" t="s">
        <v>40</v>
      </c>
      <c r="E225" s="6" t="e"/>
    </row>
    <row r="226" ht="44" customHeight="true" s="1" customFormat="true" hidden="true" outlineLevel="3">
      <c r="A226" s="6" t="s">
        <v>362</v>
      </c>
      <c r="B226" s="6" t="s">
        <v>112</v>
      </c>
      <c r="C226" s="6" t="s">
        <v>235</v>
      </c>
      <c r="D226" s="6" t="s">
        <v>11</v>
      </c>
      <c r="E226" s="6" t="e"/>
    </row>
    <row r="227" ht="44" customHeight="true" s="1" customFormat="true" hidden="true" outlineLevel="3">
      <c r="A227" s="6" t="s">
        <v>363</v>
      </c>
      <c r="B227" s="6" t="s">
        <v>364</v>
      </c>
      <c r="C227" s="6" t="s">
        <v>51</v>
      </c>
      <c r="D227" s="6" t="s">
        <v>11</v>
      </c>
      <c r="E227" s="6" t="e"/>
    </row>
    <row r="228" ht="44" customHeight="true" s="1" customFormat="true" hidden="true" outlineLevel="3">
      <c r="A228" s="6" t="s">
        <v>365</v>
      </c>
      <c r="B228" s="6" t="s">
        <v>366</v>
      </c>
      <c r="C228" s="6" t="s">
        <v>72</v>
      </c>
      <c r="D228" s="6" t="s">
        <v>11</v>
      </c>
      <c r="E228" s="6" t="e"/>
    </row>
    <row r="229" ht="44" customHeight="true" s="1" customFormat="true" hidden="true" outlineLevel="3">
      <c r="A229" s="6" t="s">
        <v>367</v>
      </c>
      <c r="B229" s="6" t="s">
        <v>77</v>
      </c>
      <c r="C229" s="6" t="s">
        <v>290</v>
      </c>
      <c r="D229" s="6" t="s">
        <v>40</v>
      </c>
      <c r="E229" s="6" t="e"/>
    </row>
    <row r="230" ht="44" customHeight="true" s="1" customFormat="true" hidden="true" outlineLevel="3">
      <c r="A230" s="6" t="s">
        <v>368</v>
      </c>
      <c r="B230" s="6" t="s">
        <v>369</v>
      </c>
      <c r="C230" s="6" t="s">
        <v>83</v>
      </c>
      <c r="D230" s="6" t="s">
        <v>26</v>
      </c>
      <c r="E230" s="6" t="e"/>
    </row>
    <row r="231" ht="44" customHeight="true" s="1" customFormat="true" hidden="true" outlineLevel="3">
      <c r="A231" s="6" t="s">
        <v>370</v>
      </c>
      <c r="B231" s="6" t="s">
        <v>371</v>
      </c>
      <c r="C231" s="6" t="s">
        <v>235</v>
      </c>
      <c r="D231" s="6" t="s">
        <v>26</v>
      </c>
      <c r="E231" s="6" t="e"/>
    </row>
    <row r="232" ht="44" customHeight="true" s="1" customFormat="true" hidden="true" outlineLevel="3">
      <c r="A232" s="6" t="s">
        <v>372</v>
      </c>
      <c r="B232" s="6" t="s">
        <v>373</v>
      </c>
      <c r="C232" s="6" t="s">
        <v>374</v>
      </c>
      <c r="D232" s="6" t="s">
        <v>11</v>
      </c>
      <c r="E232" s="6" t="e"/>
    </row>
    <row r="233" ht="44" customHeight="true" s="1" customFormat="true" hidden="true" outlineLevel="3">
      <c r="A233" s="6" t="s">
        <v>375</v>
      </c>
      <c r="B233" s="6" t="s">
        <v>376</v>
      </c>
      <c r="C233" s="6" t="s">
        <v>73</v>
      </c>
      <c r="D233" s="6" t="s">
        <v>40</v>
      </c>
      <c r="E233" s="6" t="e"/>
    </row>
    <row r="234" ht="44" customHeight="true" s="1" customFormat="true" hidden="true" outlineLevel="3">
      <c r="A234" s="6" t="s">
        <v>377</v>
      </c>
      <c r="B234" s="6" t="s">
        <v>235</v>
      </c>
      <c r="C234" s="6" t="s">
        <v>47</v>
      </c>
      <c r="D234" s="6" t="s">
        <v>26</v>
      </c>
      <c r="E234" s="6" t="e"/>
    </row>
    <row r="235" ht="56" customHeight="true" s="1" customFormat="true" hidden="true" outlineLevel="3">
      <c r="A235" s="6" t="s">
        <v>378</v>
      </c>
      <c r="B235" s="6" t="s">
        <v>379</v>
      </c>
      <c r="C235" s="6" t="s">
        <v>80</v>
      </c>
      <c r="D235" s="6" t="s">
        <v>40</v>
      </c>
      <c r="E235" s="6" t="e"/>
    </row>
    <row r="236" ht="44" customHeight="true" s="1" customFormat="true" hidden="true" outlineLevel="3">
      <c r="A236" s="6" t="s">
        <v>380</v>
      </c>
      <c r="B236" s="6" t="s">
        <v>62</v>
      </c>
      <c r="C236" s="6" t="s">
        <v>290</v>
      </c>
      <c r="D236" s="6" t="s">
        <v>26</v>
      </c>
      <c r="E236" s="6" t="e"/>
    </row>
    <row r="237" ht="44" customHeight="true" s="1" customFormat="true" hidden="true" outlineLevel="3">
      <c r="A237" s="6" t="s">
        <v>381</v>
      </c>
      <c r="B237" s="6" t="s">
        <v>237</v>
      </c>
      <c r="C237" s="6" t="s">
        <v>78</v>
      </c>
      <c r="D237" s="6" t="s">
        <v>11</v>
      </c>
      <c r="E237" s="6" t="e"/>
    </row>
    <row r="238" ht="33" customHeight="true" s="1" customFormat="true" hidden="true" outlineLevel="3">
      <c r="A238" s="6" t="s">
        <v>382</v>
      </c>
      <c r="B238" s="6" t="s">
        <v>82</v>
      </c>
      <c r="C238" s="6" t="s">
        <v>290</v>
      </c>
      <c r="D238" s="6" t="s">
        <v>11</v>
      </c>
      <c r="E238" s="6" t="e"/>
    </row>
    <row r="239" ht="33" customHeight="true" s="1" customFormat="true" hidden="true" outlineLevel="3">
      <c r="A239" s="6" t="s">
        <v>383</v>
      </c>
      <c r="B239" s="6" t="s">
        <v>384</v>
      </c>
      <c r="C239" s="6" t="s">
        <v>142</v>
      </c>
      <c r="D239" s="6" t="s">
        <v>11</v>
      </c>
      <c r="E239" s="6" t="e"/>
    </row>
    <row r="240" ht="11" customHeight="true" s="1" customFormat="true" hidden="true" collapsed="true" outlineLevel="3">
      <c r="A240" s="5" t="s">
        <v>385</v>
      </c>
      <c r="B240" s="5" t="e"/>
      <c r="C240" s="5" t="e"/>
      <c r="D240" s="5" t="e"/>
      <c r="E240" s="5" t="e"/>
    </row>
    <row r="241" ht="56" customHeight="true" s="1" customFormat="true" hidden="true" outlineLevel="4">
      <c r="A241" s="6" t="s">
        <v>386</v>
      </c>
      <c r="B241" s="6" t="s">
        <v>371</v>
      </c>
      <c r="C241" s="6" t="s">
        <v>230</v>
      </c>
      <c r="D241" s="6" t="s">
        <v>26</v>
      </c>
      <c r="E241" s="6" t="e"/>
    </row>
    <row r="242" ht="44" customHeight="true" s="1" customFormat="true" hidden="true" outlineLevel="4">
      <c r="A242" s="6" t="s">
        <v>387</v>
      </c>
      <c r="B242" s="6" t="s">
        <v>388</v>
      </c>
      <c r="C242" s="6" t="s">
        <v>230</v>
      </c>
      <c r="D242" s="6" t="s">
        <v>15</v>
      </c>
      <c r="E242" s="6" t="e"/>
    </row>
    <row r="243" ht="56" customHeight="true" s="1" customFormat="true" hidden="true" outlineLevel="4">
      <c r="A243" s="6" t="s">
        <v>389</v>
      </c>
      <c r="B243" s="6" t="s">
        <v>390</v>
      </c>
      <c r="C243" s="6" t="s">
        <v>391</v>
      </c>
      <c r="D243" s="6" t="s">
        <v>26</v>
      </c>
      <c r="E243" s="6" t="e"/>
    </row>
    <row r="244" ht="44" customHeight="true" s="1" customFormat="true" hidden="true" outlineLevel="4">
      <c r="A244" s="6" t="s">
        <v>392</v>
      </c>
      <c r="B244" s="6" t="s">
        <v>352</v>
      </c>
      <c r="C244" s="6" t="s">
        <v>230</v>
      </c>
      <c r="D244" s="6" t="s">
        <v>26</v>
      </c>
      <c r="E244" s="6" t="e"/>
    </row>
    <row r="245" ht="33" customHeight="true" s="1" customFormat="true" hidden="true" outlineLevel="4">
      <c r="A245" s="6" t="s">
        <v>393</v>
      </c>
      <c r="B245" s="6" t="s">
        <v>394</v>
      </c>
      <c r="C245" s="6" t="s">
        <v>232</v>
      </c>
      <c r="D245" s="6" t="s">
        <v>11</v>
      </c>
      <c r="E245" s="6" t="e"/>
    </row>
    <row r="246" ht="33" customHeight="true" s="1" customFormat="true" hidden="true" collapsed="true" outlineLevel="4">
      <c r="A246" s="6" t="s">
        <v>395</v>
      </c>
      <c r="B246" s="6" t="s">
        <v>61</v>
      </c>
      <c r="C246" s="6" t="s">
        <v>230</v>
      </c>
      <c r="D246" s="6" t="s">
        <v>11</v>
      </c>
      <c r="E246" s="6" t="e"/>
    </row>
    <row r="247" ht="11" customHeight="true" s="1" customFormat="true" hidden="true" collapsed="true" outlineLevel="2">
      <c r="A247" s="5" t="s">
        <v>396</v>
      </c>
      <c r="B247" s="5" t="e"/>
      <c r="C247" s="5" t="e"/>
      <c r="D247" s="5" t="e"/>
      <c r="E247" s="5" t="e"/>
    </row>
    <row r="248" ht="22" customHeight="true" s="1" customFormat="true" hidden="true" outlineLevel="3">
      <c r="A248" s="6" t="s">
        <v>397</v>
      </c>
      <c r="B248" s="6" t="s">
        <v>142</v>
      </c>
      <c r="C248" s="6" t="s">
        <v>66</v>
      </c>
      <c r="D248" s="6" t="s">
        <v>184</v>
      </c>
      <c r="E248" s="6" t="e"/>
    </row>
    <row r="249" ht="22" customHeight="true" s="1" customFormat="true" hidden="true" collapsed="true" outlineLevel="3">
      <c r="A249" s="6" t="s">
        <v>398</v>
      </c>
      <c r="B249" s="6" t="s">
        <v>399</v>
      </c>
      <c r="C249" s="6" t="s">
        <v>50</v>
      </c>
      <c r="D249" s="6" t="s">
        <v>400</v>
      </c>
      <c r="E249" s="6" t="e"/>
    </row>
    <row r="250" ht="11" customHeight="true" s="1" customFormat="true" hidden="true" collapsed="true" outlineLevel="2">
      <c r="A250" s="5" t="s">
        <v>401</v>
      </c>
      <c r="B250" s="5" t="e"/>
      <c r="C250" s="5" t="e"/>
      <c r="D250" s="5" t="e"/>
      <c r="E250" s="5" t="e"/>
    </row>
    <row r="251" ht="44" customHeight="true" s="1" customFormat="true" hidden="true" outlineLevel="3">
      <c r="A251" s="6" t="s">
        <v>402</v>
      </c>
      <c r="B251" s="6" t="s">
        <v>403</v>
      </c>
      <c r="C251" s="6" t="s">
        <v>72</v>
      </c>
      <c r="D251" s="6" t="s">
        <v>40</v>
      </c>
      <c r="E251" s="6" t="e"/>
    </row>
    <row r="252" ht="33" customHeight="true" s="1" customFormat="true" hidden="true" outlineLevel="3">
      <c r="A252" s="6" t="s">
        <v>404</v>
      </c>
      <c r="B252" s="6" t="s">
        <v>99</v>
      </c>
      <c r="C252" s="6" t="s">
        <v>127</v>
      </c>
      <c r="D252" s="6" t="s">
        <v>40</v>
      </c>
      <c r="E252" s="6" t="e"/>
    </row>
    <row r="253" ht="56" customHeight="true" s="1" customFormat="true" hidden="true" outlineLevel="3">
      <c r="A253" s="6" t="s">
        <v>405</v>
      </c>
      <c r="B253" s="6" t="s">
        <v>110</v>
      </c>
      <c r="C253" s="6" t="s">
        <v>72</v>
      </c>
      <c r="D253" s="6" t="s">
        <v>57</v>
      </c>
      <c r="E253" s="6" t="e"/>
    </row>
    <row r="254" ht="33" customHeight="true" s="1" customFormat="true" hidden="true" outlineLevel="3">
      <c r="A254" s="6" t="s">
        <v>406</v>
      </c>
      <c r="B254" s="6" t="s">
        <v>99</v>
      </c>
      <c r="C254" s="6" t="s">
        <v>127</v>
      </c>
      <c r="D254" s="6" t="s">
        <v>15</v>
      </c>
      <c r="E254" s="6" t="e"/>
    </row>
    <row r="255" ht="33" customHeight="true" s="1" customFormat="true" hidden="true" outlineLevel="3">
      <c r="A255" s="6" t="s">
        <v>407</v>
      </c>
      <c r="B255" s="6" t="s">
        <v>408</v>
      </c>
      <c r="C255" s="6" t="s">
        <v>21</v>
      </c>
      <c r="D255" s="6" t="s">
        <v>11</v>
      </c>
      <c r="E255" s="6" t="e"/>
    </row>
    <row r="256" ht="44" customHeight="true" s="1" customFormat="true" hidden="true" outlineLevel="3">
      <c r="A256" s="6" t="s">
        <v>409</v>
      </c>
      <c r="B256" s="6" t="s">
        <v>126</v>
      </c>
      <c r="C256" s="6" t="s">
        <v>127</v>
      </c>
      <c r="D256" s="6" t="s">
        <v>15</v>
      </c>
      <c r="E256" s="6" t="e"/>
    </row>
    <row r="257" ht="33" customHeight="true" s="1" customFormat="true" hidden="true" outlineLevel="3">
      <c r="A257" s="6" t="s">
        <v>410</v>
      </c>
      <c r="B257" s="6" t="s">
        <v>77</v>
      </c>
      <c r="C257" s="6" t="s">
        <v>78</v>
      </c>
      <c r="D257" s="6" t="s">
        <v>11</v>
      </c>
      <c r="E257" s="6" t="e"/>
    </row>
    <row r="258" ht="33" customHeight="true" s="1" customFormat="true" hidden="true" outlineLevel="3">
      <c r="A258" s="6" t="s">
        <v>411</v>
      </c>
      <c r="B258" s="6" t="s">
        <v>50</v>
      </c>
      <c r="C258" s="6" t="s">
        <v>62</v>
      </c>
      <c r="D258" s="6" t="s">
        <v>40</v>
      </c>
      <c r="E258" s="6" t="e"/>
    </row>
    <row r="259" ht="33" customHeight="true" s="1" customFormat="true" hidden="true" outlineLevel="3">
      <c r="A259" s="6" t="s">
        <v>412</v>
      </c>
      <c r="B259" s="6" t="s">
        <v>413</v>
      </c>
      <c r="C259" s="6" t="s">
        <v>230</v>
      </c>
      <c r="D259" s="6" t="s">
        <v>11</v>
      </c>
      <c r="E259" s="6" t="e"/>
    </row>
    <row r="260" ht="22" customHeight="true" s="1" customFormat="true" hidden="true" outlineLevel="3">
      <c r="A260" s="6" t="s">
        <v>414</v>
      </c>
      <c r="B260" s="6" t="s">
        <v>126</v>
      </c>
      <c r="C260" s="6" t="s">
        <v>127</v>
      </c>
      <c r="D260" s="6" t="s">
        <v>26</v>
      </c>
      <c r="E260" s="6" t="e"/>
    </row>
    <row r="261" ht="44" customHeight="true" s="1" customFormat="true" hidden="true" outlineLevel="3">
      <c r="A261" s="6" t="s">
        <v>415</v>
      </c>
      <c r="B261" s="6" t="s">
        <v>66</v>
      </c>
      <c r="C261" s="6" t="s">
        <v>235</v>
      </c>
      <c r="D261" s="6" t="s">
        <v>40</v>
      </c>
      <c r="E261" s="6" t="e"/>
    </row>
    <row r="262" ht="33" customHeight="true" s="1" customFormat="true" hidden="true" outlineLevel="3">
      <c r="A262" s="6" t="s">
        <v>416</v>
      </c>
      <c r="B262" s="6" t="s">
        <v>129</v>
      </c>
      <c r="C262" s="6" t="s">
        <v>72</v>
      </c>
      <c r="D262" s="6" t="s">
        <v>15</v>
      </c>
      <c r="E262" s="6" t="e"/>
    </row>
    <row r="263" ht="11" customHeight="true" collapsed="true" outlineLevel="1">
      <c r="A263" s="5" t="s">
        <v>417</v>
      </c>
      <c r="B263" s="5" t="e"/>
      <c r="C263" s="5" t="e"/>
      <c r="D263" s="5" t="e"/>
      <c r="E263" s="5" t="e"/>
    </row>
    <row r="264" ht="11" customHeight="true" s="1" customFormat="true" hidden="true" collapsed="true" outlineLevel="2">
      <c r="A264" s="5" t="s">
        <v>418</v>
      </c>
      <c r="B264" s="5" t="e"/>
      <c r="C264" s="5" t="e"/>
      <c r="D264" s="5" t="e"/>
      <c r="E264" s="5" t="e"/>
    </row>
    <row r="265" ht="33" customHeight="true" s="1" customFormat="true" hidden="true" outlineLevel="3">
      <c r="A265" s="6" t="s">
        <v>419</v>
      </c>
      <c r="B265" s="6" t="s">
        <v>324</v>
      </c>
      <c r="C265" s="6" t="s">
        <v>325</v>
      </c>
      <c r="D265" s="6" t="s">
        <v>11</v>
      </c>
      <c r="E265" s="6" t="e"/>
    </row>
    <row r="266" ht="22" customHeight="true" s="1" customFormat="true" hidden="true" outlineLevel="3">
      <c r="A266" s="6" t="s">
        <v>420</v>
      </c>
      <c r="B266" s="6" t="s">
        <v>78</v>
      </c>
      <c r="C266" s="6" t="s">
        <v>421</v>
      </c>
      <c r="D266" s="6" t="s">
        <v>40</v>
      </c>
      <c r="E266" s="6" t="e"/>
    </row>
    <row r="267" ht="33" customHeight="true" s="1" customFormat="true" hidden="true" outlineLevel="3">
      <c r="A267" s="6" t="s">
        <v>422</v>
      </c>
      <c r="B267" s="6" t="s">
        <v>423</v>
      </c>
      <c r="C267" s="6" t="s">
        <v>42</v>
      </c>
      <c r="D267" s="6" t="s">
        <v>11</v>
      </c>
      <c r="E267" s="6" t="e"/>
    </row>
    <row r="268" ht="33" customHeight="true" s="1" customFormat="true" hidden="true" outlineLevel="3">
      <c r="A268" s="6" t="s">
        <v>424</v>
      </c>
      <c r="B268" s="6" t="s">
        <v>18</v>
      </c>
      <c r="C268" s="6" t="s">
        <v>421</v>
      </c>
      <c r="D268" s="6" t="s">
        <v>11</v>
      </c>
      <c r="E268" s="6" t="e"/>
    </row>
    <row r="269" ht="56" customHeight="true" s="1" customFormat="true" hidden="true" outlineLevel="3">
      <c r="A269" s="6" t="s">
        <v>425</v>
      </c>
      <c r="B269" s="6" t="s">
        <v>324</v>
      </c>
      <c r="C269" s="6" t="s">
        <v>47</v>
      </c>
      <c r="D269" s="6" t="s">
        <v>26</v>
      </c>
      <c r="E269" s="6" t="e"/>
    </row>
    <row r="270" ht="33" customHeight="true" s="1" customFormat="true" hidden="true" outlineLevel="3">
      <c r="A270" s="6" t="s">
        <v>426</v>
      </c>
      <c r="B270" s="6" t="s">
        <v>391</v>
      </c>
      <c r="C270" s="6" t="s">
        <v>83</v>
      </c>
      <c r="D270" s="6" t="s">
        <v>40</v>
      </c>
      <c r="E270" s="6" t="e"/>
    </row>
    <row r="271" ht="22" customHeight="true" s="1" customFormat="true" hidden="true" outlineLevel="3">
      <c r="A271" s="6" t="s">
        <v>427</v>
      </c>
      <c r="B271" s="6" t="s">
        <v>428</v>
      </c>
      <c r="C271" s="6" t="s">
        <v>47</v>
      </c>
      <c r="D271" s="6" t="s">
        <v>57</v>
      </c>
      <c r="E271" s="6" t="e"/>
    </row>
    <row r="272" ht="22" customHeight="true" s="1" customFormat="true" hidden="true" outlineLevel="3">
      <c r="A272" s="6" t="s">
        <v>429</v>
      </c>
      <c r="B272" s="6" t="s">
        <v>80</v>
      </c>
      <c r="C272" s="6" t="s">
        <v>430</v>
      </c>
      <c r="D272" s="6" t="s">
        <v>40</v>
      </c>
      <c r="E272" s="6" t="e"/>
    </row>
    <row r="273" ht="22" customHeight="true" s="1" customFormat="true" hidden="true" outlineLevel="3">
      <c r="A273" s="6" t="s">
        <v>431</v>
      </c>
      <c r="B273" s="6" t="s">
        <v>77</v>
      </c>
      <c r="C273" s="6" t="s">
        <v>290</v>
      </c>
      <c r="D273" s="6" t="s">
        <v>11</v>
      </c>
      <c r="E273" s="6" t="e"/>
    </row>
    <row r="274" ht="22" customHeight="true" s="1" customFormat="true" hidden="true" outlineLevel="3">
      <c r="A274" s="6" t="s">
        <v>432</v>
      </c>
      <c r="B274" s="6" t="s">
        <v>112</v>
      </c>
      <c r="C274" s="6" t="s">
        <v>235</v>
      </c>
      <c r="D274" s="6" t="s">
        <v>40</v>
      </c>
      <c r="E274" s="6" t="e"/>
    </row>
    <row r="275" ht="33" customHeight="true" s="1" customFormat="true" hidden="true" outlineLevel="3">
      <c r="A275" s="6" t="s">
        <v>433</v>
      </c>
      <c r="B275" s="6" t="s">
        <v>271</v>
      </c>
      <c r="C275" s="6" t="s">
        <v>42</v>
      </c>
      <c r="D275" s="6" t="s">
        <v>184</v>
      </c>
      <c r="E275" s="6" t="e"/>
    </row>
    <row r="276" ht="22" customHeight="true" s="1" customFormat="true" hidden="true" outlineLevel="3">
      <c r="A276" s="6" t="s">
        <v>434</v>
      </c>
      <c r="B276" s="6" t="s">
        <v>271</v>
      </c>
      <c r="C276" s="6" t="s">
        <v>42</v>
      </c>
      <c r="D276" s="6" t="s">
        <v>57</v>
      </c>
      <c r="E276" s="6" t="e"/>
    </row>
    <row r="277" ht="22" customHeight="true" s="1" customFormat="true" hidden="true" collapsed="true" outlineLevel="3">
      <c r="A277" s="6" t="s">
        <v>435</v>
      </c>
      <c r="B277" s="6" t="s">
        <v>436</v>
      </c>
      <c r="C277" s="6" t="s">
        <v>272</v>
      </c>
      <c r="D277" s="6" t="s">
        <v>57</v>
      </c>
      <c r="E277" s="6" t="e"/>
    </row>
    <row r="278" ht="11" customHeight="true" s="1" customFormat="true" hidden="true" collapsed="true" outlineLevel="2">
      <c r="A278" s="5" t="s">
        <v>437</v>
      </c>
      <c r="B278" s="5" t="e"/>
      <c r="C278" s="5" t="e"/>
      <c r="D278" s="5" t="e"/>
      <c r="E278" s="5" t="e"/>
    </row>
    <row r="279" ht="22" customHeight="true" s="1" customFormat="true" hidden="true" outlineLevel="3">
      <c r="A279" s="6" t="s">
        <v>438</v>
      </c>
      <c r="B279" s="6" t="s">
        <v>439</v>
      </c>
      <c r="C279" s="6" t="s">
        <v>440</v>
      </c>
      <c r="D279" s="6" t="s">
        <v>11</v>
      </c>
      <c r="E279" s="6" t="e"/>
    </row>
    <row r="280" ht="22" customHeight="true" s="1" customFormat="true" hidden="true" collapsed="true" outlineLevel="3">
      <c r="A280" s="6" t="s">
        <v>441</v>
      </c>
      <c r="B280" s="6" t="s">
        <v>442</v>
      </c>
      <c r="C280" s="6" t="s">
        <v>443</v>
      </c>
      <c r="D280" s="6" t="s">
        <v>11</v>
      </c>
      <c r="E280" s="6" t="e"/>
    </row>
    <row r="281" ht="11" customHeight="true" s="1" customFormat="true" hidden="true" collapsed="true" outlineLevel="2">
      <c r="A281" s="5" t="s">
        <v>444</v>
      </c>
      <c r="B281" s="5" t="e"/>
      <c r="C281" s="5" t="e"/>
      <c r="D281" s="5" t="e"/>
      <c r="E281" s="5" t="e"/>
    </row>
    <row r="282" ht="22" customHeight="true" s="1" customFormat="true" hidden="true" outlineLevel="3">
      <c r="A282" s="6" t="s">
        <v>445</v>
      </c>
      <c r="B282" s="6" t="s">
        <v>446</v>
      </c>
      <c r="C282" s="6" t="s">
        <v>296</v>
      </c>
      <c r="D282" s="6" t="s">
        <v>11</v>
      </c>
      <c r="E282" s="6" t="e"/>
    </row>
    <row r="283" ht="22" customHeight="true" s="1" customFormat="true" hidden="true" collapsed="true" outlineLevel="3">
      <c r="A283" s="6" t="s">
        <v>447</v>
      </c>
      <c r="B283" s="6" t="s">
        <v>448</v>
      </c>
      <c r="C283" s="6" t="s">
        <v>296</v>
      </c>
      <c r="D283" s="6" t="s">
        <v>68</v>
      </c>
      <c r="E283" s="6" t="e"/>
    </row>
    <row r="284" ht="11" customHeight="true" s="1" customFormat="true" hidden="true" collapsed="true" outlineLevel="2">
      <c r="A284" s="5" t="s">
        <v>449</v>
      </c>
      <c r="B284" s="5" t="e"/>
      <c r="C284" s="5" t="e"/>
      <c r="D284" s="5" t="e"/>
      <c r="E284" s="5" t="e"/>
    </row>
    <row r="285" ht="22" customHeight="true" s="1" customFormat="true" hidden="true" outlineLevel="3">
      <c r="A285" s="6" t="s">
        <v>450</v>
      </c>
      <c r="B285" s="6" t="s">
        <v>451</v>
      </c>
      <c r="C285" s="6" t="s">
        <v>219</v>
      </c>
      <c r="D285" s="6" t="s">
        <v>40</v>
      </c>
      <c r="E285" s="6" t="e"/>
    </row>
    <row r="286" ht="11" customHeight="true" s="1" customFormat="true" hidden="true" outlineLevel="3">
      <c r="A286" s="6" t="s">
        <v>452</v>
      </c>
      <c r="B286" s="6" t="s">
        <v>453</v>
      </c>
      <c r="C286" s="6" t="s">
        <v>296</v>
      </c>
      <c r="D286" s="6" t="s">
        <v>454</v>
      </c>
      <c r="E286" s="6" t="e"/>
    </row>
    <row r="287" ht="33" customHeight="true" s="1" customFormat="true" hidden="true" outlineLevel="3">
      <c r="A287" s="6" t="s">
        <v>455</v>
      </c>
      <c r="B287" s="6" t="s">
        <v>456</v>
      </c>
      <c r="C287" s="6" t="s">
        <v>142</v>
      </c>
      <c r="D287" s="6" t="s">
        <v>11</v>
      </c>
      <c r="E287" s="6" t="e"/>
    </row>
    <row r="288" ht="22" customHeight="true" s="1" customFormat="true" hidden="true" outlineLevel="3">
      <c r="A288" s="6" t="s">
        <v>457</v>
      </c>
      <c r="B288" s="6" t="s">
        <v>458</v>
      </c>
      <c r="C288" s="6" t="s">
        <v>99</v>
      </c>
      <c r="D288" s="6" t="s">
        <v>40</v>
      </c>
      <c r="E288" s="6" t="e"/>
    </row>
    <row r="289" ht="22" customHeight="true" s="1" customFormat="true" hidden="true" outlineLevel="3">
      <c r="A289" s="6" t="s">
        <v>459</v>
      </c>
      <c r="B289" s="6" t="s">
        <v>460</v>
      </c>
      <c r="C289" s="6" t="s">
        <v>167</v>
      </c>
      <c r="D289" s="6" t="s">
        <v>57</v>
      </c>
      <c r="E289" s="6" t="e"/>
    </row>
    <row r="290" ht="22" customHeight="true" s="1" customFormat="true" hidden="true" collapsed="true" outlineLevel="3">
      <c r="A290" s="6" t="s">
        <v>461</v>
      </c>
      <c r="B290" s="6" t="s">
        <v>458</v>
      </c>
      <c r="C290" s="6" t="s">
        <v>149</v>
      </c>
      <c r="D290" s="6" t="s">
        <v>100</v>
      </c>
      <c r="E290" s="6" t="e"/>
    </row>
    <row r="291" ht="11" customHeight="true" s="1" customFormat="true" hidden="true" collapsed="true" outlineLevel="2">
      <c r="A291" s="5" t="s">
        <v>462</v>
      </c>
      <c r="B291" s="5" t="e"/>
      <c r="C291" s="5" t="e"/>
      <c r="D291" s="5" t="e"/>
      <c r="E291" s="5" t="e"/>
    </row>
    <row r="292" ht="11" customHeight="true" s="1" customFormat="true" hidden="true" collapsed="true" outlineLevel="3">
      <c r="A292" s="5" t="s">
        <v>463</v>
      </c>
      <c r="B292" s="5" t="e"/>
      <c r="C292" s="5" t="e"/>
      <c r="D292" s="5" t="e"/>
      <c r="E292" s="5" t="e"/>
    </row>
    <row r="293" ht="22" customHeight="true" s="1" customFormat="true" hidden="true" outlineLevel="4">
      <c r="A293" s="6" t="s">
        <v>464</v>
      </c>
      <c r="B293" s="6" t="s">
        <v>341</v>
      </c>
      <c r="C293" s="6" t="s">
        <v>73</v>
      </c>
      <c r="D293" s="6" t="s">
        <v>11</v>
      </c>
      <c r="E293" s="6" t="e"/>
    </row>
    <row r="294" ht="22" customHeight="true" s="1" customFormat="true" hidden="true" outlineLevel="4">
      <c r="A294" s="6" t="s">
        <v>465</v>
      </c>
      <c r="B294" s="6" t="s">
        <v>72</v>
      </c>
      <c r="C294" s="6" t="s">
        <v>78</v>
      </c>
      <c r="D294" s="6" t="s">
        <v>11</v>
      </c>
      <c r="E294" s="6" t="e"/>
    </row>
    <row r="295" ht="22" customHeight="true" s="1" customFormat="true" hidden="true" outlineLevel="4">
      <c r="A295" s="6" t="s">
        <v>466</v>
      </c>
      <c r="B295" s="6" t="s">
        <v>53</v>
      </c>
      <c r="C295" s="6" t="s">
        <v>73</v>
      </c>
      <c r="D295" s="6" t="s">
        <v>26</v>
      </c>
      <c r="E295" s="6" t="e"/>
    </row>
    <row r="296" ht="22" customHeight="true" s="1" customFormat="true" hidden="true" outlineLevel="4">
      <c r="A296" s="6" t="s">
        <v>467</v>
      </c>
      <c r="B296" s="6" t="s">
        <v>53</v>
      </c>
      <c r="C296" s="6" t="s">
        <v>73</v>
      </c>
      <c r="D296" s="6" t="s">
        <v>40</v>
      </c>
      <c r="E296" s="6" t="e"/>
    </row>
    <row r="297" ht="22" customHeight="true" s="1" customFormat="true" hidden="true" outlineLevel="4">
      <c r="A297" s="6" t="s">
        <v>468</v>
      </c>
      <c r="B297" s="6" t="s">
        <v>341</v>
      </c>
      <c r="C297" s="6" t="s">
        <v>73</v>
      </c>
      <c r="D297" s="6" t="s">
        <v>26</v>
      </c>
      <c r="E297" s="6" t="e"/>
    </row>
    <row r="298" ht="22" customHeight="true" s="1" customFormat="true" hidden="true" outlineLevel="4">
      <c r="A298" s="6" t="s">
        <v>469</v>
      </c>
      <c r="B298" s="6" t="s">
        <v>341</v>
      </c>
      <c r="C298" s="6" t="s">
        <v>73</v>
      </c>
      <c r="D298" s="6" t="s">
        <v>26</v>
      </c>
      <c r="E298" s="6" t="e"/>
    </row>
    <row r="299" ht="22" customHeight="true" s="1" customFormat="true" hidden="true" outlineLevel="4">
      <c r="A299" s="6" t="s">
        <v>470</v>
      </c>
      <c r="B299" s="6" t="s">
        <v>471</v>
      </c>
      <c r="C299" s="6" t="s">
        <v>83</v>
      </c>
      <c r="D299" s="6" t="s">
        <v>11</v>
      </c>
      <c r="E299" s="6" t="e"/>
    </row>
    <row r="300" ht="33" customHeight="true" s="1" customFormat="true" hidden="true" outlineLevel="4">
      <c r="A300" s="6" t="s">
        <v>472</v>
      </c>
      <c r="B300" s="6" t="s">
        <v>428</v>
      </c>
      <c r="C300" s="6" t="s">
        <v>47</v>
      </c>
      <c r="D300" s="6" t="s">
        <v>26</v>
      </c>
      <c r="E300" s="6" t="e"/>
    </row>
    <row r="301" ht="22" customHeight="true" s="1" customFormat="true" hidden="true" outlineLevel="4">
      <c r="A301" s="6" t="s">
        <v>473</v>
      </c>
      <c r="B301" s="6" t="s">
        <v>136</v>
      </c>
      <c r="C301" s="6" t="s">
        <v>127</v>
      </c>
      <c r="D301" s="6" t="s">
        <v>11</v>
      </c>
      <c r="E301" s="6" t="e"/>
    </row>
    <row r="302" ht="22" customHeight="true" s="1" customFormat="true" hidden="true" outlineLevel="4">
      <c r="A302" s="6" t="s">
        <v>474</v>
      </c>
      <c r="B302" s="6" t="s">
        <v>136</v>
      </c>
      <c r="C302" s="6" t="s">
        <v>127</v>
      </c>
      <c r="D302" s="6" t="s">
        <v>11</v>
      </c>
      <c r="E302" s="6" t="e"/>
    </row>
    <row r="303" ht="22" customHeight="true" s="1" customFormat="true" hidden="true" outlineLevel="4">
      <c r="A303" s="6" t="s">
        <v>475</v>
      </c>
      <c r="B303" s="6" t="s">
        <v>50</v>
      </c>
      <c r="C303" s="6" t="s">
        <v>62</v>
      </c>
      <c r="D303" s="6" t="s">
        <v>57</v>
      </c>
      <c r="E303" s="6" t="e"/>
    </row>
    <row r="304" ht="22" customHeight="true" s="1" customFormat="true" hidden="true" outlineLevel="4">
      <c r="A304" s="6" t="s">
        <v>476</v>
      </c>
      <c r="B304" s="6" t="s">
        <v>142</v>
      </c>
      <c r="C304" s="6" t="s">
        <v>62</v>
      </c>
      <c r="D304" s="6" t="s">
        <v>11</v>
      </c>
      <c r="E304" s="6" t="e"/>
    </row>
    <row r="305" ht="22" customHeight="true" s="1" customFormat="true" hidden="true" collapsed="true" outlineLevel="4">
      <c r="A305" s="6" t="s">
        <v>477</v>
      </c>
      <c r="B305" s="6" t="s">
        <v>478</v>
      </c>
      <c r="C305" s="6" t="s">
        <v>127</v>
      </c>
      <c r="D305" s="6" t="s">
        <v>40</v>
      </c>
      <c r="E305" s="6" t="e"/>
    </row>
    <row r="306" ht="11" customHeight="true" s="1" customFormat="true" hidden="true" collapsed="true" outlineLevel="3">
      <c r="A306" s="5" t="s">
        <v>479</v>
      </c>
      <c r="B306" s="5" t="e"/>
      <c r="C306" s="5" t="e"/>
      <c r="D306" s="5" t="e"/>
      <c r="E306" s="5" t="e"/>
    </row>
    <row r="307" ht="22" customHeight="true" s="1" customFormat="true" hidden="true" outlineLevel="4">
      <c r="A307" s="6" t="s">
        <v>480</v>
      </c>
      <c r="B307" s="6" t="s">
        <v>110</v>
      </c>
      <c r="C307" s="6" t="s">
        <v>51</v>
      </c>
      <c r="D307" s="6" t="s">
        <v>26</v>
      </c>
      <c r="E307" s="6" t="e"/>
    </row>
    <row r="308" ht="22" customHeight="true" s="1" customFormat="true" hidden="true" outlineLevel="4">
      <c r="A308" s="6" t="s">
        <v>481</v>
      </c>
      <c r="B308" s="6" t="s">
        <v>110</v>
      </c>
      <c r="C308" s="6" t="s">
        <v>51</v>
      </c>
      <c r="D308" s="6" t="s">
        <v>11</v>
      </c>
      <c r="E308" s="6" t="e"/>
    </row>
    <row r="309" ht="22" customHeight="true" s="1" customFormat="true" hidden="true" outlineLevel="4">
      <c r="A309" s="6" t="s">
        <v>482</v>
      </c>
      <c r="B309" s="6" t="s">
        <v>188</v>
      </c>
      <c r="C309" s="6" t="s">
        <v>72</v>
      </c>
      <c r="D309" s="6" t="s">
        <v>11</v>
      </c>
      <c r="E309" s="6" t="e"/>
    </row>
    <row r="310" ht="33" customHeight="true" s="1" customFormat="true" hidden="true" outlineLevel="4">
      <c r="A310" s="6" t="s">
        <v>483</v>
      </c>
      <c r="B310" s="6" t="s">
        <v>131</v>
      </c>
      <c r="C310" s="6" t="s">
        <v>219</v>
      </c>
      <c r="D310" s="6" t="s">
        <v>11</v>
      </c>
      <c r="E310" s="6" t="e"/>
    </row>
    <row r="311" ht="22" customHeight="true" s="1" customFormat="true" hidden="true" outlineLevel="4">
      <c r="A311" s="6" t="s">
        <v>484</v>
      </c>
      <c r="B311" s="6" t="s">
        <v>225</v>
      </c>
      <c r="C311" s="6" t="s">
        <v>155</v>
      </c>
      <c r="D311" s="6" t="s">
        <v>123</v>
      </c>
      <c r="E311" s="6" t="e"/>
    </row>
    <row r="312" ht="22" customHeight="true" s="1" customFormat="true" hidden="true" outlineLevel="4">
      <c r="A312" s="6" t="s">
        <v>485</v>
      </c>
      <c r="B312" s="6" t="s">
        <v>225</v>
      </c>
      <c r="C312" s="6" t="s">
        <v>155</v>
      </c>
      <c r="D312" s="6" t="s">
        <v>57</v>
      </c>
      <c r="E312" s="6" t="e"/>
    </row>
    <row r="313" ht="22" customHeight="true" s="1" customFormat="true" hidden="true" collapsed="true" outlineLevel="4">
      <c r="A313" s="6" t="s">
        <v>486</v>
      </c>
      <c r="B313" s="6" t="s">
        <v>308</v>
      </c>
      <c r="C313" s="6" t="s">
        <v>103</v>
      </c>
      <c r="D313" s="6" t="s">
        <v>26</v>
      </c>
      <c r="E313" s="6" t="e"/>
    </row>
    <row r="314" ht="11" customHeight="true" s="1" customFormat="true" hidden="true" collapsed="true" outlineLevel="3">
      <c r="A314" s="5" t="s">
        <v>487</v>
      </c>
      <c r="B314" s="5" t="e"/>
      <c r="C314" s="5" t="e"/>
      <c r="D314" s="5" t="e"/>
      <c r="E314" s="5" t="e"/>
    </row>
    <row r="315" ht="22" customHeight="true" s="1" customFormat="true" hidden="true" outlineLevel="4">
      <c r="A315" s="6" t="s">
        <v>488</v>
      </c>
      <c r="B315" s="6" t="s">
        <v>364</v>
      </c>
      <c r="C315" s="6" t="s">
        <v>51</v>
      </c>
      <c r="D315" s="6" t="s">
        <v>123</v>
      </c>
      <c r="E315" s="6" t="e"/>
    </row>
    <row r="316" ht="22" customHeight="true" s="1" customFormat="true" hidden="true" outlineLevel="4">
      <c r="A316" s="6" t="s">
        <v>489</v>
      </c>
      <c r="B316" s="6" t="s">
        <v>364</v>
      </c>
      <c r="C316" s="6" t="s">
        <v>51</v>
      </c>
      <c r="D316" s="6" t="s">
        <v>57</v>
      </c>
      <c r="E316" s="6" t="e"/>
    </row>
    <row r="317" ht="22" customHeight="true" s="1" customFormat="true" hidden="true" outlineLevel="4">
      <c r="A317" s="6" t="s">
        <v>490</v>
      </c>
      <c r="B317" s="6" t="s">
        <v>126</v>
      </c>
      <c r="C317" s="6" t="s">
        <v>72</v>
      </c>
      <c r="D317" s="6" t="s">
        <v>15</v>
      </c>
      <c r="E317" s="6" t="e"/>
    </row>
    <row r="318" ht="22" customHeight="true" s="1" customFormat="true" hidden="true" outlineLevel="4">
      <c r="A318" s="6" t="s">
        <v>491</v>
      </c>
      <c r="B318" s="6" t="s">
        <v>126</v>
      </c>
      <c r="C318" s="6" t="s">
        <v>72</v>
      </c>
      <c r="D318" s="6" t="s">
        <v>57</v>
      </c>
      <c r="E318" s="6" t="e"/>
    </row>
    <row r="319" ht="22" customHeight="true" s="1" customFormat="true" hidden="true" outlineLevel="4">
      <c r="A319" s="6" t="s">
        <v>492</v>
      </c>
      <c r="B319" s="6" t="s">
        <v>126</v>
      </c>
      <c r="C319" s="6" t="s">
        <v>72</v>
      </c>
      <c r="D319" s="6" t="s">
        <v>26</v>
      </c>
      <c r="E319" s="6" t="e"/>
    </row>
    <row r="320" ht="22" customHeight="true" s="1" customFormat="true" hidden="true" outlineLevel="4">
      <c r="A320" s="6" t="s">
        <v>493</v>
      </c>
      <c r="B320" s="6" t="s">
        <v>494</v>
      </c>
      <c r="C320" s="6" t="s">
        <v>72</v>
      </c>
      <c r="D320" s="6" t="s">
        <v>68</v>
      </c>
      <c r="E320" s="6" t="e"/>
    </row>
    <row r="321" ht="22" customHeight="true" s="1" customFormat="true" hidden="true" outlineLevel="4">
      <c r="A321" s="6" t="s">
        <v>495</v>
      </c>
      <c r="B321" s="6" t="s">
        <v>494</v>
      </c>
      <c r="C321" s="6" t="s">
        <v>72</v>
      </c>
      <c r="D321" s="6" t="s">
        <v>57</v>
      </c>
      <c r="E321" s="6" t="e"/>
    </row>
    <row r="322" ht="22" customHeight="true" s="1" customFormat="true" hidden="true" outlineLevel="4">
      <c r="A322" s="6" t="s">
        <v>496</v>
      </c>
      <c r="B322" s="6" t="s">
        <v>283</v>
      </c>
      <c r="C322" s="6" t="s">
        <v>219</v>
      </c>
      <c r="D322" s="6" t="s">
        <v>40</v>
      </c>
      <c r="E322" s="6" t="e"/>
    </row>
    <row r="323" ht="22" customHeight="true" s="1" customFormat="true" hidden="true" outlineLevel="4">
      <c r="A323" s="6" t="s">
        <v>497</v>
      </c>
      <c r="B323" s="6" t="s">
        <v>77</v>
      </c>
      <c r="C323" s="6" t="s">
        <v>80</v>
      </c>
      <c r="D323" s="6" t="s">
        <v>11</v>
      </c>
      <c r="E323" s="6" t="e"/>
    </row>
    <row r="324" ht="22" customHeight="true" s="1" customFormat="true" hidden="true" outlineLevel="4">
      <c r="A324" s="6" t="s">
        <v>498</v>
      </c>
      <c r="B324" s="6" t="s">
        <v>188</v>
      </c>
      <c r="C324" s="6" t="s">
        <v>127</v>
      </c>
      <c r="D324" s="6" t="s">
        <v>123</v>
      </c>
      <c r="E324" s="6" t="e"/>
    </row>
    <row r="325" ht="22" customHeight="true" s="1" customFormat="true" hidden="true" outlineLevel="4">
      <c r="A325" s="6" t="s">
        <v>499</v>
      </c>
      <c r="B325" s="6" t="s">
        <v>188</v>
      </c>
      <c r="C325" s="6" t="s">
        <v>127</v>
      </c>
      <c r="D325" s="6" t="s">
        <v>26</v>
      </c>
      <c r="E325" s="6" t="e"/>
    </row>
    <row r="326" ht="22" customHeight="true" s="1" customFormat="true" hidden="true" outlineLevel="4">
      <c r="A326" s="6" t="s">
        <v>500</v>
      </c>
      <c r="B326" s="6" t="s">
        <v>501</v>
      </c>
      <c r="C326" s="6" t="s">
        <v>73</v>
      </c>
      <c r="D326" s="6" t="s">
        <v>11</v>
      </c>
      <c r="E326" s="6" t="e"/>
    </row>
    <row r="327" ht="22" customHeight="true" s="1" customFormat="true" hidden="true" outlineLevel="4">
      <c r="A327" s="6" t="s">
        <v>502</v>
      </c>
      <c r="B327" s="6" t="s">
        <v>494</v>
      </c>
      <c r="C327" s="6" t="s">
        <v>72</v>
      </c>
      <c r="D327" s="6" t="s">
        <v>15</v>
      </c>
      <c r="E327" s="6" t="e"/>
    </row>
    <row r="328" ht="22" customHeight="true" s="1" customFormat="true" hidden="true" outlineLevel="4">
      <c r="A328" s="6" t="s">
        <v>503</v>
      </c>
      <c r="B328" s="6" t="s">
        <v>494</v>
      </c>
      <c r="C328" s="6" t="s">
        <v>72</v>
      </c>
      <c r="D328" s="6" t="s">
        <v>57</v>
      </c>
      <c r="E328" s="6" t="e"/>
    </row>
    <row r="329" ht="33" customHeight="true" s="1" customFormat="true" hidden="true" outlineLevel="4">
      <c r="A329" s="6" t="s">
        <v>504</v>
      </c>
      <c r="B329" s="6" t="s">
        <v>129</v>
      </c>
      <c r="C329" s="6" t="s">
        <v>72</v>
      </c>
      <c r="D329" s="6" t="s">
        <v>26</v>
      </c>
      <c r="E329" s="6" t="e"/>
    </row>
    <row r="330" ht="22" customHeight="true" s="1" customFormat="true" hidden="true" outlineLevel="4">
      <c r="A330" s="6" t="s">
        <v>505</v>
      </c>
      <c r="B330" s="6" t="s">
        <v>122</v>
      </c>
      <c r="C330" s="6" t="s">
        <v>51</v>
      </c>
      <c r="D330" s="6" t="s">
        <v>11</v>
      </c>
      <c r="E330" s="6" t="e"/>
    </row>
    <row r="331" ht="22" customHeight="true" s="1" customFormat="true" hidden="true" outlineLevel="4">
      <c r="A331" s="6" t="s">
        <v>506</v>
      </c>
      <c r="B331" s="6" t="s">
        <v>50</v>
      </c>
      <c r="C331" s="6" t="s">
        <v>72</v>
      </c>
      <c r="D331" s="6" t="s">
        <v>15</v>
      </c>
      <c r="E331" s="6" t="e"/>
    </row>
    <row r="332" ht="22" customHeight="true" s="1" customFormat="true" hidden="true" collapsed="true" outlineLevel="4">
      <c r="A332" s="6" t="s">
        <v>507</v>
      </c>
      <c r="B332" s="6" t="s">
        <v>131</v>
      </c>
      <c r="C332" s="6" t="s">
        <v>219</v>
      </c>
      <c r="D332" s="6" t="s">
        <v>11</v>
      </c>
      <c r="E332" s="6" t="e"/>
    </row>
    <row r="333" ht="11" customHeight="true" s="1" customFormat="true" hidden="true" collapsed="true" outlineLevel="3">
      <c r="A333" s="5" t="s">
        <v>508</v>
      </c>
      <c r="B333" s="5" t="e"/>
      <c r="C333" s="5" t="e"/>
      <c r="D333" s="5" t="e"/>
      <c r="E333" s="5" t="e"/>
    </row>
    <row r="334" ht="11" customHeight="true" s="1" customFormat="true" hidden="true" outlineLevel="4">
      <c r="A334" s="6" t="s">
        <v>509</v>
      </c>
      <c r="B334" s="6" t="e"/>
      <c r="C334" s="6" t="s">
        <v>219</v>
      </c>
      <c r="D334" s="6" t="s">
        <v>40</v>
      </c>
      <c r="E334" s="6" t="e"/>
    </row>
    <row r="335" ht="22" customHeight="true" s="1" customFormat="true" hidden="true" outlineLevel="4">
      <c r="A335" s="6" t="s">
        <v>510</v>
      </c>
      <c r="B335" s="6" t="e"/>
      <c r="C335" s="6" t="s">
        <v>103</v>
      </c>
      <c r="D335" s="6" t="s">
        <v>15</v>
      </c>
      <c r="E335" s="6" t="e"/>
    </row>
    <row r="336" ht="22" customHeight="true" s="1" customFormat="true" hidden="true" outlineLevel="4">
      <c r="A336" s="6" t="s">
        <v>511</v>
      </c>
      <c r="B336" s="6" t="s">
        <v>296</v>
      </c>
      <c r="C336" s="6" t="s">
        <v>149</v>
      </c>
      <c r="D336" s="6" t="s">
        <v>11</v>
      </c>
      <c r="E336" s="6" t="e"/>
    </row>
    <row r="337" ht="22" customHeight="true" s="1" customFormat="true" hidden="true" outlineLevel="4">
      <c r="A337" s="6" t="s">
        <v>512</v>
      </c>
      <c r="B337" s="6" t="s">
        <v>296</v>
      </c>
      <c r="C337" s="6" t="s">
        <v>149</v>
      </c>
      <c r="D337" s="6" t="s">
        <v>15</v>
      </c>
      <c r="E337" s="6" t="e"/>
    </row>
    <row r="338" ht="22" customHeight="true" s="1" customFormat="true" hidden="true" outlineLevel="4">
      <c r="A338" s="6" t="s">
        <v>513</v>
      </c>
      <c r="B338" s="6" t="s">
        <v>296</v>
      </c>
      <c r="C338" s="6" t="s">
        <v>149</v>
      </c>
      <c r="D338" s="6" t="s">
        <v>123</v>
      </c>
      <c r="E338" s="6" t="e"/>
    </row>
    <row r="339" ht="22" customHeight="true" s="1" customFormat="true" hidden="true" collapsed="true" outlineLevel="4">
      <c r="A339" s="6" t="s">
        <v>514</v>
      </c>
      <c r="B339" s="6" t="s">
        <v>296</v>
      </c>
      <c r="C339" s="6" t="s">
        <v>149</v>
      </c>
      <c r="D339" s="6" t="s">
        <v>11</v>
      </c>
      <c r="E339" s="6" t="e"/>
    </row>
    <row r="340" ht="11" customHeight="true" s="1" customFormat="true" hidden="true" collapsed="true" outlineLevel="3">
      <c r="A340" s="5" t="s">
        <v>515</v>
      </c>
      <c r="B340" s="5" t="e"/>
      <c r="C340" s="5" t="e"/>
      <c r="D340" s="5" t="e"/>
      <c r="E340" s="5" t="e"/>
    </row>
    <row r="341" ht="22" customHeight="true" s="1" customFormat="true" hidden="true" outlineLevel="4">
      <c r="A341" s="6" t="s">
        <v>516</v>
      </c>
      <c r="B341" s="6" t="s">
        <v>478</v>
      </c>
      <c r="C341" s="6" t="s">
        <v>50</v>
      </c>
      <c r="D341" s="6" t="s">
        <v>11</v>
      </c>
      <c r="E341" s="6" t="e"/>
    </row>
    <row r="342" ht="22" customHeight="true" s="1" customFormat="true" hidden="true" outlineLevel="4">
      <c r="A342" s="6" t="s">
        <v>517</v>
      </c>
      <c r="B342" s="6" t="s">
        <v>478</v>
      </c>
      <c r="C342" s="6" t="s">
        <v>50</v>
      </c>
      <c r="D342" s="6" t="s">
        <v>184</v>
      </c>
      <c r="E342" s="6" t="e"/>
    </row>
    <row r="343" ht="22" customHeight="true" s="1" customFormat="true" hidden="true" outlineLevel="4">
      <c r="A343" s="6" t="s">
        <v>518</v>
      </c>
      <c r="B343" s="6" t="s">
        <v>519</v>
      </c>
      <c r="C343" s="6" t="s">
        <v>50</v>
      </c>
      <c r="D343" s="6" t="s">
        <v>11</v>
      </c>
      <c r="E343" s="6" t="e"/>
    </row>
    <row r="344" ht="22" customHeight="true" s="1" customFormat="true" hidden="true" collapsed="true" outlineLevel="4">
      <c r="A344" s="6" t="s">
        <v>520</v>
      </c>
      <c r="B344" s="6" t="s">
        <v>519</v>
      </c>
      <c r="C344" s="6" t="s">
        <v>50</v>
      </c>
      <c r="D344" s="6" t="s">
        <v>40</v>
      </c>
      <c r="E344" s="6" t="e"/>
    </row>
    <row r="345" ht="11" customHeight="true" s="1" customFormat="true" hidden="true" collapsed="true" outlineLevel="3">
      <c r="A345" s="5" t="s">
        <v>521</v>
      </c>
      <c r="B345" s="5" t="e"/>
      <c r="C345" s="5" t="e"/>
      <c r="D345" s="5" t="e"/>
      <c r="E345" s="5" t="e"/>
    </row>
    <row r="346" ht="22" customHeight="true" s="1" customFormat="true" hidden="true" outlineLevel="4">
      <c r="A346" s="6" t="s">
        <v>522</v>
      </c>
      <c r="B346" s="6" t="e"/>
      <c r="C346" s="6" t="s">
        <v>155</v>
      </c>
      <c r="D346" s="6" t="s">
        <v>11</v>
      </c>
      <c r="E346" s="6" t="e"/>
    </row>
    <row r="347" ht="11" customHeight="true" s="1" customFormat="true" hidden="true" outlineLevel="4">
      <c r="A347" s="6" t="s">
        <v>523</v>
      </c>
      <c r="B347" s="6" t="s">
        <v>519</v>
      </c>
      <c r="C347" s="6" t="s">
        <v>103</v>
      </c>
      <c r="D347" s="6" t="s">
        <v>276</v>
      </c>
      <c r="E347" s="6" t="e"/>
    </row>
    <row r="348" ht="11" customHeight="true" s="1" customFormat="true" hidden="true" outlineLevel="4">
      <c r="A348" s="6" t="s">
        <v>524</v>
      </c>
      <c r="B348" s="6" t="s">
        <v>525</v>
      </c>
      <c r="C348" s="6" t="s">
        <v>103</v>
      </c>
      <c r="D348" s="6" t="s">
        <v>57</v>
      </c>
      <c r="E348" s="6" t="e"/>
    </row>
    <row r="349" ht="22" customHeight="true" s="1" customFormat="true" hidden="true" outlineLevel="4">
      <c r="A349" s="6" t="s">
        <v>526</v>
      </c>
      <c r="B349" s="6" t="s">
        <v>527</v>
      </c>
      <c r="C349" s="6" t="s">
        <v>103</v>
      </c>
      <c r="D349" s="6" t="s">
        <v>40</v>
      </c>
      <c r="E349" s="6" t="e"/>
    </row>
    <row r="350" ht="44" customHeight="true" s="1" customFormat="true" hidden="true" outlineLevel="4">
      <c r="A350" s="6" t="s">
        <v>528</v>
      </c>
      <c r="B350" s="6" t="s">
        <v>141</v>
      </c>
      <c r="C350" s="6" t="s">
        <v>103</v>
      </c>
      <c r="D350" s="6" t="s">
        <v>15</v>
      </c>
      <c r="E350" s="6" t="e"/>
    </row>
    <row r="351" ht="44" customHeight="true" s="1" customFormat="true" hidden="true" collapsed="true" outlineLevel="4">
      <c r="A351" s="6" t="s">
        <v>529</v>
      </c>
      <c r="B351" s="6" t="s">
        <v>141</v>
      </c>
      <c r="C351" s="6" t="s">
        <v>103</v>
      </c>
      <c r="D351" s="6" t="s">
        <v>26</v>
      </c>
      <c r="E351" s="6" t="e"/>
    </row>
    <row r="352" ht="11" customHeight="true" s="1" customFormat="true" hidden="true" collapsed="true" outlineLevel="3">
      <c r="A352" s="5" t="s">
        <v>530</v>
      </c>
      <c r="B352" s="5" t="e"/>
      <c r="C352" s="5" t="e"/>
      <c r="D352" s="5" t="e"/>
      <c r="E352" s="5" t="e"/>
    </row>
    <row r="353" ht="33" customHeight="true" s="1" customFormat="true" hidden="true" outlineLevel="4">
      <c r="A353" s="6" t="s">
        <v>531</v>
      </c>
      <c r="B353" s="6" t="s">
        <v>532</v>
      </c>
      <c r="C353" s="6" t="s">
        <v>103</v>
      </c>
      <c r="D353" s="6" t="s">
        <v>11</v>
      </c>
      <c r="E353" s="6" t="e"/>
    </row>
    <row r="354" ht="33" customHeight="true" s="1" customFormat="true" hidden="true" outlineLevel="4">
      <c r="A354" s="6" t="s">
        <v>533</v>
      </c>
      <c r="B354" s="6" t="s">
        <v>296</v>
      </c>
      <c r="C354" s="6" t="s">
        <v>149</v>
      </c>
      <c r="D354" s="6" t="s">
        <v>11</v>
      </c>
      <c r="E354" s="6" t="e"/>
    </row>
    <row r="355" ht="22" customHeight="true" s="1" customFormat="true" hidden="true" outlineLevel="4">
      <c r="A355" s="6" t="s">
        <v>534</v>
      </c>
      <c r="B355" s="6" t="s">
        <v>296</v>
      </c>
      <c r="C355" s="6" t="s">
        <v>149</v>
      </c>
      <c r="D355" s="6" t="s">
        <v>26</v>
      </c>
      <c r="E355" s="6" t="e"/>
    </row>
    <row r="356" ht="22" customHeight="true" s="1" customFormat="true" hidden="true" outlineLevel="4">
      <c r="A356" s="6" t="s">
        <v>535</v>
      </c>
      <c r="B356" s="6" t="s">
        <v>296</v>
      </c>
      <c r="C356" s="6" t="s">
        <v>149</v>
      </c>
      <c r="D356" s="6" t="s">
        <v>11</v>
      </c>
      <c r="E356" s="6" t="e"/>
    </row>
    <row r="357" ht="22" customHeight="true" s="1" customFormat="true" hidden="true" collapsed="true" outlineLevel="4">
      <c r="A357" s="6" t="s">
        <v>536</v>
      </c>
      <c r="B357" s="6" t="s">
        <v>296</v>
      </c>
      <c r="C357" s="6" t="s">
        <v>149</v>
      </c>
      <c r="D357" s="6" t="s">
        <v>57</v>
      </c>
      <c r="E357" s="6" t="e"/>
    </row>
    <row r="358" ht="11" customHeight="true" s="1" customFormat="true" hidden="true" collapsed="true" outlineLevel="2">
      <c r="A358" s="5" t="s">
        <v>537</v>
      </c>
      <c r="B358" s="5" t="e"/>
      <c r="C358" s="5" t="e"/>
      <c r="D358" s="5" t="e"/>
      <c r="E358" s="5" t="e"/>
    </row>
    <row r="359" ht="11" customHeight="true" s="1" customFormat="true" hidden="true" collapsed="true" outlineLevel="3">
      <c r="A359" s="5" t="s">
        <v>538</v>
      </c>
      <c r="B359" s="5" t="e"/>
      <c r="C359" s="5" t="e"/>
      <c r="D359" s="5" t="e"/>
      <c r="E359" s="5" t="e"/>
    </row>
    <row r="360" ht="11" customHeight="true" s="1" customFormat="true" hidden="true" collapsed="true" outlineLevel="4">
      <c r="A360" s="6" t="s">
        <v>539</v>
      </c>
      <c r="B360" s="6" t="s">
        <v>540</v>
      </c>
      <c r="C360" s="6" t="s">
        <v>225</v>
      </c>
      <c r="D360" s="6" t="s">
        <v>11</v>
      </c>
      <c r="E360" s="6" t="e"/>
    </row>
    <row r="361" ht="11" customHeight="true" s="1" customFormat="true" hidden="true" collapsed="true" outlineLevel="3">
      <c r="A361" s="5" t="s">
        <v>541</v>
      </c>
      <c r="B361" s="5" t="e"/>
      <c r="C361" s="5" t="e"/>
      <c r="D361" s="5" t="e"/>
      <c r="E361" s="5" t="e"/>
    </row>
    <row r="362" ht="11" customHeight="true" s="1" customFormat="true" hidden="true" outlineLevel="4">
      <c r="A362" s="6" t="s">
        <v>542</v>
      </c>
      <c r="B362" s="6" t="e"/>
      <c r="C362" s="6" t="s">
        <v>149</v>
      </c>
      <c r="D362" s="6" t="s">
        <v>11</v>
      </c>
      <c r="E362" s="6" t="e"/>
    </row>
    <row r="363" ht="22" customHeight="true" s="1" customFormat="true" hidden="true" outlineLevel="4">
      <c r="A363" s="6" t="s">
        <v>543</v>
      </c>
      <c r="B363" s="6" t="e"/>
      <c r="C363" s="6" t="s">
        <v>149</v>
      </c>
      <c r="D363" s="6" t="s">
        <v>11</v>
      </c>
      <c r="E363" s="6" t="e"/>
    </row>
    <row r="364" ht="22" customHeight="true" s="1" customFormat="true" hidden="true" outlineLevel="4">
      <c r="A364" s="6" t="s">
        <v>544</v>
      </c>
      <c r="B364" s="6" t="s">
        <v>545</v>
      </c>
      <c r="C364" s="6" t="s">
        <v>149</v>
      </c>
      <c r="D364" s="6" t="s">
        <v>11</v>
      </c>
      <c r="E364" s="6" t="e"/>
    </row>
    <row r="365" ht="22" customHeight="true" s="1" customFormat="true" hidden="true" outlineLevel="4">
      <c r="A365" s="6" t="s">
        <v>546</v>
      </c>
      <c r="B365" s="6" t="s">
        <v>547</v>
      </c>
      <c r="C365" s="6" t="s">
        <v>99</v>
      </c>
      <c r="D365" s="6" t="s">
        <v>11</v>
      </c>
      <c r="E365" s="6" t="e"/>
    </row>
    <row r="366" ht="11" customHeight="true" s="1" customFormat="true" hidden="true" outlineLevel="4">
      <c r="A366" s="6" t="s">
        <v>548</v>
      </c>
      <c r="B366" s="6" t="s">
        <v>547</v>
      </c>
      <c r="C366" s="6" t="s">
        <v>99</v>
      </c>
      <c r="D366" s="6" t="s">
        <v>11</v>
      </c>
      <c r="E366" s="6" t="e"/>
    </row>
    <row r="367" ht="22" customHeight="true" s="1" customFormat="true" hidden="true" outlineLevel="4">
      <c r="A367" s="6" t="s">
        <v>549</v>
      </c>
      <c r="B367" s="6" t="e"/>
      <c r="C367" s="6" t="s">
        <v>149</v>
      </c>
      <c r="D367" s="6" t="s">
        <v>11</v>
      </c>
      <c r="E367" s="6" t="e"/>
    </row>
    <row r="368" ht="22" customHeight="true" s="1" customFormat="true" hidden="true" collapsed="true" outlineLevel="4">
      <c r="A368" s="6" t="s">
        <v>550</v>
      </c>
      <c r="B368" s="6" t="s">
        <v>551</v>
      </c>
      <c r="C368" s="6" t="s">
        <v>103</v>
      </c>
      <c r="D368" s="6" t="s">
        <v>11</v>
      </c>
      <c r="E368" s="6" t="e"/>
    </row>
    <row r="369" ht="11" customHeight="true" s="1" customFormat="true" hidden="true" collapsed="true" outlineLevel="3">
      <c r="A369" s="5" t="s">
        <v>552</v>
      </c>
      <c r="B369" s="5" t="e"/>
      <c r="C369" s="5" t="e"/>
      <c r="D369" s="5" t="e"/>
      <c r="E369" s="5" t="e"/>
    </row>
    <row r="370" ht="11" customHeight="true" s="1" customFormat="true" hidden="true" collapsed="true" outlineLevel="4">
      <c r="A370" s="6" t="s">
        <v>553</v>
      </c>
      <c r="B370" s="6" t="e"/>
      <c r="C370" s="6" t="s">
        <v>225</v>
      </c>
      <c r="D370" s="6" t="s">
        <v>11</v>
      </c>
      <c r="E370" s="6" t="e"/>
    </row>
    <row r="371" ht="11" customHeight="true" s="1" customFormat="true" hidden="true" collapsed="true" outlineLevel="3">
      <c r="A371" s="5" t="s">
        <v>554</v>
      </c>
      <c r="B371" s="5" t="e"/>
      <c r="C371" s="5" t="e"/>
      <c r="D371" s="5" t="e"/>
      <c r="E371" s="5" t="e"/>
    </row>
    <row r="372" ht="11" customHeight="true" s="1" customFormat="true" hidden="true" outlineLevel="4">
      <c r="A372" s="6" t="s">
        <v>555</v>
      </c>
      <c r="B372" s="6" t="s">
        <v>540</v>
      </c>
      <c r="C372" s="6" t="s">
        <v>225</v>
      </c>
      <c r="D372" s="6" t="s">
        <v>11</v>
      </c>
      <c r="E372" s="6" t="e"/>
    </row>
    <row r="373" ht="11" customHeight="true" s="1" customFormat="true" hidden="true" outlineLevel="4">
      <c r="A373" s="6" t="s">
        <v>556</v>
      </c>
      <c r="B373" s="6" t="s">
        <v>540</v>
      </c>
      <c r="C373" s="6" t="s">
        <v>225</v>
      </c>
      <c r="D373" s="6" t="s">
        <v>26</v>
      </c>
      <c r="E373" s="6" t="e"/>
    </row>
    <row r="374" ht="11" customHeight="true" s="1" customFormat="true" hidden="true" collapsed="true" outlineLevel="4">
      <c r="A374" s="6" t="s">
        <v>557</v>
      </c>
      <c r="B374" s="6" t="s">
        <v>540</v>
      </c>
      <c r="C374" s="6" t="s">
        <v>225</v>
      </c>
      <c r="D374" s="6" t="s">
        <v>11</v>
      </c>
      <c r="E374" s="6" t="e"/>
    </row>
    <row r="375" ht="11" customHeight="true" s="1" customFormat="true" hidden="true" collapsed="true" outlineLevel="3">
      <c r="A375" s="5" t="s">
        <v>558</v>
      </c>
      <c r="B375" s="5" t="e"/>
      <c r="C375" s="5" t="e"/>
      <c r="D375" s="5" t="e"/>
      <c r="E375" s="5" t="e"/>
    </row>
    <row r="376" ht="11" customHeight="true" s="1" customFormat="true" hidden="true" collapsed="true" outlineLevel="4">
      <c r="A376" s="6" t="s">
        <v>559</v>
      </c>
      <c r="B376" s="6" t="s">
        <v>446</v>
      </c>
      <c r="C376" s="6" t="s">
        <v>225</v>
      </c>
      <c r="D376" s="6" t="s">
        <v>11</v>
      </c>
      <c r="E376" s="6" t="e"/>
    </row>
    <row r="377" ht="11" customHeight="true" s="1" customFormat="true" hidden="true" collapsed="true" outlineLevel="3">
      <c r="A377" s="5" t="s">
        <v>560</v>
      </c>
      <c r="B377" s="5" t="e"/>
      <c r="C377" s="5" t="e"/>
      <c r="D377" s="5" t="e"/>
      <c r="E377" s="5" t="e"/>
    </row>
    <row r="378" ht="22" customHeight="true" s="1" customFormat="true" hidden="true" outlineLevel="4">
      <c r="A378" s="6" t="s">
        <v>561</v>
      </c>
      <c r="B378" s="6" t="s">
        <v>110</v>
      </c>
      <c r="C378" s="6" t="s">
        <v>72</v>
      </c>
      <c r="D378" s="6" t="s">
        <v>11</v>
      </c>
      <c r="E378" s="6" t="e"/>
    </row>
    <row r="379" ht="11" customHeight="true" s="1" customFormat="true" hidden="true" outlineLevel="4">
      <c r="A379" s="6" t="s">
        <v>562</v>
      </c>
      <c r="B379" s="6" t="s">
        <v>446</v>
      </c>
      <c r="C379" s="6" t="s">
        <v>225</v>
      </c>
      <c r="D379" s="6" t="s">
        <v>11</v>
      </c>
      <c r="E379" s="6" t="e"/>
    </row>
    <row r="380" ht="11" customHeight="true" s="1" customFormat="true" hidden="true" outlineLevel="4">
      <c r="A380" s="6" t="s">
        <v>563</v>
      </c>
      <c r="B380" s="6" t="s">
        <v>540</v>
      </c>
      <c r="C380" s="6" t="s">
        <v>225</v>
      </c>
      <c r="D380" s="6" t="s">
        <v>11</v>
      </c>
      <c r="E380" s="6" t="e"/>
    </row>
    <row r="381" ht="11" customHeight="true" s="1" customFormat="true" hidden="true" outlineLevel="4">
      <c r="A381" s="6" t="s">
        <v>564</v>
      </c>
      <c r="B381" s="6" t="s">
        <v>540</v>
      </c>
      <c r="C381" s="6" t="s">
        <v>225</v>
      </c>
      <c r="D381" s="6" t="s">
        <v>11</v>
      </c>
      <c r="E381" s="6" t="e"/>
    </row>
    <row r="382" ht="11" customHeight="true" s="1" customFormat="true" hidden="true" outlineLevel="4">
      <c r="A382" s="6" t="s">
        <v>565</v>
      </c>
      <c r="B382" s="6" t="s">
        <v>540</v>
      </c>
      <c r="C382" s="6" t="s">
        <v>225</v>
      </c>
      <c r="D382" s="6" t="s">
        <v>11</v>
      </c>
      <c r="E382" s="6" t="e"/>
    </row>
    <row r="383" ht="11" customHeight="true" s="1" customFormat="true" hidden="true" collapsed="true" outlineLevel="4">
      <c r="A383" s="6" t="s">
        <v>566</v>
      </c>
      <c r="B383" s="6" t="s">
        <v>148</v>
      </c>
      <c r="C383" s="6" t="s">
        <v>103</v>
      </c>
      <c r="D383" s="6" t="s">
        <v>11</v>
      </c>
      <c r="E383" s="6" t="e"/>
    </row>
    <row r="384" ht="11" customHeight="true" s="1" customFormat="true" hidden="true" collapsed="true" outlineLevel="3">
      <c r="A384" s="5" t="s">
        <v>567</v>
      </c>
      <c r="B384" s="5" t="e"/>
      <c r="C384" s="5" t="e"/>
      <c r="D384" s="5" t="e"/>
      <c r="E384" s="5" t="e"/>
    </row>
    <row r="385" ht="11" customHeight="true" s="1" customFormat="true" hidden="true" outlineLevel="4">
      <c r="A385" s="6" t="s">
        <v>568</v>
      </c>
      <c r="B385" s="6" t="e"/>
      <c r="C385" s="6" t="s">
        <v>225</v>
      </c>
      <c r="D385" s="6" t="s">
        <v>11</v>
      </c>
      <c r="E385" s="6" t="e"/>
    </row>
    <row r="386" ht="11" customHeight="true" s="1" customFormat="true" hidden="true" collapsed="true" outlineLevel="4">
      <c r="A386" s="6" t="s">
        <v>569</v>
      </c>
      <c r="B386" s="6" t="s">
        <v>540</v>
      </c>
      <c r="C386" s="6" t="s">
        <v>225</v>
      </c>
      <c r="D386" s="6" t="s">
        <v>11</v>
      </c>
      <c r="E386" s="6" t="e"/>
    </row>
    <row r="387" ht="11" customHeight="true" s="1" customFormat="true" hidden="true" collapsed="true" outlineLevel="3">
      <c r="A387" s="5" t="s">
        <v>570</v>
      </c>
      <c r="B387" s="5" t="e"/>
      <c r="C387" s="5" t="e"/>
      <c r="D387" s="5" t="e"/>
      <c r="E387" s="5" t="e"/>
    </row>
    <row r="388" ht="33" customHeight="true" s="1" customFormat="true" hidden="true" outlineLevel="4">
      <c r="A388" s="6" t="s">
        <v>571</v>
      </c>
      <c r="B388" s="6" t="s">
        <v>572</v>
      </c>
      <c r="C388" s="6" t="s">
        <v>225</v>
      </c>
      <c r="D388" s="6" t="s">
        <v>11</v>
      </c>
      <c r="E388" s="6" t="e"/>
    </row>
    <row r="389" ht="22" customHeight="true" s="1" customFormat="true" hidden="true" collapsed="true" outlineLevel="4">
      <c r="A389" s="6" t="s">
        <v>573</v>
      </c>
      <c r="B389" s="6" t="s">
        <v>574</v>
      </c>
      <c r="C389" s="6" t="s">
        <v>225</v>
      </c>
      <c r="D389" s="6" t="s">
        <v>11</v>
      </c>
      <c r="E389" s="6" t="e"/>
    </row>
    <row r="390" ht="11" customHeight="true" s="1" customFormat="true" hidden="true" collapsed="true" outlineLevel="2">
      <c r="A390" s="5" t="s">
        <v>575</v>
      </c>
      <c r="B390" s="5" t="e"/>
      <c r="C390" s="5" t="e"/>
      <c r="D390" s="5" t="e"/>
      <c r="E390" s="5" t="e"/>
    </row>
    <row r="391" ht="11" customHeight="true" s="1" customFormat="true" hidden="true" collapsed="true" outlineLevel="3">
      <c r="A391" s="5" t="s">
        <v>576</v>
      </c>
      <c r="B391" s="5" t="e"/>
      <c r="C391" s="5" t="e"/>
      <c r="D391" s="5" t="e"/>
      <c r="E391" s="5" t="e"/>
    </row>
    <row r="392" ht="22" customHeight="true" s="1" customFormat="true" hidden="true" outlineLevel="4">
      <c r="A392" s="6" t="s">
        <v>577</v>
      </c>
      <c r="B392" s="6" t="e"/>
      <c r="C392" s="6" t="s">
        <v>155</v>
      </c>
      <c r="D392" s="6" t="s">
        <v>11</v>
      </c>
      <c r="E392" s="6" t="e"/>
    </row>
    <row r="393" ht="22" customHeight="true" s="1" customFormat="true" hidden="true" collapsed="true" outlineLevel="4">
      <c r="A393" s="6" t="s">
        <v>578</v>
      </c>
      <c r="B393" s="6" t="e"/>
      <c r="C393" s="6" t="s">
        <v>219</v>
      </c>
      <c r="D393" s="6" t="s">
        <v>11</v>
      </c>
      <c r="E393" s="6" t="e"/>
    </row>
    <row r="394" ht="11" customHeight="true" s="1" customFormat="true" hidden="true" collapsed="true" outlineLevel="3">
      <c r="A394" s="5" t="s">
        <v>579</v>
      </c>
      <c r="B394" s="5" t="e"/>
      <c r="C394" s="5" t="e"/>
      <c r="D394" s="5" t="e"/>
      <c r="E394" s="5" t="e"/>
    </row>
    <row r="395" ht="33" customHeight="true" s="1" customFormat="true" hidden="true" outlineLevel="4">
      <c r="A395" s="6" t="s">
        <v>580</v>
      </c>
      <c r="B395" s="6" t="s">
        <v>296</v>
      </c>
      <c r="C395" s="6" t="s">
        <v>155</v>
      </c>
      <c r="D395" s="6" t="s">
        <v>11</v>
      </c>
      <c r="E395" s="6" t="e"/>
    </row>
    <row r="396" ht="22" customHeight="true" s="1" customFormat="true" hidden="true" outlineLevel="4">
      <c r="A396" s="6" t="s">
        <v>581</v>
      </c>
      <c r="B396" s="6" t="e"/>
      <c r="C396" s="6" t="s">
        <v>188</v>
      </c>
      <c r="D396" s="6" t="s">
        <v>11</v>
      </c>
      <c r="E396" s="6" t="e"/>
    </row>
    <row r="397" ht="33" customHeight="true" s="1" customFormat="true" hidden="true" collapsed="true" outlineLevel="4">
      <c r="A397" s="6" t="s">
        <v>582</v>
      </c>
      <c r="B397" s="6" t="e"/>
      <c r="C397" s="6" t="s">
        <v>219</v>
      </c>
      <c r="D397" s="6" t="s">
        <v>11</v>
      </c>
      <c r="E397" s="6" t="e"/>
    </row>
    <row r="398" ht="11" customHeight="true" s="1" customFormat="true" hidden="true" collapsed="true" outlineLevel="3">
      <c r="A398" s="5" t="s">
        <v>583</v>
      </c>
      <c r="B398" s="5" t="e"/>
      <c r="C398" s="5" t="e"/>
      <c r="D398" s="5" t="e"/>
      <c r="E398" s="5" t="e"/>
    </row>
    <row r="399" ht="33" customHeight="true" s="1" customFormat="true" hidden="true" outlineLevel="4">
      <c r="A399" s="6" t="s">
        <v>584</v>
      </c>
      <c r="B399" s="6" t="s">
        <v>308</v>
      </c>
      <c r="C399" s="6" t="s">
        <v>219</v>
      </c>
      <c r="D399" s="6" t="s">
        <v>11</v>
      </c>
      <c r="E399" s="6" t="e"/>
    </row>
    <row r="400" ht="33" customHeight="true" s="1" customFormat="true" hidden="true" outlineLevel="4">
      <c r="A400" s="6" t="s">
        <v>585</v>
      </c>
      <c r="B400" s="6" t="s">
        <v>308</v>
      </c>
      <c r="C400" s="6" t="s">
        <v>219</v>
      </c>
      <c r="D400" s="6" t="s">
        <v>26</v>
      </c>
      <c r="E400" s="6" t="e"/>
    </row>
    <row r="401" ht="33" customHeight="true" s="1" customFormat="true" hidden="true" collapsed="true" outlineLevel="4">
      <c r="A401" s="6" t="s">
        <v>586</v>
      </c>
      <c r="B401" s="6" t="s">
        <v>308</v>
      </c>
      <c r="C401" s="6" t="s">
        <v>219</v>
      </c>
      <c r="D401" s="6" t="s">
        <v>11</v>
      </c>
      <c r="E401" s="6" t="e"/>
    </row>
    <row r="402" ht="11" customHeight="true" s="1" customFormat="true" hidden="true" collapsed="true" outlineLevel="3">
      <c r="A402" s="5" t="s">
        <v>587</v>
      </c>
      <c r="B402" s="5" t="e"/>
      <c r="C402" s="5" t="e"/>
      <c r="D402" s="5" t="e"/>
      <c r="E402" s="5" t="e"/>
    </row>
    <row r="403" ht="44" customHeight="true" s="1" customFormat="true" hidden="true" outlineLevel="4">
      <c r="A403" s="6" t="s">
        <v>588</v>
      </c>
      <c r="B403" s="6" t="s">
        <v>131</v>
      </c>
      <c r="C403" s="6" t="s">
        <v>127</v>
      </c>
      <c r="D403" s="6" t="s">
        <v>11</v>
      </c>
      <c r="E403" s="6" t="e"/>
    </row>
    <row r="404" ht="44" customHeight="true" s="1" customFormat="true" hidden="true" outlineLevel="4">
      <c r="A404" s="6" t="s">
        <v>589</v>
      </c>
      <c r="B404" s="6" t="s">
        <v>302</v>
      </c>
      <c r="C404" s="6" t="s">
        <v>103</v>
      </c>
      <c r="D404" s="6" t="s">
        <v>40</v>
      </c>
      <c r="E404" s="6" t="e"/>
    </row>
    <row r="405" ht="22" customHeight="true" s="1" customFormat="true" hidden="true" outlineLevel="4">
      <c r="A405" s="6" t="s">
        <v>590</v>
      </c>
      <c r="B405" s="6" t="s">
        <v>139</v>
      </c>
      <c r="C405" s="6" t="s">
        <v>219</v>
      </c>
      <c r="D405" s="6" t="s">
        <v>11</v>
      </c>
      <c r="E405" s="6" t="e"/>
    </row>
    <row r="406" ht="33" customHeight="true" s="1" customFormat="true" hidden="true" outlineLevel="4">
      <c r="A406" s="6" t="s">
        <v>591</v>
      </c>
      <c r="B406" s="6" t="s">
        <v>139</v>
      </c>
      <c r="C406" s="6" t="s">
        <v>219</v>
      </c>
      <c r="D406" s="6" t="s">
        <v>40</v>
      </c>
      <c r="E406" s="6" t="e"/>
    </row>
    <row r="407" ht="33" customHeight="true" s="1" customFormat="true" hidden="true" outlineLevel="4">
      <c r="A407" s="6" t="s">
        <v>592</v>
      </c>
      <c r="B407" s="6" t="s">
        <v>139</v>
      </c>
      <c r="C407" s="6" t="s">
        <v>219</v>
      </c>
      <c r="D407" s="6" t="s">
        <v>11</v>
      </c>
      <c r="E407" s="6" t="e"/>
    </row>
    <row r="408" ht="22" customHeight="true" s="1" customFormat="true" hidden="true" outlineLevel="4">
      <c r="A408" s="6" t="s">
        <v>593</v>
      </c>
      <c r="B408" s="6" t="s">
        <v>312</v>
      </c>
      <c r="C408" s="6" t="s">
        <v>188</v>
      </c>
      <c r="D408" s="6" t="s">
        <v>11</v>
      </c>
      <c r="E408" s="6" t="e"/>
    </row>
    <row r="409" ht="33" customHeight="true" s="1" customFormat="true" hidden="true" outlineLevel="4">
      <c r="A409" s="6" t="s">
        <v>594</v>
      </c>
      <c r="B409" s="6" t="s">
        <v>167</v>
      </c>
      <c r="C409" s="6" t="s">
        <v>99</v>
      </c>
      <c r="D409" s="6" t="s">
        <v>11</v>
      </c>
      <c r="E409" s="6" t="e"/>
    </row>
    <row r="410" ht="22" customHeight="true" s="1" customFormat="true" hidden="true" outlineLevel="4">
      <c r="A410" s="6" t="s">
        <v>595</v>
      </c>
      <c r="B410" s="6" t="s">
        <v>151</v>
      </c>
      <c r="C410" s="6" t="s">
        <v>155</v>
      </c>
      <c r="D410" s="6" t="s">
        <v>11</v>
      </c>
      <c r="E410" s="6" t="e"/>
    </row>
    <row r="411" ht="33" customHeight="true" s="1" customFormat="true" hidden="true" outlineLevel="4">
      <c r="A411" s="6" t="s">
        <v>596</v>
      </c>
      <c r="B411" s="6" t="s">
        <v>139</v>
      </c>
      <c r="C411" s="6" t="s">
        <v>219</v>
      </c>
      <c r="D411" s="6" t="s">
        <v>11</v>
      </c>
      <c r="E411" s="6" t="e"/>
    </row>
    <row r="412" ht="22" customHeight="true" s="1" customFormat="true" hidden="true" outlineLevel="4">
      <c r="A412" s="6" t="s">
        <v>597</v>
      </c>
      <c r="B412" s="6" t="s">
        <v>139</v>
      </c>
      <c r="C412" s="6" t="s">
        <v>219</v>
      </c>
      <c r="D412" s="6" t="s">
        <v>11</v>
      </c>
      <c r="E412" s="6" t="e"/>
    </row>
    <row r="413" ht="44" customHeight="true" s="1" customFormat="true" hidden="true" outlineLevel="4">
      <c r="A413" s="6" t="s">
        <v>598</v>
      </c>
      <c r="B413" s="6" t="s">
        <v>141</v>
      </c>
      <c r="C413" s="6" t="s">
        <v>127</v>
      </c>
      <c r="D413" s="6" t="s">
        <v>11</v>
      </c>
      <c r="E413" s="6" t="e"/>
    </row>
    <row r="414" ht="44" customHeight="true" s="1" customFormat="true" hidden="true" outlineLevel="4">
      <c r="A414" s="6" t="s">
        <v>599</v>
      </c>
      <c r="B414" s="6" t="s">
        <v>574</v>
      </c>
      <c r="C414" s="6" t="s">
        <v>103</v>
      </c>
      <c r="D414" s="6" t="s">
        <v>15</v>
      </c>
      <c r="E414" s="6" t="e"/>
    </row>
    <row r="415" ht="22" customHeight="true" s="1" customFormat="true" hidden="true" outlineLevel="4">
      <c r="A415" s="6" t="s">
        <v>600</v>
      </c>
      <c r="B415" s="6" t="s">
        <v>151</v>
      </c>
      <c r="C415" s="6" t="s">
        <v>219</v>
      </c>
      <c r="D415" s="6" t="s">
        <v>11</v>
      </c>
      <c r="E415" s="6" t="e"/>
    </row>
    <row r="416" ht="33" customHeight="true" s="1" customFormat="true" hidden="true" outlineLevel="4">
      <c r="A416" s="6" t="s">
        <v>601</v>
      </c>
      <c r="B416" s="6" t="s">
        <v>139</v>
      </c>
      <c r="C416" s="6" t="s">
        <v>219</v>
      </c>
      <c r="D416" s="6" t="s">
        <v>11</v>
      </c>
      <c r="E416" s="6" t="e"/>
    </row>
    <row r="417" ht="33" customHeight="true" s="1" customFormat="true" hidden="true" outlineLevel="4">
      <c r="A417" s="6" t="s">
        <v>602</v>
      </c>
      <c r="B417" s="6" t="s">
        <v>296</v>
      </c>
      <c r="C417" s="6" t="s">
        <v>103</v>
      </c>
      <c r="D417" s="6" t="s">
        <v>11</v>
      </c>
      <c r="E417" s="6" t="e"/>
    </row>
    <row r="418" ht="33" customHeight="true" s="1" customFormat="true" hidden="true" outlineLevel="4">
      <c r="A418" s="6" t="s">
        <v>603</v>
      </c>
      <c r="B418" s="6" t="s">
        <v>139</v>
      </c>
      <c r="C418" s="6" t="s">
        <v>219</v>
      </c>
      <c r="D418" s="6" t="s">
        <v>11</v>
      </c>
      <c r="E418" s="6" t="e"/>
    </row>
    <row r="419" ht="33" customHeight="true" s="1" customFormat="true" hidden="true" outlineLevel="4">
      <c r="A419" s="6" t="s">
        <v>604</v>
      </c>
      <c r="B419" s="6" t="s">
        <v>296</v>
      </c>
      <c r="C419" s="6" t="s">
        <v>219</v>
      </c>
      <c r="D419" s="6" t="s">
        <v>11</v>
      </c>
      <c r="E419" s="6" t="e"/>
    </row>
    <row r="420" ht="33" customHeight="true" s="1" customFormat="true" hidden="true" outlineLevel="4">
      <c r="A420" s="6" t="s">
        <v>605</v>
      </c>
      <c r="B420" s="6" t="s">
        <v>283</v>
      </c>
      <c r="C420" s="6" t="s">
        <v>127</v>
      </c>
      <c r="D420" s="6" t="s">
        <v>40</v>
      </c>
      <c r="E420" s="6" t="e"/>
    </row>
    <row r="421" ht="33" customHeight="true" s="1" customFormat="true" hidden="true" outlineLevel="4">
      <c r="A421" s="6" t="s">
        <v>606</v>
      </c>
      <c r="B421" s="6" t="s">
        <v>139</v>
      </c>
      <c r="C421" s="6" t="s">
        <v>66</v>
      </c>
      <c r="D421" s="6" t="s">
        <v>26</v>
      </c>
      <c r="E421" s="6" t="e"/>
    </row>
    <row r="422" ht="33" customHeight="true" s="1" customFormat="true" hidden="true" outlineLevel="4">
      <c r="A422" s="6" t="s">
        <v>607</v>
      </c>
      <c r="B422" s="6" t="s">
        <v>312</v>
      </c>
      <c r="C422" s="6" t="s">
        <v>155</v>
      </c>
      <c r="D422" s="6" t="s">
        <v>11</v>
      </c>
      <c r="E422" s="6" t="e"/>
    </row>
    <row r="423" ht="33" customHeight="true" s="1" customFormat="true" hidden="true" outlineLevel="4">
      <c r="A423" s="6" t="s">
        <v>608</v>
      </c>
      <c r="B423" s="6" t="s">
        <v>139</v>
      </c>
      <c r="C423" s="6" t="s">
        <v>66</v>
      </c>
      <c r="D423" s="6" t="s">
        <v>11</v>
      </c>
      <c r="E423" s="6" t="e"/>
    </row>
    <row r="424" ht="22" customHeight="true" s="1" customFormat="true" hidden="true" outlineLevel="4">
      <c r="A424" s="6" t="s">
        <v>609</v>
      </c>
      <c r="B424" s="6" t="s">
        <v>139</v>
      </c>
      <c r="C424" s="6" t="s">
        <v>219</v>
      </c>
      <c r="D424" s="6" t="s">
        <v>11</v>
      </c>
      <c r="E424" s="6" t="e"/>
    </row>
    <row r="425" ht="33" customHeight="true" s="1" customFormat="true" hidden="true" outlineLevel="4">
      <c r="A425" s="6" t="s">
        <v>610</v>
      </c>
      <c r="B425" s="6" t="s">
        <v>139</v>
      </c>
      <c r="C425" s="6" t="s">
        <v>219</v>
      </c>
      <c r="D425" s="6" t="s">
        <v>11</v>
      </c>
      <c r="E425" s="6" t="e"/>
    </row>
    <row r="426" ht="22" customHeight="true" s="1" customFormat="true" hidden="true" outlineLevel="4">
      <c r="A426" s="6" t="s">
        <v>611</v>
      </c>
      <c r="B426" s="6" t="s">
        <v>312</v>
      </c>
      <c r="C426" s="6" t="s">
        <v>155</v>
      </c>
      <c r="D426" s="6" t="s">
        <v>11</v>
      </c>
      <c r="E426" s="6" t="e"/>
    </row>
    <row r="427" ht="33" customHeight="true" s="1" customFormat="true" hidden="true" outlineLevel="4">
      <c r="A427" s="6" t="s">
        <v>612</v>
      </c>
      <c r="B427" s="6" t="s">
        <v>139</v>
      </c>
      <c r="C427" s="6" t="s">
        <v>219</v>
      </c>
      <c r="D427" s="6" t="s">
        <v>11</v>
      </c>
      <c r="E427" s="6" t="e"/>
    </row>
    <row r="428" ht="44" customHeight="true" s="1" customFormat="true" hidden="true" outlineLevel="4">
      <c r="A428" s="6" t="s">
        <v>613</v>
      </c>
      <c r="B428" s="6" t="s">
        <v>302</v>
      </c>
      <c r="C428" s="6" t="s">
        <v>219</v>
      </c>
      <c r="D428" s="6" t="s">
        <v>11</v>
      </c>
      <c r="E428" s="6" t="e"/>
    </row>
    <row r="429" ht="33" customHeight="true" s="1" customFormat="true" hidden="true" outlineLevel="4">
      <c r="A429" s="6" t="s">
        <v>614</v>
      </c>
      <c r="B429" s="6" t="s">
        <v>139</v>
      </c>
      <c r="C429" s="6" t="s">
        <v>219</v>
      </c>
      <c r="D429" s="6" t="s">
        <v>11</v>
      </c>
      <c r="E429" s="6" t="e"/>
    </row>
    <row r="430" ht="33" customHeight="true" s="1" customFormat="true" hidden="true" outlineLevel="4">
      <c r="A430" s="6" t="s">
        <v>615</v>
      </c>
      <c r="B430" s="6" t="s">
        <v>139</v>
      </c>
      <c r="C430" s="6" t="s">
        <v>219</v>
      </c>
      <c r="D430" s="6" t="s">
        <v>11</v>
      </c>
      <c r="E430" s="6" t="e"/>
    </row>
    <row r="431" ht="33" customHeight="true" s="1" customFormat="true" hidden="true" outlineLevel="4">
      <c r="A431" s="6" t="s">
        <v>616</v>
      </c>
      <c r="B431" s="6" t="e"/>
      <c r="C431" s="6" t="s">
        <v>127</v>
      </c>
      <c r="D431" s="6" t="s">
        <v>11</v>
      </c>
      <c r="E431" s="6" t="e"/>
    </row>
    <row r="432" ht="33" customHeight="true" s="1" customFormat="true" hidden="true" outlineLevel="4">
      <c r="A432" s="6" t="s">
        <v>617</v>
      </c>
      <c r="B432" s="6" t="s">
        <v>139</v>
      </c>
      <c r="C432" s="6" t="s">
        <v>103</v>
      </c>
      <c r="D432" s="6" t="s">
        <v>40</v>
      </c>
      <c r="E432" s="6" t="e"/>
    </row>
    <row r="433" ht="33" customHeight="true" s="1" customFormat="true" hidden="true" outlineLevel="4">
      <c r="A433" s="6" t="s">
        <v>618</v>
      </c>
      <c r="B433" s="6" t="e"/>
      <c r="C433" s="6" t="s">
        <v>127</v>
      </c>
      <c r="D433" s="6" t="s">
        <v>11</v>
      </c>
      <c r="E433" s="6" t="e"/>
    </row>
    <row r="434" ht="33" customHeight="true" s="1" customFormat="true" hidden="true" outlineLevel="4">
      <c r="A434" s="6" t="s">
        <v>619</v>
      </c>
      <c r="B434" s="6" t="e"/>
      <c r="C434" s="6" t="s">
        <v>155</v>
      </c>
      <c r="D434" s="6" t="s">
        <v>26</v>
      </c>
      <c r="E434" s="6" t="e"/>
    </row>
    <row r="435" ht="22" customHeight="true" s="1" customFormat="true" hidden="true" outlineLevel="4">
      <c r="A435" s="6" t="s">
        <v>620</v>
      </c>
      <c r="B435" s="6" t="e"/>
      <c r="C435" s="6" t="s">
        <v>155</v>
      </c>
      <c r="D435" s="6" t="s">
        <v>11</v>
      </c>
      <c r="E435" s="6" t="e"/>
    </row>
    <row r="436" ht="44" customHeight="true" s="1" customFormat="true" hidden="true" outlineLevel="4">
      <c r="A436" s="6" t="s">
        <v>621</v>
      </c>
      <c r="B436" s="6" t="s">
        <v>139</v>
      </c>
      <c r="C436" s="6" t="s">
        <v>219</v>
      </c>
      <c r="D436" s="6" t="s">
        <v>26</v>
      </c>
      <c r="E436" s="6" t="e"/>
    </row>
    <row r="437" ht="44" customHeight="true" s="1" customFormat="true" hidden="true" outlineLevel="4">
      <c r="A437" s="6" t="s">
        <v>622</v>
      </c>
      <c r="B437" s="6" t="e"/>
      <c r="C437" s="6" t="s">
        <v>99</v>
      </c>
      <c r="D437" s="6" t="s">
        <v>11</v>
      </c>
      <c r="E437" s="6" t="e"/>
    </row>
    <row r="438" ht="33" customHeight="true" s="1" customFormat="true" hidden="true" outlineLevel="4">
      <c r="A438" s="6" t="s">
        <v>623</v>
      </c>
      <c r="B438" s="6" t="s">
        <v>312</v>
      </c>
      <c r="C438" s="6" t="s">
        <v>155</v>
      </c>
      <c r="D438" s="6" t="s">
        <v>11</v>
      </c>
      <c r="E438" s="6" t="e"/>
    </row>
    <row r="439" ht="33" customHeight="true" s="1" customFormat="true" hidden="true" collapsed="true" outlineLevel="4">
      <c r="A439" s="6" t="s">
        <v>624</v>
      </c>
      <c r="B439" s="6" t="s">
        <v>139</v>
      </c>
      <c r="C439" s="6" t="s">
        <v>219</v>
      </c>
      <c r="D439" s="6" t="s">
        <v>11</v>
      </c>
      <c r="E439" s="6" t="e"/>
    </row>
    <row r="440" ht="11" customHeight="true" s="1" customFormat="true" hidden="true" collapsed="true" outlineLevel="3">
      <c r="A440" s="5" t="s">
        <v>625</v>
      </c>
      <c r="B440" s="5" t="e"/>
      <c r="C440" s="5" t="e"/>
      <c r="D440" s="5" t="e"/>
      <c r="E440" s="5" t="e"/>
    </row>
    <row r="441" ht="22" customHeight="true" s="1" customFormat="true" hidden="true" outlineLevel="4">
      <c r="A441" s="6" t="s">
        <v>626</v>
      </c>
      <c r="B441" s="6" t="s">
        <v>66</v>
      </c>
      <c r="C441" s="6" t="s">
        <v>235</v>
      </c>
      <c r="D441" s="6" t="s">
        <v>11</v>
      </c>
      <c r="E441" s="6" t="e"/>
    </row>
    <row r="442" ht="22" customHeight="true" s="1" customFormat="true" hidden="true" collapsed="true" outlineLevel="4">
      <c r="A442" s="6" t="s">
        <v>627</v>
      </c>
      <c r="B442" s="6" t="s">
        <v>163</v>
      </c>
      <c r="C442" s="6" t="s">
        <v>292</v>
      </c>
      <c r="D442" s="6" t="s">
        <v>11</v>
      </c>
      <c r="E442" s="6" t="e"/>
    </row>
    <row r="443" ht="11" customHeight="true" s="1" customFormat="true" hidden="true" collapsed="true" outlineLevel="3">
      <c r="A443" s="5" t="s">
        <v>628</v>
      </c>
      <c r="B443" s="5" t="e"/>
      <c r="C443" s="5" t="e"/>
      <c r="D443" s="5" t="e"/>
      <c r="E443" s="5" t="e"/>
    </row>
    <row r="444" ht="22" customHeight="true" s="1" customFormat="true" hidden="true" outlineLevel="4">
      <c r="A444" s="6" t="s">
        <v>629</v>
      </c>
      <c r="B444" s="6" t="s">
        <v>572</v>
      </c>
      <c r="C444" s="6" t="s">
        <v>188</v>
      </c>
      <c r="D444" s="6" t="s">
        <v>40</v>
      </c>
      <c r="E444" s="6" t="e"/>
    </row>
    <row r="445" ht="33" customHeight="true" s="1" customFormat="true" hidden="true" outlineLevel="4">
      <c r="A445" s="6" t="s">
        <v>630</v>
      </c>
      <c r="B445" s="6" t="s">
        <v>551</v>
      </c>
      <c r="C445" s="6" t="s">
        <v>149</v>
      </c>
      <c r="D445" s="6" t="s">
        <v>57</v>
      </c>
      <c r="E445" s="6" t="e"/>
    </row>
    <row r="446" ht="33" customHeight="true" s="1" customFormat="true" hidden="true" outlineLevel="4">
      <c r="A446" s="6" t="s">
        <v>631</v>
      </c>
      <c r="B446" s="6" t="s">
        <v>308</v>
      </c>
      <c r="C446" s="6" t="s">
        <v>219</v>
      </c>
      <c r="D446" s="6" t="s">
        <v>40</v>
      </c>
      <c r="E446" s="6" t="e"/>
    </row>
    <row r="447" ht="33" customHeight="true" s="1" customFormat="true" hidden="true" outlineLevel="4">
      <c r="A447" s="6" t="s">
        <v>632</v>
      </c>
      <c r="B447" s="6" t="s">
        <v>188</v>
      </c>
      <c r="C447" s="6" t="s">
        <v>72</v>
      </c>
      <c r="D447" s="6" t="s">
        <v>40</v>
      </c>
      <c r="E447" s="6" t="e"/>
    </row>
    <row r="448" ht="44" customHeight="true" s="1" customFormat="true" hidden="true" outlineLevel="4">
      <c r="A448" s="6" t="s">
        <v>633</v>
      </c>
      <c r="B448" s="6" t="s">
        <v>296</v>
      </c>
      <c r="C448" s="6" t="s">
        <v>62</v>
      </c>
      <c r="D448" s="6" t="s">
        <v>15</v>
      </c>
      <c r="E448" s="6" t="e"/>
    </row>
    <row r="449" ht="33" customHeight="true" s="1" customFormat="true" hidden="true" outlineLevel="4">
      <c r="A449" s="6" t="s">
        <v>634</v>
      </c>
      <c r="B449" s="6" t="s">
        <v>574</v>
      </c>
      <c r="C449" s="6" t="s">
        <v>99</v>
      </c>
      <c r="D449" s="6" t="s">
        <v>11</v>
      </c>
      <c r="E449" s="6" t="e"/>
    </row>
    <row r="450" ht="33" customHeight="true" s="1" customFormat="true" hidden="true" outlineLevel="4">
      <c r="A450" s="6" t="s">
        <v>635</v>
      </c>
      <c r="B450" s="6" t="s">
        <v>572</v>
      </c>
      <c r="C450" s="6" t="s">
        <v>188</v>
      </c>
      <c r="D450" s="6" t="s">
        <v>454</v>
      </c>
      <c r="E450" s="6" t="e"/>
    </row>
    <row r="451" ht="44" customHeight="true" s="1" customFormat="true" hidden="true" outlineLevel="4">
      <c r="A451" s="6" t="s">
        <v>636</v>
      </c>
      <c r="B451" s="6" t="s">
        <v>139</v>
      </c>
      <c r="C451" s="6" t="s">
        <v>219</v>
      </c>
      <c r="D451" s="6" t="s">
        <v>460</v>
      </c>
      <c r="E451" s="6" t="e"/>
    </row>
    <row r="452" ht="44" customHeight="true" s="1" customFormat="true" hidden="true" outlineLevel="4">
      <c r="A452" s="6" t="s">
        <v>637</v>
      </c>
      <c r="B452" s="6" t="s">
        <v>139</v>
      </c>
      <c r="C452" s="6" t="s">
        <v>219</v>
      </c>
      <c r="D452" s="6" t="s">
        <v>15</v>
      </c>
      <c r="E452" s="6" t="e"/>
    </row>
    <row r="453" ht="33" customHeight="true" s="1" customFormat="true" hidden="true" outlineLevel="4">
      <c r="A453" s="6" t="s">
        <v>638</v>
      </c>
      <c r="B453" s="6" t="s">
        <v>639</v>
      </c>
      <c r="C453" s="6" t="s">
        <v>188</v>
      </c>
      <c r="D453" s="6" t="s">
        <v>15</v>
      </c>
      <c r="E453" s="6" t="e"/>
    </row>
    <row r="454" ht="33" customHeight="true" s="1" customFormat="true" hidden="true" outlineLevel="4">
      <c r="A454" s="6" t="s">
        <v>640</v>
      </c>
      <c r="B454" s="6" t="s">
        <v>572</v>
      </c>
      <c r="C454" s="6" t="s">
        <v>188</v>
      </c>
      <c r="D454" s="6" t="s">
        <v>639</v>
      </c>
      <c r="E454" s="6" t="e"/>
    </row>
    <row r="455" ht="33" customHeight="true" s="1" customFormat="true" hidden="true" outlineLevel="4">
      <c r="A455" s="6" t="s">
        <v>641</v>
      </c>
      <c r="B455" s="6" t="s">
        <v>139</v>
      </c>
      <c r="C455" s="6" t="s">
        <v>219</v>
      </c>
      <c r="D455" s="6" t="s">
        <v>11</v>
      </c>
      <c r="E455" s="6" t="e"/>
    </row>
    <row r="456" ht="33" customHeight="true" s="1" customFormat="true" hidden="true" outlineLevel="4">
      <c r="A456" s="6" t="s">
        <v>642</v>
      </c>
      <c r="B456" s="6" t="s">
        <v>139</v>
      </c>
      <c r="C456" s="6" t="s">
        <v>219</v>
      </c>
      <c r="D456" s="6" t="s">
        <v>11</v>
      </c>
      <c r="E456" s="6" t="e"/>
    </row>
    <row r="457" ht="33" customHeight="true" s="1" customFormat="true" hidden="true" outlineLevel="4">
      <c r="A457" s="6" t="s">
        <v>643</v>
      </c>
      <c r="B457" s="6" t="s">
        <v>302</v>
      </c>
      <c r="C457" s="6" t="s">
        <v>219</v>
      </c>
      <c r="D457" s="6" t="s">
        <v>644</v>
      </c>
      <c r="E457" s="6" t="e"/>
    </row>
    <row r="458" ht="33" customHeight="true" s="1" customFormat="true" hidden="true" outlineLevel="4">
      <c r="A458" s="6" t="s">
        <v>645</v>
      </c>
      <c r="B458" s="6" t="s">
        <v>296</v>
      </c>
      <c r="C458" s="6" t="s">
        <v>219</v>
      </c>
      <c r="D458" s="6" t="s">
        <v>57</v>
      </c>
      <c r="E458" s="6" t="e"/>
    </row>
    <row r="459" ht="33" customHeight="true" s="1" customFormat="true" hidden="true" outlineLevel="4">
      <c r="A459" s="6" t="s">
        <v>646</v>
      </c>
      <c r="B459" s="6" t="s">
        <v>312</v>
      </c>
      <c r="C459" s="6" t="s">
        <v>188</v>
      </c>
      <c r="D459" s="6" t="s">
        <v>11</v>
      </c>
      <c r="E459" s="6" t="e"/>
    </row>
    <row r="460" ht="33" customHeight="true" s="1" customFormat="true" hidden="true" outlineLevel="4">
      <c r="A460" s="6" t="s">
        <v>647</v>
      </c>
      <c r="B460" s="6" t="s">
        <v>139</v>
      </c>
      <c r="C460" s="6" t="s">
        <v>219</v>
      </c>
      <c r="D460" s="6" t="s">
        <v>26</v>
      </c>
      <c r="E460" s="6" t="e"/>
    </row>
    <row r="461" ht="33" customHeight="true" s="1" customFormat="true" hidden="true" outlineLevel="4">
      <c r="A461" s="6" t="s">
        <v>648</v>
      </c>
      <c r="B461" s="6" t="s">
        <v>139</v>
      </c>
      <c r="C461" s="6" t="s">
        <v>219</v>
      </c>
      <c r="D461" s="6" t="s">
        <v>184</v>
      </c>
      <c r="E461" s="6" t="e"/>
    </row>
    <row r="462" ht="22" customHeight="true" s="1" customFormat="true" hidden="true" outlineLevel="4">
      <c r="A462" s="6" t="s">
        <v>649</v>
      </c>
      <c r="B462" s="6" t="s">
        <v>197</v>
      </c>
      <c r="C462" s="6" t="s">
        <v>103</v>
      </c>
      <c r="D462" s="6" t="s">
        <v>15</v>
      </c>
      <c r="E462" s="6" t="e"/>
    </row>
    <row r="463" ht="33" customHeight="true" s="1" customFormat="true" hidden="true" outlineLevel="4">
      <c r="A463" s="6" t="s">
        <v>650</v>
      </c>
      <c r="B463" s="6" t="s">
        <v>574</v>
      </c>
      <c r="C463" s="6" t="s">
        <v>103</v>
      </c>
      <c r="D463" s="6" t="s">
        <v>276</v>
      </c>
      <c r="E463" s="6" t="e"/>
    </row>
    <row r="464" ht="56" customHeight="true" s="1" customFormat="true" hidden="true" outlineLevel="4">
      <c r="A464" s="6" t="s">
        <v>651</v>
      </c>
      <c r="B464" s="6" t="s">
        <v>136</v>
      </c>
      <c r="C464" s="6" t="s">
        <v>127</v>
      </c>
      <c r="D464" s="6" t="s">
        <v>40</v>
      </c>
      <c r="E464" s="6" t="e"/>
    </row>
    <row r="465" ht="44" customHeight="true" s="1" customFormat="true" hidden="true" outlineLevel="4">
      <c r="A465" s="6" t="s">
        <v>652</v>
      </c>
      <c r="B465" s="6" t="s">
        <v>308</v>
      </c>
      <c r="C465" s="6" t="s">
        <v>127</v>
      </c>
      <c r="D465" s="6" t="s">
        <v>40</v>
      </c>
      <c r="E465" s="6" t="e"/>
    </row>
    <row r="466" ht="56" customHeight="true" s="1" customFormat="true" hidden="true" outlineLevel="4">
      <c r="A466" s="6" t="s">
        <v>653</v>
      </c>
      <c r="B466" s="6" t="s">
        <v>188</v>
      </c>
      <c r="C466" s="6" t="s">
        <v>72</v>
      </c>
      <c r="D466" s="6" t="s">
        <v>26</v>
      </c>
      <c r="E466" s="6" t="e"/>
    </row>
    <row r="467" ht="44" customHeight="true" s="1" customFormat="true" hidden="true" outlineLevel="4">
      <c r="A467" s="6" t="s">
        <v>654</v>
      </c>
      <c r="B467" s="6" t="s">
        <v>172</v>
      </c>
      <c r="C467" s="6" t="s">
        <v>127</v>
      </c>
      <c r="D467" s="6" t="s">
        <v>57</v>
      </c>
      <c r="E467" s="6" t="e"/>
    </row>
    <row r="468" ht="22" customHeight="true" s="1" customFormat="true" hidden="true" outlineLevel="4">
      <c r="A468" s="6" t="s">
        <v>655</v>
      </c>
      <c r="B468" s="6" t="s">
        <v>519</v>
      </c>
      <c r="C468" s="6" t="s">
        <v>219</v>
      </c>
      <c r="D468" s="6" t="s">
        <v>11</v>
      </c>
      <c r="E468" s="6" t="e"/>
    </row>
    <row r="469" ht="22" customHeight="true" s="1" customFormat="true" hidden="true" outlineLevel="4">
      <c r="A469" s="6" t="s">
        <v>656</v>
      </c>
      <c r="B469" s="6" t="s">
        <v>167</v>
      </c>
      <c r="C469" s="6" t="s">
        <v>219</v>
      </c>
      <c r="D469" s="6" t="s">
        <v>454</v>
      </c>
      <c r="E469" s="6" t="e"/>
    </row>
    <row r="470" ht="22" customHeight="true" s="1" customFormat="true" hidden="true" outlineLevel="4">
      <c r="A470" s="6" t="s">
        <v>657</v>
      </c>
      <c r="B470" s="6" t="s">
        <v>195</v>
      </c>
      <c r="C470" s="6" t="s">
        <v>188</v>
      </c>
      <c r="D470" s="6" t="s">
        <v>658</v>
      </c>
      <c r="E470" s="6" t="e"/>
    </row>
    <row r="471" ht="22" customHeight="true" s="1" customFormat="true" hidden="true" outlineLevel="4">
      <c r="A471" s="6" t="s">
        <v>659</v>
      </c>
      <c r="B471" s="6" t="s">
        <v>148</v>
      </c>
      <c r="C471" s="6" t="s">
        <v>364</v>
      </c>
      <c r="D471" s="6" t="s">
        <v>11</v>
      </c>
      <c r="E471" s="6" t="e"/>
    </row>
    <row r="472" ht="33" customHeight="true" s="1" customFormat="true" hidden="true" outlineLevel="4">
      <c r="A472" s="6" t="s">
        <v>660</v>
      </c>
      <c r="B472" s="6" t="s">
        <v>519</v>
      </c>
      <c r="C472" s="6" t="s">
        <v>219</v>
      </c>
      <c r="D472" s="6" t="s">
        <v>11</v>
      </c>
      <c r="E472" s="6" t="e"/>
    </row>
    <row r="473" ht="33" customHeight="true" s="1" customFormat="true" hidden="true" outlineLevel="4">
      <c r="A473" s="6" t="s">
        <v>661</v>
      </c>
      <c r="B473" s="6" t="s">
        <v>519</v>
      </c>
      <c r="C473" s="6" t="s">
        <v>219</v>
      </c>
      <c r="D473" s="6" t="s">
        <v>26</v>
      </c>
      <c r="E473" s="6" t="e"/>
    </row>
    <row r="474" ht="33" customHeight="true" s="1" customFormat="true" hidden="true" outlineLevel="4">
      <c r="A474" s="6" t="s">
        <v>662</v>
      </c>
      <c r="B474" s="6" t="s">
        <v>519</v>
      </c>
      <c r="C474" s="6" t="s">
        <v>219</v>
      </c>
      <c r="D474" s="6" t="s">
        <v>11</v>
      </c>
      <c r="E474" s="6" t="e"/>
    </row>
    <row r="475" ht="33" customHeight="true" s="1" customFormat="true" hidden="true" outlineLevel="4">
      <c r="A475" s="6" t="s">
        <v>663</v>
      </c>
      <c r="B475" s="6" t="s">
        <v>572</v>
      </c>
      <c r="C475" s="6" t="s">
        <v>188</v>
      </c>
      <c r="D475" s="6" t="s">
        <v>664</v>
      </c>
      <c r="E475" s="6" t="e"/>
    </row>
    <row r="476" ht="33" customHeight="true" s="1" customFormat="true" hidden="true" outlineLevel="4">
      <c r="A476" s="6" t="s">
        <v>665</v>
      </c>
      <c r="B476" s="6" t="s">
        <v>98</v>
      </c>
      <c r="C476" s="6" t="s">
        <v>155</v>
      </c>
      <c r="D476" s="6" t="s">
        <v>15</v>
      </c>
      <c r="E476" s="6" t="e"/>
    </row>
    <row r="477" ht="22" customHeight="true" s="1" customFormat="true" hidden="true" outlineLevel="4">
      <c r="A477" s="6" t="s">
        <v>666</v>
      </c>
      <c r="B477" s="6" t="s">
        <v>312</v>
      </c>
      <c r="C477" s="6" t="s">
        <v>155</v>
      </c>
      <c r="D477" s="6" t="s">
        <v>26</v>
      </c>
      <c r="E477" s="6" t="e"/>
    </row>
    <row r="478" ht="33" customHeight="true" s="1" customFormat="true" hidden="true" outlineLevel="4">
      <c r="A478" s="6" t="s">
        <v>667</v>
      </c>
      <c r="B478" s="6" t="s">
        <v>668</v>
      </c>
      <c r="C478" s="6" t="s">
        <v>364</v>
      </c>
      <c r="D478" s="6" t="s">
        <v>11</v>
      </c>
      <c r="E478" s="6" t="e"/>
    </row>
    <row r="479" ht="22" customHeight="true" s="1" customFormat="true" hidden="true" outlineLevel="4">
      <c r="A479" s="6" t="s">
        <v>669</v>
      </c>
      <c r="B479" s="6" t="s">
        <v>574</v>
      </c>
      <c r="C479" s="6" t="s">
        <v>188</v>
      </c>
      <c r="D479" s="6" t="s">
        <v>100</v>
      </c>
      <c r="E479" s="6" t="e"/>
    </row>
    <row r="480" ht="33" customHeight="true" s="1" customFormat="true" hidden="true" outlineLevel="4">
      <c r="A480" s="6" t="s">
        <v>670</v>
      </c>
      <c r="B480" s="6" t="s">
        <v>139</v>
      </c>
      <c r="C480" s="6" t="s">
        <v>219</v>
      </c>
      <c r="D480" s="6" t="s">
        <v>11</v>
      </c>
      <c r="E480" s="6" t="e"/>
    </row>
    <row r="481" ht="33" customHeight="true" s="1" customFormat="true" hidden="true" outlineLevel="4">
      <c r="A481" s="6" t="s">
        <v>671</v>
      </c>
      <c r="B481" s="6" t="s">
        <v>139</v>
      </c>
      <c r="C481" s="6" t="s">
        <v>219</v>
      </c>
      <c r="D481" s="6" t="s">
        <v>123</v>
      </c>
      <c r="E481" s="6" t="e"/>
    </row>
    <row r="482" ht="33" customHeight="true" s="1" customFormat="true" hidden="true" outlineLevel="4">
      <c r="A482" s="6" t="s">
        <v>672</v>
      </c>
      <c r="B482" s="6" t="s">
        <v>139</v>
      </c>
      <c r="C482" s="6" t="s">
        <v>219</v>
      </c>
      <c r="D482" s="6" t="s">
        <v>26</v>
      </c>
      <c r="E482" s="6" t="e"/>
    </row>
    <row r="483" ht="33" customHeight="true" s="1" customFormat="true" hidden="true" outlineLevel="4">
      <c r="A483" s="6" t="s">
        <v>673</v>
      </c>
      <c r="B483" s="6" t="s">
        <v>139</v>
      </c>
      <c r="C483" s="6" t="s">
        <v>219</v>
      </c>
      <c r="D483" s="6" t="s">
        <v>674</v>
      </c>
      <c r="E483" s="6" t="e"/>
    </row>
    <row r="484" ht="33" customHeight="true" s="1" customFormat="true" hidden="true" outlineLevel="4">
      <c r="A484" s="6" t="s">
        <v>675</v>
      </c>
      <c r="B484" s="6" t="s">
        <v>139</v>
      </c>
      <c r="C484" s="6" t="s">
        <v>219</v>
      </c>
      <c r="D484" s="6" t="s">
        <v>11</v>
      </c>
      <c r="E484" s="6" t="e"/>
    </row>
    <row r="485" ht="33" customHeight="true" s="1" customFormat="true" hidden="true" outlineLevel="4">
      <c r="A485" s="6" t="s">
        <v>676</v>
      </c>
      <c r="B485" s="6" t="s">
        <v>333</v>
      </c>
      <c r="C485" s="6" t="s">
        <v>127</v>
      </c>
      <c r="D485" s="6" t="s">
        <v>26</v>
      </c>
      <c r="E485" s="6" t="e"/>
    </row>
    <row r="486" ht="33" customHeight="true" s="1" customFormat="true" hidden="true" outlineLevel="4">
      <c r="A486" s="6" t="s">
        <v>677</v>
      </c>
      <c r="B486" s="6" t="s">
        <v>678</v>
      </c>
      <c r="C486" s="6" t="s">
        <v>188</v>
      </c>
      <c r="D486" s="6" t="s">
        <v>165</v>
      </c>
      <c r="E486" s="6" t="e"/>
    </row>
    <row r="487" ht="33" customHeight="true" s="1" customFormat="true" hidden="true" outlineLevel="4">
      <c r="A487" s="6" t="s">
        <v>679</v>
      </c>
      <c r="B487" s="6" t="s">
        <v>139</v>
      </c>
      <c r="C487" s="6" t="s">
        <v>219</v>
      </c>
      <c r="D487" s="6" t="s">
        <v>15</v>
      </c>
      <c r="E487" s="6" t="e"/>
    </row>
    <row r="488" ht="33" customHeight="true" s="1" customFormat="true" hidden="true" outlineLevel="4">
      <c r="A488" s="6" t="s">
        <v>680</v>
      </c>
      <c r="B488" s="6" t="s">
        <v>139</v>
      </c>
      <c r="C488" s="6" t="s">
        <v>219</v>
      </c>
      <c r="D488" s="6" t="s">
        <v>11</v>
      </c>
      <c r="E488" s="6" t="e"/>
    </row>
    <row r="489" ht="33" customHeight="true" s="1" customFormat="true" hidden="true" outlineLevel="4">
      <c r="A489" s="6" t="s">
        <v>681</v>
      </c>
      <c r="B489" s="6" t="s">
        <v>139</v>
      </c>
      <c r="C489" s="6" t="s">
        <v>219</v>
      </c>
      <c r="D489" s="6" t="s">
        <v>57</v>
      </c>
      <c r="E489" s="6" t="e"/>
    </row>
    <row r="490" ht="33" customHeight="true" s="1" customFormat="true" hidden="true" outlineLevel="4">
      <c r="A490" s="6" t="s">
        <v>682</v>
      </c>
      <c r="B490" s="6" t="s">
        <v>139</v>
      </c>
      <c r="C490" s="6" t="s">
        <v>219</v>
      </c>
      <c r="D490" s="6" t="s">
        <v>40</v>
      </c>
      <c r="E490" s="6" t="e"/>
    </row>
    <row r="491" ht="33" customHeight="true" s="1" customFormat="true" hidden="true" outlineLevel="4">
      <c r="A491" s="6" t="s">
        <v>683</v>
      </c>
      <c r="B491" s="6" t="s">
        <v>139</v>
      </c>
      <c r="C491" s="6" t="s">
        <v>219</v>
      </c>
      <c r="D491" s="6" t="s">
        <v>26</v>
      </c>
      <c r="E491" s="6" t="e"/>
    </row>
    <row r="492" ht="22" customHeight="true" s="1" customFormat="true" hidden="true" outlineLevel="4">
      <c r="A492" s="6" t="s">
        <v>684</v>
      </c>
      <c r="B492" s="6" t="s">
        <v>333</v>
      </c>
      <c r="C492" s="6" t="s">
        <v>127</v>
      </c>
      <c r="D492" s="6" t="s">
        <v>26</v>
      </c>
      <c r="E492" s="6" t="e"/>
    </row>
    <row r="493" ht="33" customHeight="true" s="1" customFormat="true" hidden="true" outlineLevel="4">
      <c r="A493" s="6" t="s">
        <v>685</v>
      </c>
      <c r="B493" s="6" t="s">
        <v>139</v>
      </c>
      <c r="C493" s="6" t="s">
        <v>219</v>
      </c>
      <c r="D493" s="6" t="s">
        <v>26</v>
      </c>
      <c r="E493" s="6" t="e"/>
    </row>
    <row r="494" ht="33" customHeight="true" s="1" customFormat="true" hidden="true" outlineLevel="4">
      <c r="A494" s="6" t="s">
        <v>686</v>
      </c>
      <c r="B494" s="6" t="s">
        <v>187</v>
      </c>
      <c r="C494" s="6" t="s">
        <v>219</v>
      </c>
      <c r="D494" s="6" t="s">
        <v>40</v>
      </c>
      <c r="E494" s="6" t="e"/>
    </row>
    <row r="495" ht="33" customHeight="true" s="1" customFormat="true" hidden="true" outlineLevel="4">
      <c r="A495" s="6" t="s">
        <v>687</v>
      </c>
      <c r="B495" s="6" t="s">
        <v>139</v>
      </c>
      <c r="C495" s="6" t="s">
        <v>219</v>
      </c>
      <c r="D495" s="6" t="s">
        <v>40</v>
      </c>
      <c r="E495" s="6" t="e"/>
    </row>
    <row r="496" ht="33" customHeight="true" s="1" customFormat="true" hidden="true" outlineLevel="4">
      <c r="A496" s="6" t="s">
        <v>688</v>
      </c>
      <c r="B496" s="6" t="s">
        <v>574</v>
      </c>
      <c r="C496" s="6" t="s">
        <v>103</v>
      </c>
      <c r="D496" s="6" t="s">
        <v>644</v>
      </c>
      <c r="E496" s="6" t="e"/>
    </row>
    <row r="497" ht="33" customHeight="true" s="1" customFormat="true" hidden="true" outlineLevel="4">
      <c r="A497" s="6" t="s">
        <v>689</v>
      </c>
      <c r="B497" s="6" t="s">
        <v>664</v>
      </c>
      <c r="C497" s="6" t="s">
        <v>188</v>
      </c>
      <c r="D497" s="6" t="s">
        <v>644</v>
      </c>
      <c r="E497" s="6" t="e"/>
    </row>
    <row r="498" ht="33" customHeight="true" s="1" customFormat="true" hidden="true" outlineLevel="4">
      <c r="A498" s="6" t="s">
        <v>690</v>
      </c>
      <c r="B498" s="6" t="s">
        <v>572</v>
      </c>
      <c r="C498" s="6" t="s">
        <v>188</v>
      </c>
      <c r="D498" s="6" t="s">
        <v>26</v>
      </c>
      <c r="E498" s="6" t="e"/>
    </row>
    <row r="499" ht="33" customHeight="true" s="1" customFormat="true" hidden="true" outlineLevel="4">
      <c r="A499" s="6" t="s">
        <v>691</v>
      </c>
      <c r="B499" s="6" t="s">
        <v>139</v>
      </c>
      <c r="C499" s="6" t="s">
        <v>219</v>
      </c>
      <c r="D499" s="6" t="s">
        <v>11</v>
      </c>
      <c r="E499" s="6" t="e"/>
    </row>
    <row r="500" ht="33" customHeight="true" s="1" customFormat="true" hidden="true" outlineLevel="4">
      <c r="A500" s="6" t="s">
        <v>692</v>
      </c>
      <c r="B500" s="6" t="s">
        <v>139</v>
      </c>
      <c r="C500" s="6" t="s">
        <v>219</v>
      </c>
      <c r="D500" s="6" t="s">
        <v>15</v>
      </c>
      <c r="E500" s="6" t="e"/>
    </row>
    <row r="501" ht="33" customHeight="true" s="1" customFormat="true" hidden="true" outlineLevel="4">
      <c r="A501" s="6" t="s">
        <v>693</v>
      </c>
      <c r="B501" s="6" t="s">
        <v>139</v>
      </c>
      <c r="C501" s="6" t="s">
        <v>219</v>
      </c>
      <c r="D501" s="6" t="s">
        <v>11</v>
      </c>
      <c r="E501" s="6" t="e"/>
    </row>
    <row r="502" ht="33" customHeight="true" s="1" customFormat="true" hidden="true" outlineLevel="4">
      <c r="A502" s="6" t="s">
        <v>694</v>
      </c>
      <c r="B502" s="6" t="s">
        <v>151</v>
      </c>
      <c r="C502" s="6" t="s">
        <v>219</v>
      </c>
      <c r="D502" s="6" t="s">
        <v>40</v>
      </c>
      <c r="E502" s="6" t="e"/>
    </row>
    <row r="503" ht="33" customHeight="true" s="1" customFormat="true" hidden="true" outlineLevel="4">
      <c r="A503" s="6" t="s">
        <v>695</v>
      </c>
      <c r="B503" s="6" t="s">
        <v>151</v>
      </c>
      <c r="C503" s="6" t="s">
        <v>219</v>
      </c>
      <c r="D503" s="6" t="s">
        <v>11</v>
      </c>
      <c r="E503" s="6" t="e"/>
    </row>
    <row r="504" ht="33" customHeight="true" s="1" customFormat="true" hidden="true" outlineLevel="4">
      <c r="A504" s="6" t="s">
        <v>696</v>
      </c>
      <c r="B504" s="6" t="s">
        <v>151</v>
      </c>
      <c r="C504" s="6" t="s">
        <v>219</v>
      </c>
      <c r="D504" s="6" t="s">
        <v>11</v>
      </c>
      <c r="E504" s="6" t="e"/>
    </row>
    <row r="505" ht="44" customHeight="true" s="1" customFormat="true" hidden="true" outlineLevel="4">
      <c r="A505" s="6" t="s">
        <v>697</v>
      </c>
      <c r="B505" s="6" t="s">
        <v>139</v>
      </c>
      <c r="C505" s="6" t="s">
        <v>219</v>
      </c>
      <c r="D505" s="6" t="s">
        <v>11</v>
      </c>
      <c r="E505" s="6" t="e"/>
    </row>
    <row r="506" ht="44" customHeight="true" s="1" customFormat="true" hidden="true" outlineLevel="4">
      <c r="A506" s="6" t="s">
        <v>698</v>
      </c>
      <c r="B506" s="6" t="s">
        <v>139</v>
      </c>
      <c r="C506" s="6" t="s">
        <v>219</v>
      </c>
      <c r="D506" s="6" t="s">
        <v>26</v>
      </c>
      <c r="E506" s="6" t="e"/>
    </row>
    <row r="507" ht="56" customHeight="true" s="1" customFormat="true" hidden="true" outlineLevel="4">
      <c r="A507" s="6" t="s">
        <v>699</v>
      </c>
      <c r="B507" s="6" t="s">
        <v>333</v>
      </c>
      <c r="C507" s="6" t="s">
        <v>66</v>
      </c>
      <c r="D507" s="6" t="s">
        <v>26</v>
      </c>
      <c r="E507" s="6" t="e"/>
    </row>
    <row r="508" ht="22" customHeight="true" s="1" customFormat="true" hidden="true" outlineLevel="4">
      <c r="A508" s="6" t="s">
        <v>700</v>
      </c>
      <c r="B508" s="6" t="s">
        <v>139</v>
      </c>
      <c r="C508" s="6" t="s">
        <v>219</v>
      </c>
      <c r="D508" s="6" t="s">
        <v>11</v>
      </c>
      <c r="E508" s="6" t="e"/>
    </row>
    <row r="509" ht="44" customHeight="true" s="1" customFormat="true" hidden="true" outlineLevel="4">
      <c r="A509" s="6" t="s">
        <v>701</v>
      </c>
      <c r="B509" s="6" t="s">
        <v>139</v>
      </c>
      <c r="C509" s="6" t="s">
        <v>219</v>
      </c>
      <c r="D509" s="6" t="s">
        <v>123</v>
      </c>
      <c r="E509" s="6" t="e"/>
    </row>
    <row r="510" ht="44" customHeight="true" s="1" customFormat="true" hidden="true" outlineLevel="4">
      <c r="A510" s="6" t="s">
        <v>702</v>
      </c>
      <c r="B510" s="6" t="s">
        <v>139</v>
      </c>
      <c r="C510" s="6" t="s">
        <v>219</v>
      </c>
      <c r="D510" s="6" t="s">
        <v>26</v>
      </c>
      <c r="E510" s="6" t="e"/>
    </row>
    <row r="511" ht="44" customHeight="true" s="1" customFormat="true" hidden="true" outlineLevel="4">
      <c r="A511" s="6" t="s">
        <v>703</v>
      </c>
      <c r="B511" s="6" t="s">
        <v>139</v>
      </c>
      <c r="C511" s="6" t="s">
        <v>219</v>
      </c>
      <c r="D511" s="6" t="s">
        <v>40</v>
      </c>
      <c r="E511" s="6" t="e"/>
    </row>
    <row r="512" ht="22" customHeight="true" s="1" customFormat="true" hidden="true" outlineLevel="4">
      <c r="A512" s="6" t="s">
        <v>704</v>
      </c>
      <c r="B512" s="6" t="s">
        <v>532</v>
      </c>
      <c r="C512" s="6" t="s">
        <v>219</v>
      </c>
      <c r="D512" s="6" t="s">
        <v>40</v>
      </c>
      <c r="E512" s="6" t="e"/>
    </row>
    <row r="513" ht="33" customHeight="true" s="1" customFormat="true" hidden="true" outlineLevel="4">
      <c r="A513" s="6" t="s">
        <v>705</v>
      </c>
      <c r="B513" s="6" t="s">
        <v>139</v>
      </c>
      <c r="C513" s="6" t="s">
        <v>219</v>
      </c>
      <c r="D513" s="6" t="s">
        <v>26</v>
      </c>
      <c r="E513" s="6" t="e"/>
    </row>
    <row r="514" ht="33" customHeight="true" s="1" customFormat="true" hidden="true" outlineLevel="4">
      <c r="A514" s="6" t="s">
        <v>706</v>
      </c>
      <c r="B514" s="6" t="s">
        <v>139</v>
      </c>
      <c r="C514" s="6" t="s">
        <v>219</v>
      </c>
      <c r="D514" s="6" t="s">
        <v>26</v>
      </c>
      <c r="E514" s="6" t="e"/>
    </row>
    <row r="515" ht="44" customHeight="true" s="1" customFormat="true" hidden="true" outlineLevel="4">
      <c r="A515" s="6" t="s">
        <v>707</v>
      </c>
      <c r="B515" s="6" t="s">
        <v>141</v>
      </c>
      <c r="C515" s="6" t="s">
        <v>127</v>
      </c>
      <c r="D515" s="6" t="s">
        <v>26</v>
      </c>
      <c r="E515" s="6" t="e"/>
    </row>
    <row r="516" ht="33" customHeight="true" s="1" customFormat="true" hidden="true" outlineLevel="4">
      <c r="A516" s="6" t="s">
        <v>708</v>
      </c>
      <c r="B516" s="6" t="s">
        <v>163</v>
      </c>
      <c r="C516" s="6" t="s">
        <v>219</v>
      </c>
      <c r="D516" s="6" t="s">
        <v>276</v>
      </c>
      <c r="E516" s="6" t="e"/>
    </row>
    <row r="517" ht="33" customHeight="true" s="1" customFormat="true" hidden="true" outlineLevel="4">
      <c r="A517" s="6" t="s">
        <v>709</v>
      </c>
      <c r="B517" s="6" t="s">
        <v>333</v>
      </c>
      <c r="C517" s="6" t="s">
        <v>66</v>
      </c>
      <c r="D517" s="6" t="s">
        <v>40</v>
      </c>
      <c r="E517" s="6" t="e"/>
    </row>
    <row r="518" ht="33" customHeight="true" s="1" customFormat="true" hidden="true" outlineLevel="4">
      <c r="A518" s="6" t="s">
        <v>710</v>
      </c>
      <c r="B518" s="6" t="s">
        <v>333</v>
      </c>
      <c r="C518" s="6" t="s">
        <v>66</v>
      </c>
      <c r="D518" s="6" t="s">
        <v>11</v>
      </c>
      <c r="E518" s="6" t="e"/>
    </row>
    <row r="519" ht="44" customHeight="true" s="1" customFormat="true" hidden="true" outlineLevel="4">
      <c r="A519" s="6" t="s">
        <v>711</v>
      </c>
      <c r="B519" s="6" t="s">
        <v>532</v>
      </c>
      <c r="C519" s="6" t="s">
        <v>219</v>
      </c>
      <c r="D519" s="6" t="s">
        <v>40</v>
      </c>
      <c r="E519" s="6" t="e"/>
    </row>
    <row r="520" ht="56" customHeight="true" s="1" customFormat="true" hidden="true" outlineLevel="4">
      <c r="A520" s="6" t="s">
        <v>712</v>
      </c>
      <c r="B520" s="6" t="s">
        <v>532</v>
      </c>
      <c r="C520" s="6" t="s">
        <v>219</v>
      </c>
      <c r="D520" s="6" t="s">
        <v>15</v>
      </c>
      <c r="E520" s="6" t="e"/>
    </row>
    <row r="521" ht="44" customHeight="true" s="1" customFormat="true" hidden="true" outlineLevel="4">
      <c r="A521" s="6" t="s">
        <v>713</v>
      </c>
      <c r="B521" s="6" t="s">
        <v>532</v>
      </c>
      <c r="C521" s="6" t="s">
        <v>219</v>
      </c>
      <c r="D521" s="6" t="s">
        <v>26</v>
      </c>
      <c r="E521" s="6" t="e"/>
    </row>
    <row r="522" ht="56" customHeight="true" s="1" customFormat="true" hidden="true" outlineLevel="4">
      <c r="A522" s="6" t="s">
        <v>714</v>
      </c>
      <c r="B522" s="6" t="s">
        <v>532</v>
      </c>
      <c r="C522" s="6" t="s">
        <v>219</v>
      </c>
      <c r="D522" s="6" t="s">
        <v>11</v>
      </c>
      <c r="E522" s="6" t="e"/>
    </row>
    <row r="523" ht="56" customHeight="true" s="1" customFormat="true" hidden="true" outlineLevel="4">
      <c r="A523" s="6" t="s">
        <v>715</v>
      </c>
      <c r="B523" s="6" t="s">
        <v>103</v>
      </c>
      <c r="C523" s="6" t="s">
        <v>72</v>
      </c>
      <c r="D523" s="6" t="s">
        <v>11</v>
      </c>
      <c r="E523" s="6" t="e"/>
    </row>
    <row r="524" ht="44" customHeight="true" s="1" customFormat="true" hidden="true" outlineLevel="4">
      <c r="A524" s="6" t="s">
        <v>716</v>
      </c>
      <c r="B524" s="6" t="s">
        <v>139</v>
      </c>
      <c r="C524" s="6" t="s">
        <v>219</v>
      </c>
      <c r="D524" s="6" t="s">
        <v>11</v>
      </c>
      <c r="E524" s="6" t="e"/>
    </row>
    <row r="525" ht="33" customHeight="true" s="1" customFormat="true" hidden="true" collapsed="true" outlineLevel="4">
      <c r="A525" s="6" t="s">
        <v>717</v>
      </c>
      <c r="B525" s="6" t="s">
        <v>103</v>
      </c>
      <c r="C525" s="6" t="s">
        <v>66</v>
      </c>
      <c r="D525" s="6" t="s">
        <v>40</v>
      </c>
      <c r="E525" s="6" t="e"/>
    </row>
    <row r="526" ht="11" customHeight="true" s="1" customFormat="true" hidden="true" collapsed="true" outlineLevel="3">
      <c r="A526" s="5" t="s">
        <v>718</v>
      </c>
      <c r="B526" s="5" t="e"/>
      <c r="C526" s="5" t="e"/>
      <c r="D526" s="5" t="e"/>
      <c r="E526" s="5" t="e"/>
    </row>
    <row r="527" ht="22" customHeight="true" s="1" customFormat="true" hidden="true" outlineLevel="4">
      <c r="A527" s="6" t="s">
        <v>719</v>
      </c>
      <c r="B527" s="6" t="s">
        <v>172</v>
      </c>
      <c r="C527" s="6" t="s">
        <v>219</v>
      </c>
      <c r="D527" s="6" t="s">
        <v>11</v>
      </c>
      <c r="E527" s="6" t="e"/>
    </row>
    <row r="528" ht="22" customHeight="true" s="1" customFormat="true" hidden="true" outlineLevel="4">
      <c r="A528" s="6" t="s">
        <v>720</v>
      </c>
      <c r="B528" s="6" t="s">
        <v>172</v>
      </c>
      <c r="C528" s="6" t="s">
        <v>219</v>
      </c>
      <c r="D528" s="6" t="s">
        <v>11</v>
      </c>
      <c r="E528" s="6" t="e"/>
    </row>
    <row r="529" ht="22" customHeight="true" s="1" customFormat="true" hidden="true" outlineLevel="4">
      <c r="A529" s="6" t="s">
        <v>721</v>
      </c>
      <c r="B529" s="6" t="s">
        <v>172</v>
      </c>
      <c r="C529" s="6" t="s">
        <v>219</v>
      </c>
      <c r="D529" s="6" t="s">
        <v>26</v>
      </c>
      <c r="E529" s="6" t="e"/>
    </row>
    <row r="530" ht="22" customHeight="true" s="1" customFormat="true" hidden="true" outlineLevel="4">
      <c r="A530" s="6" t="s">
        <v>722</v>
      </c>
      <c r="B530" s="6" t="s">
        <v>172</v>
      </c>
      <c r="C530" s="6" t="s">
        <v>219</v>
      </c>
      <c r="D530" s="6" t="s">
        <v>11</v>
      </c>
      <c r="E530" s="6" t="e"/>
    </row>
    <row r="531" ht="22" customHeight="true" s="1" customFormat="true" hidden="true" outlineLevel="4">
      <c r="A531" s="6" t="s">
        <v>723</v>
      </c>
      <c r="B531" s="6" t="s">
        <v>172</v>
      </c>
      <c r="C531" s="6" t="s">
        <v>219</v>
      </c>
      <c r="D531" s="6" t="s">
        <v>26</v>
      </c>
      <c r="E531" s="6" t="e"/>
    </row>
    <row r="532" ht="22" customHeight="true" s="1" customFormat="true" hidden="true" outlineLevel="4">
      <c r="A532" s="6" t="s">
        <v>724</v>
      </c>
      <c r="B532" s="6" t="s">
        <v>725</v>
      </c>
      <c r="C532" s="6" t="s">
        <v>219</v>
      </c>
      <c r="D532" s="6" t="s">
        <v>40</v>
      </c>
      <c r="E532" s="6" t="e"/>
    </row>
    <row r="533" ht="22" customHeight="true" s="1" customFormat="true" hidden="true" collapsed="true" outlineLevel="4">
      <c r="A533" s="6" t="s">
        <v>726</v>
      </c>
      <c r="B533" s="6" t="s">
        <v>725</v>
      </c>
      <c r="C533" s="6" t="s">
        <v>219</v>
      </c>
      <c r="D533" s="6" t="s">
        <v>57</v>
      </c>
      <c r="E533" s="6" t="e"/>
    </row>
    <row r="534" ht="11" customHeight="true" s="1" customFormat="true" hidden="true" collapsed="true" outlineLevel="3">
      <c r="A534" s="5" t="s">
        <v>727</v>
      </c>
      <c r="B534" s="5" t="e"/>
      <c r="C534" s="5" t="e"/>
      <c r="D534" s="5" t="e"/>
      <c r="E534" s="5" t="e"/>
    </row>
    <row r="535" ht="22" customHeight="true" s="1" customFormat="true" hidden="true" outlineLevel="4">
      <c r="A535" s="6" t="s">
        <v>728</v>
      </c>
      <c r="B535" s="6" t="e"/>
      <c r="C535" s="6" t="s">
        <v>219</v>
      </c>
      <c r="D535" s="6" t="s">
        <v>11</v>
      </c>
      <c r="E535" s="6" t="e"/>
    </row>
    <row r="536" ht="33" customHeight="true" s="1" customFormat="true" hidden="true" outlineLevel="4">
      <c r="A536" s="6" t="s">
        <v>729</v>
      </c>
      <c r="B536" s="6" t="s">
        <v>139</v>
      </c>
      <c r="C536" s="6" t="s">
        <v>219</v>
      </c>
      <c r="D536" s="6" t="s">
        <v>11</v>
      </c>
      <c r="E536" s="6" t="e"/>
    </row>
    <row r="537" ht="22" customHeight="true" s="1" customFormat="true" hidden="true" collapsed="true" outlineLevel="4">
      <c r="A537" s="6" t="s">
        <v>730</v>
      </c>
      <c r="B537" s="6" t="s">
        <v>312</v>
      </c>
      <c r="C537" s="6" t="s">
        <v>155</v>
      </c>
      <c r="D537" s="6" t="s">
        <v>11</v>
      </c>
      <c r="E537" s="6" t="e"/>
    </row>
    <row r="538" ht="11" customHeight="true" s="1" customFormat="true" hidden="true" collapsed="true" outlineLevel="3">
      <c r="A538" s="5" t="s">
        <v>731</v>
      </c>
      <c r="B538" s="5" t="e"/>
      <c r="C538" s="5" t="e"/>
      <c r="D538" s="5" t="e"/>
      <c r="E538" s="5" t="e"/>
    </row>
    <row r="539" ht="22" customHeight="true" s="1" customFormat="true" hidden="true" outlineLevel="4">
      <c r="A539" s="6" t="s">
        <v>732</v>
      </c>
      <c r="B539" s="6" t="s">
        <v>148</v>
      </c>
      <c r="C539" s="6" t="s">
        <v>155</v>
      </c>
      <c r="D539" s="6" t="s">
        <v>11</v>
      </c>
      <c r="E539" s="6" t="e"/>
    </row>
    <row r="540" ht="22" customHeight="true" s="1" customFormat="true" hidden="true" outlineLevel="4">
      <c r="A540" s="6" t="s">
        <v>733</v>
      </c>
      <c r="B540" s="6" t="s">
        <v>139</v>
      </c>
      <c r="C540" s="6" t="s">
        <v>127</v>
      </c>
      <c r="D540" s="6" t="s">
        <v>11</v>
      </c>
      <c r="E540" s="6" t="e"/>
    </row>
    <row r="541" ht="22" customHeight="true" s="1" customFormat="true" hidden="true" outlineLevel="4">
      <c r="A541" s="6" t="s">
        <v>734</v>
      </c>
      <c r="B541" s="6" t="s">
        <v>519</v>
      </c>
      <c r="C541" s="6" t="s">
        <v>127</v>
      </c>
      <c r="D541" s="6" t="s">
        <v>26</v>
      </c>
      <c r="E541" s="6" t="e"/>
    </row>
    <row r="542" ht="22" customHeight="true" s="1" customFormat="true" hidden="true" outlineLevel="4">
      <c r="A542" s="6" t="s">
        <v>735</v>
      </c>
      <c r="B542" s="6" t="s">
        <v>139</v>
      </c>
      <c r="C542" s="6" t="s">
        <v>219</v>
      </c>
      <c r="D542" s="6" t="s">
        <v>11</v>
      </c>
      <c r="E542" s="6" t="e"/>
    </row>
    <row r="543" ht="22" customHeight="true" s="1" customFormat="true" hidden="true" outlineLevel="4">
      <c r="A543" s="6" t="s">
        <v>736</v>
      </c>
      <c r="B543" s="6" t="s">
        <v>172</v>
      </c>
      <c r="C543" s="6" t="s">
        <v>155</v>
      </c>
      <c r="D543" s="6" t="s">
        <v>11</v>
      </c>
      <c r="E543" s="6" t="e"/>
    </row>
    <row r="544" ht="22" customHeight="true" s="1" customFormat="true" hidden="true" outlineLevel="4">
      <c r="A544" s="6" t="s">
        <v>737</v>
      </c>
      <c r="B544" s="6" t="s">
        <v>148</v>
      </c>
      <c r="C544" s="6" t="s">
        <v>155</v>
      </c>
      <c r="D544" s="6" t="s">
        <v>26</v>
      </c>
      <c r="E544" s="6" t="e"/>
    </row>
    <row r="545" ht="22" customHeight="true" s="1" customFormat="true" hidden="true" outlineLevel="4">
      <c r="A545" s="6" t="s">
        <v>738</v>
      </c>
      <c r="B545" s="6" t="s">
        <v>519</v>
      </c>
      <c r="C545" s="6" t="s">
        <v>127</v>
      </c>
      <c r="D545" s="6" t="s">
        <v>40</v>
      </c>
      <c r="E545" s="6" t="e"/>
    </row>
    <row r="546" ht="33" customHeight="true" s="1" customFormat="true" hidden="true" outlineLevel="4">
      <c r="A546" s="6" t="s">
        <v>739</v>
      </c>
      <c r="B546" s="6" t="s">
        <v>172</v>
      </c>
      <c r="C546" s="6" t="s">
        <v>219</v>
      </c>
      <c r="D546" s="6" t="s">
        <v>11</v>
      </c>
      <c r="E546" s="6" t="e"/>
    </row>
    <row r="547" ht="22" customHeight="true" s="1" customFormat="true" hidden="true" outlineLevel="4">
      <c r="A547" s="6" t="s">
        <v>740</v>
      </c>
      <c r="B547" s="6" t="s">
        <v>148</v>
      </c>
      <c r="C547" s="6" t="s">
        <v>155</v>
      </c>
      <c r="D547" s="6" t="s">
        <v>26</v>
      </c>
      <c r="E547" s="6" t="e"/>
    </row>
    <row r="548" ht="33" customHeight="true" s="1" customFormat="true" hidden="true" outlineLevel="4">
      <c r="A548" s="6" t="s">
        <v>741</v>
      </c>
      <c r="B548" s="6" t="s">
        <v>172</v>
      </c>
      <c r="C548" s="6" t="s">
        <v>219</v>
      </c>
      <c r="D548" s="6" t="s">
        <v>57</v>
      </c>
      <c r="E548" s="6" t="e"/>
    </row>
    <row r="549" ht="33" customHeight="true" s="1" customFormat="true" hidden="true" outlineLevel="4">
      <c r="A549" s="6" t="s">
        <v>742</v>
      </c>
      <c r="B549" s="6" t="s">
        <v>172</v>
      </c>
      <c r="C549" s="6" t="s">
        <v>219</v>
      </c>
      <c r="D549" s="6" t="s">
        <v>57</v>
      </c>
      <c r="E549" s="6" t="e"/>
    </row>
    <row r="550" ht="22" customHeight="true" s="1" customFormat="true" hidden="true" collapsed="true" outlineLevel="4">
      <c r="A550" s="6" t="s">
        <v>743</v>
      </c>
      <c r="B550" s="6" t="s">
        <v>308</v>
      </c>
      <c r="C550" s="6" t="s">
        <v>219</v>
      </c>
      <c r="D550" s="6" t="s">
        <v>15</v>
      </c>
      <c r="E550" s="6" t="e"/>
    </row>
    <row r="551" ht="11" customHeight="true" s="1" customFormat="true" hidden="true" collapsed="true" outlineLevel="3">
      <c r="A551" s="5" t="s">
        <v>744</v>
      </c>
      <c r="B551" s="5" t="e"/>
      <c r="C551" s="5" t="e"/>
      <c r="D551" s="5" t="e"/>
      <c r="E551" s="5" t="e"/>
    </row>
    <row r="552" ht="44" customHeight="true" s="1" customFormat="true" hidden="true" outlineLevel="4">
      <c r="A552" s="6" t="s">
        <v>745</v>
      </c>
      <c r="B552" s="6" t="s">
        <v>225</v>
      </c>
      <c r="C552" s="6" t="s">
        <v>127</v>
      </c>
      <c r="D552" s="6" t="s">
        <v>11</v>
      </c>
      <c r="E552" s="6" t="e"/>
    </row>
    <row r="553" ht="67" customHeight="true" s="1" customFormat="true" hidden="true" outlineLevel="4">
      <c r="A553" s="6" t="s">
        <v>746</v>
      </c>
      <c r="B553" s="6" t="s">
        <v>131</v>
      </c>
      <c r="C553" s="6" t="s">
        <v>127</v>
      </c>
      <c r="D553" s="6" t="s">
        <v>40</v>
      </c>
      <c r="E553" s="6" t="e"/>
    </row>
    <row r="554" ht="67" customHeight="true" s="1" customFormat="true" hidden="true" outlineLevel="4">
      <c r="A554" s="6" t="s">
        <v>747</v>
      </c>
      <c r="B554" s="6" t="s">
        <v>296</v>
      </c>
      <c r="C554" s="6" t="s">
        <v>103</v>
      </c>
      <c r="D554" s="6" t="s">
        <v>26</v>
      </c>
      <c r="E554" s="6" t="e"/>
    </row>
    <row r="555" ht="33" customHeight="true" s="1" customFormat="true" hidden="true" outlineLevel="4">
      <c r="A555" s="6" t="s">
        <v>748</v>
      </c>
      <c r="B555" s="6" t="e"/>
      <c r="C555" s="6" t="s">
        <v>188</v>
      </c>
      <c r="D555" s="6" t="s">
        <v>11</v>
      </c>
      <c r="E555" s="6" t="e"/>
    </row>
    <row r="556" ht="33" customHeight="true" s="1" customFormat="true" hidden="true" outlineLevel="4">
      <c r="A556" s="6" t="s">
        <v>749</v>
      </c>
      <c r="B556" s="6" t="s">
        <v>302</v>
      </c>
      <c r="C556" s="6" t="s">
        <v>103</v>
      </c>
      <c r="D556" s="6" t="s">
        <v>26</v>
      </c>
      <c r="E556" s="6" t="e"/>
    </row>
    <row r="557" ht="44" customHeight="true" s="1" customFormat="true" hidden="true" outlineLevel="4">
      <c r="A557" s="6" t="s">
        <v>750</v>
      </c>
      <c r="B557" s="6" t="s">
        <v>131</v>
      </c>
      <c r="C557" s="6" t="s">
        <v>127</v>
      </c>
      <c r="D557" s="6" t="s">
        <v>26</v>
      </c>
      <c r="E557" s="6" t="e"/>
    </row>
    <row r="558" ht="44" customHeight="true" s="1" customFormat="true" hidden="true" outlineLevel="4">
      <c r="A558" s="6" t="s">
        <v>751</v>
      </c>
      <c r="B558" s="6" t="s">
        <v>139</v>
      </c>
      <c r="C558" s="6" t="s">
        <v>219</v>
      </c>
      <c r="D558" s="6" t="s">
        <v>11</v>
      </c>
      <c r="E558" s="6" t="e"/>
    </row>
    <row r="559" ht="67" customHeight="true" s="1" customFormat="true" hidden="true" outlineLevel="4">
      <c r="A559" s="6" t="s">
        <v>752</v>
      </c>
      <c r="B559" s="6" t="e"/>
      <c r="C559" s="6" t="s">
        <v>103</v>
      </c>
      <c r="D559" s="6" t="s">
        <v>15</v>
      </c>
      <c r="E559" s="6" t="e"/>
    </row>
    <row r="560" ht="33" customHeight="true" s="1" customFormat="true" hidden="true" outlineLevel="4">
      <c r="A560" s="6" t="s">
        <v>753</v>
      </c>
      <c r="B560" s="6" t="s">
        <v>296</v>
      </c>
      <c r="C560" s="6" t="s">
        <v>219</v>
      </c>
      <c r="D560" s="6" t="s">
        <v>11</v>
      </c>
      <c r="E560" s="6" t="e"/>
    </row>
    <row r="561" ht="33" customHeight="true" s="1" customFormat="true" hidden="true" outlineLevel="4">
      <c r="A561" s="6" t="s">
        <v>754</v>
      </c>
      <c r="B561" s="6" t="s">
        <v>139</v>
      </c>
      <c r="C561" s="6" t="s">
        <v>219</v>
      </c>
      <c r="D561" s="6" t="s">
        <v>26</v>
      </c>
      <c r="E561" s="6" t="e"/>
    </row>
    <row r="562" ht="44" customHeight="true" s="1" customFormat="true" hidden="true" outlineLevel="4">
      <c r="A562" s="6" t="s">
        <v>755</v>
      </c>
      <c r="B562" s="6" t="s">
        <v>225</v>
      </c>
      <c r="C562" s="6" t="s">
        <v>127</v>
      </c>
      <c r="D562" s="6" t="s">
        <v>40</v>
      </c>
      <c r="E562" s="6" t="e"/>
    </row>
    <row r="563" ht="22" customHeight="true" s="1" customFormat="true" hidden="true" outlineLevel="4">
      <c r="A563" s="6" t="s">
        <v>756</v>
      </c>
      <c r="B563" s="6" t="s">
        <v>312</v>
      </c>
      <c r="C563" s="6" t="s">
        <v>155</v>
      </c>
      <c r="D563" s="6" t="s">
        <v>11</v>
      </c>
      <c r="E563" s="6" t="e"/>
    </row>
    <row r="564" ht="33" customHeight="true" s="1" customFormat="true" hidden="true" outlineLevel="4">
      <c r="A564" s="6" t="s">
        <v>757</v>
      </c>
      <c r="B564" s="6" t="s">
        <v>572</v>
      </c>
      <c r="C564" s="6" t="s">
        <v>188</v>
      </c>
      <c r="D564" s="6" t="s">
        <v>15</v>
      </c>
      <c r="E564" s="6" t="e"/>
    </row>
    <row r="565" ht="33" customHeight="true" s="1" customFormat="true" hidden="true" outlineLevel="4">
      <c r="A565" s="6" t="s">
        <v>758</v>
      </c>
      <c r="B565" s="6" t="s">
        <v>664</v>
      </c>
      <c r="C565" s="6" t="s">
        <v>155</v>
      </c>
      <c r="D565" s="6" t="s">
        <v>15</v>
      </c>
      <c r="E565" s="6" t="e"/>
    </row>
    <row r="566" ht="33" customHeight="true" s="1" customFormat="true" hidden="true" outlineLevel="4">
      <c r="A566" s="6" t="s">
        <v>759</v>
      </c>
      <c r="B566" s="6" t="s">
        <v>658</v>
      </c>
      <c r="C566" s="6" t="s">
        <v>188</v>
      </c>
      <c r="D566" s="6" t="s">
        <v>100</v>
      </c>
      <c r="E566" s="6" t="e"/>
    </row>
    <row r="567" ht="33" customHeight="true" s="1" customFormat="true" hidden="true" outlineLevel="4">
      <c r="A567" s="6" t="s">
        <v>760</v>
      </c>
      <c r="B567" s="6" t="s">
        <v>242</v>
      </c>
      <c r="C567" s="6" t="s">
        <v>219</v>
      </c>
      <c r="D567" s="6" t="s">
        <v>26</v>
      </c>
      <c r="E567" s="6" t="e"/>
    </row>
    <row r="568" ht="33" customHeight="true" s="1" customFormat="true" hidden="true" outlineLevel="4">
      <c r="A568" s="6" t="s">
        <v>761</v>
      </c>
      <c r="B568" s="6" t="s">
        <v>131</v>
      </c>
      <c r="C568" s="6" t="s">
        <v>127</v>
      </c>
      <c r="D568" s="6" t="s">
        <v>11</v>
      </c>
      <c r="E568" s="6" t="e"/>
    </row>
    <row r="569" ht="56" customHeight="true" s="1" customFormat="true" hidden="true" outlineLevel="4">
      <c r="A569" s="6" t="s">
        <v>762</v>
      </c>
      <c r="B569" s="6" t="s">
        <v>296</v>
      </c>
      <c r="C569" s="6" t="s">
        <v>103</v>
      </c>
      <c r="D569" s="6" t="s">
        <v>11</v>
      </c>
      <c r="E569" s="6" t="e"/>
    </row>
    <row r="570" ht="33" customHeight="true" s="1" customFormat="true" hidden="true" outlineLevel="4">
      <c r="A570" s="6" t="s">
        <v>763</v>
      </c>
      <c r="B570" s="6" t="s">
        <v>242</v>
      </c>
      <c r="C570" s="6" t="s">
        <v>219</v>
      </c>
      <c r="D570" s="6" t="s">
        <v>40</v>
      </c>
      <c r="E570" s="6" t="e"/>
    </row>
    <row r="571" ht="33" customHeight="true" s="1" customFormat="true" hidden="true" outlineLevel="4">
      <c r="A571" s="6" t="s">
        <v>764</v>
      </c>
      <c r="B571" s="6" t="s">
        <v>139</v>
      </c>
      <c r="C571" s="6" t="s">
        <v>219</v>
      </c>
      <c r="D571" s="6" t="s">
        <v>11</v>
      </c>
      <c r="E571" s="6" t="e"/>
    </row>
    <row r="572" ht="33" customHeight="true" s="1" customFormat="true" hidden="true" outlineLevel="4">
      <c r="A572" s="6" t="s">
        <v>765</v>
      </c>
      <c r="B572" s="6" t="s">
        <v>312</v>
      </c>
      <c r="C572" s="6" t="s">
        <v>188</v>
      </c>
      <c r="D572" s="6" t="s">
        <v>11</v>
      </c>
      <c r="E572" s="6" t="e"/>
    </row>
    <row r="573" ht="33" customHeight="true" s="1" customFormat="true" hidden="true" outlineLevel="4">
      <c r="A573" s="6" t="s">
        <v>766</v>
      </c>
      <c r="B573" s="6" t="s">
        <v>139</v>
      </c>
      <c r="C573" s="6" t="s">
        <v>66</v>
      </c>
      <c r="D573" s="6" t="s">
        <v>26</v>
      </c>
      <c r="E573" s="6" t="e"/>
    </row>
    <row r="574" ht="56" customHeight="true" s="1" customFormat="true" hidden="true" outlineLevel="4">
      <c r="A574" s="6" t="s">
        <v>767</v>
      </c>
      <c r="B574" s="6" t="s">
        <v>308</v>
      </c>
      <c r="C574" s="6" t="s">
        <v>127</v>
      </c>
      <c r="D574" s="6" t="s">
        <v>26</v>
      </c>
      <c r="E574" s="6" t="e"/>
    </row>
    <row r="575" ht="33" customHeight="true" s="1" customFormat="true" hidden="true" outlineLevel="4">
      <c r="A575" s="6" t="s">
        <v>768</v>
      </c>
      <c r="B575" s="6" t="s">
        <v>572</v>
      </c>
      <c r="C575" s="6" t="s">
        <v>155</v>
      </c>
      <c r="D575" s="6" t="s">
        <v>11</v>
      </c>
      <c r="E575" s="6" t="e"/>
    </row>
    <row r="576" ht="33" customHeight="true" s="1" customFormat="true" hidden="true" outlineLevel="4">
      <c r="A576" s="6" t="s">
        <v>769</v>
      </c>
      <c r="B576" s="6" t="s">
        <v>151</v>
      </c>
      <c r="C576" s="6" t="s">
        <v>66</v>
      </c>
      <c r="D576" s="6" t="s">
        <v>11</v>
      </c>
      <c r="E576" s="6" t="e"/>
    </row>
    <row r="577" ht="33" customHeight="true" s="1" customFormat="true" hidden="true" outlineLevel="4">
      <c r="A577" s="6" t="s">
        <v>770</v>
      </c>
      <c r="B577" s="6" t="s">
        <v>139</v>
      </c>
      <c r="C577" s="6" t="s">
        <v>219</v>
      </c>
      <c r="D577" s="6" t="s">
        <v>26</v>
      </c>
      <c r="E577" s="6" t="e"/>
    </row>
    <row r="578" ht="33" customHeight="true" s="1" customFormat="true" hidden="true" outlineLevel="4">
      <c r="A578" s="6" t="s">
        <v>771</v>
      </c>
      <c r="B578" s="6" t="s">
        <v>572</v>
      </c>
      <c r="C578" s="6" t="s">
        <v>155</v>
      </c>
      <c r="D578" s="6" t="s">
        <v>15</v>
      </c>
      <c r="E578" s="6" t="e"/>
    </row>
    <row r="579" ht="33" customHeight="true" s="1" customFormat="true" hidden="true" outlineLevel="4">
      <c r="A579" s="6" t="s">
        <v>772</v>
      </c>
      <c r="B579" s="6" t="s">
        <v>139</v>
      </c>
      <c r="C579" s="6" t="s">
        <v>219</v>
      </c>
      <c r="D579" s="6" t="s">
        <v>11</v>
      </c>
      <c r="E579" s="6" t="e"/>
    </row>
    <row r="580" ht="33" customHeight="true" s="1" customFormat="true" hidden="true" outlineLevel="4">
      <c r="A580" s="6" t="s">
        <v>773</v>
      </c>
      <c r="B580" s="6" t="s">
        <v>139</v>
      </c>
      <c r="C580" s="6" t="s">
        <v>219</v>
      </c>
      <c r="D580" s="6" t="s">
        <v>15</v>
      </c>
      <c r="E580" s="6" t="e"/>
    </row>
    <row r="581" ht="22" customHeight="true" s="1" customFormat="true" hidden="true" outlineLevel="4">
      <c r="A581" s="6" t="s">
        <v>774</v>
      </c>
      <c r="B581" s="6" t="s">
        <v>102</v>
      </c>
      <c r="C581" s="6" t="s">
        <v>219</v>
      </c>
      <c r="D581" s="6" t="s">
        <v>40</v>
      </c>
      <c r="E581" s="6" t="e"/>
    </row>
    <row r="582" ht="33" customHeight="true" s="1" customFormat="true" hidden="true" outlineLevel="4">
      <c r="A582" s="6" t="s">
        <v>775</v>
      </c>
      <c r="B582" s="6" t="s">
        <v>163</v>
      </c>
      <c r="C582" s="6" t="s">
        <v>219</v>
      </c>
      <c r="D582" s="6" t="s">
        <v>11</v>
      </c>
      <c r="E582" s="6" t="e"/>
    </row>
    <row r="583" ht="33" customHeight="true" s="1" customFormat="true" hidden="true" outlineLevel="4">
      <c r="A583" s="6" t="s">
        <v>776</v>
      </c>
      <c r="B583" s="6" t="s">
        <v>664</v>
      </c>
      <c r="C583" s="6" t="s">
        <v>155</v>
      </c>
      <c r="D583" s="6" t="s">
        <v>100</v>
      </c>
      <c r="E583" s="6" t="e"/>
    </row>
    <row r="584" ht="33" customHeight="true" s="1" customFormat="true" hidden="true" outlineLevel="4">
      <c r="A584" s="6" t="s">
        <v>777</v>
      </c>
      <c r="B584" s="6" t="s">
        <v>139</v>
      </c>
      <c r="C584" s="6" t="s">
        <v>219</v>
      </c>
      <c r="D584" s="6" t="s">
        <v>26</v>
      </c>
      <c r="E584" s="6" t="e"/>
    </row>
    <row r="585" ht="33" customHeight="true" s="1" customFormat="true" hidden="true" outlineLevel="4">
      <c r="A585" s="6" t="s">
        <v>778</v>
      </c>
      <c r="B585" s="6" t="s">
        <v>139</v>
      </c>
      <c r="C585" s="6" t="s">
        <v>219</v>
      </c>
      <c r="D585" s="6" t="s">
        <v>40</v>
      </c>
      <c r="E585" s="6" t="e"/>
    </row>
    <row r="586" ht="33" customHeight="true" s="1" customFormat="true" hidden="true" outlineLevel="4">
      <c r="A586" s="6" t="s">
        <v>779</v>
      </c>
      <c r="B586" s="6" t="s">
        <v>163</v>
      </c>
      <c r="C586" s="6" t="s">
        <v>292</v>
      </c>
      <c r="D586" s="6" t="s">
        <v>26</v>
      </c>
      <c r="E586" s="6" t="e"/>
    </row>
    <row r="587" ht="44" customHeight="true" s="1" customFormat="true" hidden="true" outlineLevel="4">
      <c r="A587" s="6" t="s">
        <v>780</v>
      </c>
      <c r="B587" s="6" t="s">
        <v>139</v>
      </c>
      <c r="C587" s="6" t="s">
        <v>127</v>
      </c>
      <c r="D587" s="6" t="s">
        <v>11</v>
      </c>
      <c r="E587" s="6" t="e"/>
    </row>
    <row r="588" ht="33" customHeight="true" s="1" customFormat="true" hidden="true" outlineLevel="4">
      <c r="A588" s="6" t="s">
        <v>781</v>
      </c>
      <c r="B588" s="6" t="s">
        <v>151</v>
      </c>
      <c r="C588" s="6" t="s">
        <v>155</v>
      </c>
      <c r="D588" s="6" t="s">
        <v>26</v>
      </c>
      <c r="E588" s="6" t="e"/>
    </row>
    <row r="589" ht="33" customHeight="true" s="1" customFormat="true" hidden="true" outlineLevel="4">
      <c r="A589" s="6" t="s">
        <v>782</v>
      </c>
      <c r="B589" s="6" t="s">
        <v>139</v>
      </c>
      <c r="C589" s="6" t="s">
        <v>219</v>
      </c>
      <c r="D589" s="6" t="s">
        <v>11</v>
      </c>
      <c r="E589" s="6" t="e"/>
    </row>
    <row r="590" ht="33" customHeight="true" s="1" customFormat="true" hidden="true" outlineLevel="4">
      <c r="A590" s="6" t="s">
        <v>783</v>
      </c>
      <c r="B590" s="6" t="s">
        <v>572</v>
      </c>
      <c r="C590" s="6" t="s">
        <v>155</v>
      </c>
      <c r="D590" s="6" t="s">
        <v>15</v>
      </c>
      <c r="E590" s="6" t="e"/>
    </row>
    <row r="591" ht="33" customHeight="true" s="1" customFormat="true" hidden="true" outlineLevel="4">
      <c r="A591" s="6" t="s">
        <v>784</v>
      </c>
      <c r="B591" s="6" t="s">
        <v>139</v>
      </c>
      <c r="C591" s="6" t="s">
        <v>219</v>
      </c>
      <c r="D591" s="6" t="s">
        <v>15</v>
      </c>
      <c r="E591" s="6" t="e"/>
    </row>
    <row r="592" ht="22" customHeight="true" s="1" customFormat="true" hidden="true" outlineLevel="4">
      <c r="A592" s="6" t="s">
        <v>785</v>
      </c>
      <c r="B592" s="6" t="s">
        <v>102</v>
      </c>
      <c r="C592" s="6" t="s">
        <v>219</v>
      </c>
      <c r="D592" s="6" t="s">
        <v>26</v>
      </c>
      <c r="E592" s="6" t="e"/>
    </row>
    <row r="593" ht="22" customHeight="true" s="1" customFormat="true" hidden="true" outlineLevel="4">
      <c r="A593" s="6" t="s">
        <v>786</v>
      </c>
      <c r="B593" s="6" t="s">
        <v>102</v>
      </c>
      <c r="C593" s="6" t="s">
        <v>219</v>
      </c>
      <c r="D593" s="6" t="s">
        <v>57</v>
      </c>
      <c r="E593" s="6" t="e"/>
    </row>
    <row r="594" ht="22" customHeight="true" s="1" customFormat="true" hidden="true" outlineLevel="4">
      <c r="A594" s="6" t="s">
        <v>787</v>
      </c>
      <c r="B594" s="6" t="s">
        <v>139</v>
      </c>
      <c r="C594" s="6" t="s">
        <v>219</v>
      </c>
      <c r="D594" s="6" t="s">
        <v>11</v>
      </c>
      <c r="E594" s="6" t="e"/>
    </row>
    <row r="595" ht="33" customHeight="true" s="1" customFormat="true" hidden="true" outlineLevel="4">
      <c r="A595" s="6" t="s">
        <v>788</v>
      </c>
      <c r="B595" s="6" t="s">
        <v>139</v>
      </c>
      <c r="C595" s="6" t="s">
        <v>219</v>
      </c>
      <c r="D595" s="6" t="s">
        <v>11</v>
      </c>
      <c r="E595" s="6" t="e"/>
    </row>
    <row r="596" ht="33" customHeight="true" s="1" customFormat="true" hidden="true" outlineLevel="4">
      <c r="A596" s="6" t="s">
        <v>789</v>
      </c>
      <c r="B596" s="6" t="s">
        <v>139</v>
      </c>
      <c r="C596" s="6" t="s">
        <v>219</v>
      </c>
      <c r="D596" s="6" t="s">
        <v>57</v>
      </c>
      <c r="E596" s="6" t="e"/>
    </row>
    <row r="597" ht="22" customHeight="true" s="1" customFormat="true" hidden="true" outlineLevel="4">
      <c r="A597" s="6" t="s">
        <v>790</v>
      </c>
      <c r="B597" s="6" t="s">
        <v>139</v>
      </c>
      <c r="C597" s="6" t="s">
        <v>219</v>
      </c>
      <c r="D597" s="6" t="s">
        <v>11</v>
      </c>
      <c r="E597" s="6" t="e"/>
    </row>
    <row r="598" ht="33" customHeight="true" s="1" customFormat="true" hidden="true" outlineLevel="4">
      <c r="A598" s="6" t="s">
        <v>791</v>
      </c>
      <c r="B598" s="6" t="s">
        <v>139</v>
      </c>
      <c r="C598" s="6" t="s">
        <v>219</v>
      </c>
      <c r="D598" s="6" t="s">
        <v>11</v>
      </c>
      <c r="E598" s="6" t="e"/>
    </row>
    <row r="599" ht="33" customHeight="true" s="1" customFormat="true" hidden="true" outlineLevel="4">
      <c r="A599" s="6" t="s">
        <v>792</v>
      </c>
      <c r="B599" s="6" t="s">
        <v>102</v>
      </c>
      <c r="C599" s="6" t="s">
        <v>219</v>
      </c>
      <c r="D599" s="6" t="s">
        <v>11</v>
      </c>
      <c r="E599" s="6" t="e"/>
    </row>
    <row r="600" ht="33" customHeight="true" s="1" customFormat="true" hidden="true" outlineLevel="4">
      <c r="A600" s="6" t="s">
        <v>793</v>
      </c>
      <c r="B600" s="6" t="s">
        <v>572</v>
      </c>
      <c r="C600" s="6" t="s">
        <v>188</v>
      </c>
      <c r="D600" s="6" t="s">
        <v>184</v>
      </c>
      <c r="E600" s="6" t="e"/>
    </row>
    <row r="601" ht="44" customHeight="true" s="1" customFormat="true" hidden="true" outlineLevel="4">
      <c r="A601" s="6" t="s">
        <v>794</v>
      </c>
      <c r="B601" s="6" t="s">
        <v>532</v>
      </c>
      <c r="C601" s="6" t="s">
        <v>188</v>
      </c>
      <c r="D601" s="6" t="s">
        <v>176</v>
      </c>
      <c r="E601" s="6" t="e"/>
    </row>
    <row r="602" ht="33" customHeight="true" s="1" customFormat="true" hidden="true" outlineLevel="4">
      <c r="A602" s="6" t="s">
        <v>795</v>
      </c>
      <c r="B602" s="6" t="s">
        <v>102</v>
      </c>
      <c r="C602" s="6" t="s">
        <v>219</v>
      </c>
      <c r="D602" s="6" t="s">
        <v>57</v>
      </c>
      <c r="E602" s="6" t="e"/>
    </row>
    <row r="603" ht="56" customHeight="true" s="1" customFormat="true" hidden="true" outlineLevel="4">
      <c r="A603" s="6" t="s">
        <v>796</v>
      </c>
      <c r="B603" s="6" t="s">
        <v>797</v>
      </c>
      <c r="C603" s="6" t="s">
        <v>66</v>
      </c>
      <c r="D603" s="6" t="s">
        <v>15</v>
      </c>
      <c r="E603" s="6" t="e"/>
    </row>
    <row r="604" ht="44" customHeight="true" s="1" customFormat="true" hidden="true" outlineLevel="4">
      <c r="A604" s="6" t="s">
        <v>798</v>
      </c>
      <c r="B604" s="6" t="s">
        <v>333</v>
      </c>
      <c r="C604" s="6" t="s">
        <v>66</v>
      </c>
      <c r="D604" s="6" t="s">
        <v>57</v>
      </c>
      <c r="E604" s="6" t="e"/>
    </row>
    <row r="605" ht="56" customHeight="true" s="1" customFormat="true" hidden="true" outlineLevel="4">
      <c r="A605" s="6" t="s">
        <v>799</v>
      </c>
      <c r="B605" s="6" t="s">
        <v>333</v>
      </c>
      <c r="C605" s="6" t="s">
        <v>292</v>
      </c>
      <c r="D605" s="6" t="s">
        <v>40</v>
      </c>
      <c r="E605" s="6" t="e"/>
    </row>
    <row r="606" ht="33" customHeight="true" s="1" customFormat="true" hidden="true" outlineLevel="4">
      <c r="A606" s="6" t="s">
        <v>800</v>
      </c>
      <c r="B606" s="6" t="s">
        <v>519</v>
      </c>
      <c r="C606" s="6" t="s">
        <v>66</v>
      </c>
      <c r="D606" s="6" t="s">
        <v>26</v>
      </c>
      <c r="E606" s="6" t="e"/>
    </row>
    <row r="607" ht="33" customHeight="true" s="1" customFormat="true" hidden="true" outlineLevel="4">
      <c r="A607" s="6" t="s">
        <v>801</v>
      </c>
      <c r="B607" s="6" t="s">
        <v>519</v>
      </c>
      <c r="C607" s="6" t="s">
        <v>66</v>
      </c>
      <c r="D607" s="6" t="s">
        <v>26</v>
      </c>
      <c r="E607" s="6" t="e"/>
    </row>
    <row r="608" ht="56" customHeight="true" s="1" customFormat="true" hidden="true" outlineLevel="4">
      <c r="A608" s="6" t="s">
        <v>802</v>
      </c>
      <c r="B608" s="6" t="s">
        <v>139</v>
      </c>
      <c r="C608" s="6" t="s">
        <v>66</v>
      </c>
      <c r="D608" s="6" t="s">
        <v>40</v>
      </c>
      <c r="E608" s="6" t="e"/>
    </row>
    <row r="609" ht="33" customHeight="true" s="1" customFormat="true" hidden="true" outlineLevel="4">
      <c r="A609" s="6" t="s">
        <v>803</v>
      </c>
      <c r="B609" s="6" t="s">
        <v>242</v>
      </c>
      <c r="C609" s="6" t="s">
        <v>219</v>
      </c>
      <c r="D609" s="6" t="s">
        <v>40</v>
      </c>
      <c r="E609" s="6" t="e"/>
    </row>
    <row r="610" ht="22" customHeight="true" s="1" customFormat="true" hidden="true" outlineLevel="4">
      <c r="A610" s="6" t="s">
        <v>804</v>
      </c>
      <c r="B610" s="6" t="s">
        <v>172</v>
      </c>
      <c r="C610" s="6" t="s">
        <v>219</v>
      </c>
      <c r="D610" s="6" t="s">
        <v>11</v>
      </c>
      <c r="E610" s="6" t="e"/>
    </row>
    <row r="611" ht="22" customHeight="true" s="1" customFormat="true" hidden="true" outlineLevel="4">
      <c r="A611" s="6" t="s">
        <v>805</v>
      </c>
      <c r="B611" s="6" t="s">
        <v>139</v>
      </c>
      <c r="C611" s="6" t="s">
        <v>219</v>
      </c>
      <c r="D611" s="6" t="s">
        <v>11</v>
      </c>
      <c r="E611" s="6" t="e"/>
    </row>
    <row r="612" ht="33" customHeight="true" s="1" customFormat="true" hidden="true" outlineLevel="4">
      <c r="A612" s="6" t="s">
        <v>806</v>
      </c>
      <c r="B612" s="6" t="s">
        <v>448</v>
      </c>
      <c r="C612" s="6" t="s">
        <v>188</v>
      </c>
      <c r="D612" s="6" t="s">
        <v>40</v>
      </c>
      <c r="E612" s="6" t="e"/>
    </row>
    <row r="613" ht="33" customHeight="true" s="1" customFormat="true" hidden="true" outlineLevel="4">
      <c r="A613" s="6" t="s">
        <v>807</v>
      </c>
      <c r="B613" s="6" t="s">
        <v>102</v>
      </c>
      <c r="C613" s="6" t="s">
        <v>219</v>
      </c>
      <c r="D613" s="6" t="s">
        <v>57</v>
      </c>
      <c r="E613" s="6" t="e"/>
    </row>
    <row r="614" ht="33" customHeight="true" s="1" customFormat="true" hidden="true" outlineLevel="4">
      <c r="A614" s="6" t="s">
        <v>808</v>
      </c>
      <c r="B614" s="6" t="s">
        <v>139</v>
      </c>
      <c r="C614" s="6" t="s">
        <v>219</v>
      </c>
      <c r="D614" s="6" t="s">
        <v>40</v>
      </c>
      <c r="E614" s="6" t="e"/>
    </row>
    <row r="615" ht="33" customHeight="true" s="1" customFormat="true" hidden="true" outlineLevel="4">
      <c r="A615" s="6" t="s">
        <v>809</v>
      </c>
      <c r="B615" s="6" t="s">
        <v>308</v>
      </c>
      <c r="C615" s="6" t="s">
        <v>188</v>
      </c>
      <c r="D615" s="6" t="s">
        <v>40</v>
      </c>
      <c r="E615" s="6" t="e"/>
    </row>
    <row r="616" ht="33" customHeight="true" s="1" customFormat="true" hidden="true" outlineLevel="4">
      <c r="A616" s="6" t="s">
        <v>810</v>
      </c>
      <c r="B616" s="6" t="s">
        <v>242</v>
      </c>
      <c r="C616" s="6" t="s">
        <v>219</v>
      </c>
      <c r="D616" s="6" t="s">
        <v>11</v>
      </c>
      <c r="E616" s="6" t="e"/>
    </row>
    <row r="617" ht="22" customHeight="true" s="1" customFormat="true" hidden="true" outlineLevel="4">
      <c r="A617" s="6" t="s">
        <v>811</v>
      </c>
      <c r="B617" s="6" t="s">
        <v>242</v>
      </c>
      <c r="C617" s="6" t="s">
        <v>219</v>
      </c>
      <c r="D617" s="6" t="s">
        <v>15</v>
      </c>
      <c r="E617" s="6" t="e"/>
    </row>
    <row r="618" ht="33" customHeight="true" s="1" customFormat="true" hidden="true" outlineLevel="4">
      <c r="A618" s="6" t="s">
        <v>812</v>
      </c>
      <c r="B618" s="6" t="s">
        <v>296</v>
      </c>
      <c r="C618" s="6" t="s">
        <v>103</v>
      </c>
      <c r="D618" s="6" t="s">
        <v>11</v>
      </c>
      <c r="E618" s="6" t="e"/>
    </row>
    <row r="619" ht="33" customHeight="true" s="1" customFormat="true" hidden="true" outlineLevel="4">
      <c r="A619" s="6" t="s">
        <v>813</v>
      </c>
      <c r="B619" s="6" t="s">
        <v>664</v>
      </c>
      <c r="C619" s="6" t="s">
        <v>155</v>
      </c>
      <c r="D619" s="6" t="s">
        <v>11</v>
      </c>
      <c r="E619" s="6" t="e"/>
    </row>
    <row r="620" ht="44" customHeight="true" s="1" customFormat="true" hidden="true" outlineLevel="4">
      <c r="A620" s="6" t="s">
        <v>814</v>
      </c>
      <c r="B620" s="6" t="s">
        <v>139</v>
      </c>
      <c r="C620" s="6" t="s">
        <v>219</v>
      </c>
      <c r="D620" s="6" t="s">
        <v>11</v>
      </c>
      <c r="E620" s="6" t="e"/>
    </row>
    <row r="621" ht="44" customHeight="true" s="1" customFormat="true" hidden="true" outlineLevel="4">
      <c r="A621" s="6" t="s">
        <v>815</v>
      </c>
      <c r="B621" s="6" t="s">
        <v>139</v>
      </c>
      <c r="C621" s="6" t="s">
        <v>219</v>
      </c>
      <c r="D621" s="6" t="s">
        <v>26</v>
      </c>
      <c r="E621" s="6" t="e"/>
    </row>
    <row r="622" ht="33" customHeight="true" s="1" customFormat="true" hidden="true" outlineLevel="4">
      <c r="A622" s="6" t="s">
        <v>816</v>
      </c>
      <c r="B622" s="6" t="s">
        <v>139</v>
      </c>
      <c r="C622" s="6" t="s">
        <v>219</v>
      </c>
      <c r="D622" s="6" t="s">
        <v>11</v>
      </c>
      <c r="E622" s="6" t="e"/>
    </row>
    <row r="623" ht="33" customHeight="true" s="1" customFormat="true" hidden="true" outlineLevel="4">
      <c r="A623" s="6" t="s">
        <v>817</v>
      </c>
      <c r="B623" s="6" t="s">
        <v>139</v>
      </c>
      <c r="C623" s="6" t="s">
        <v>219</v>
      </c>
      <c r="D623" s="6" t="s">
        <v>11</v>
      </c>
      <c r="E623" s="6" t="e"/>
    </row>
    <row r="624" ht="33" customHeight="true" s="1" customFormat="true" hidden="true" outlineLevel="4">
      <c r="A624" s="6" t="s">
        <v>818</v>
      </c>
      <c r="B624" s="6" t="s">
        <v>139</v>
      </c>
      <c r="C624" s="6" t="s">
        <v>219</v>
      </c>
      <c r="D624" s="6" t="s">
        <v>26</v>
      </c>
      <c r="E624" s="6" t="e"/>
    </row>
    <row r="625" ht="22" customHeight="true" s="1" customFormat="true" hidden="true" outlineLevel="4">
      <c r="A625" s="6" t="s">
        <v>819</v>
      </c>
      <c r="B625" s="6" t="s">
        <v>139</v>
      </c>
      <c r="C625" s="6" t="s">
        <v>219</v>
      </c>
      <c r="D625" s="6" t="s">
        <v>11</v>
      </c>
      <c r="E625" s="6" t="e"/>
    </row>
    <row r="626" ht="33" customHeight="true" s="1" customFormat="true" hidden="true" outlineLevel="4">
      <c r="A626" s="6" t="s">
        <v>820</v>
      </c>
      <c r="B626" s="6" t="s">
        <v>139</v>
      </c>
      <c r="C626" s="6" t="s">
        <v>219</v>
      </c>
      <c r="D626" s="6" t="s">
        <v>15</v>
      </c>
      <c r="E626" s="6" t="e"/>
    </row>
    <row r="627" ht="33" customHeight="true" s="1" customFormat="true" hidden="true" collapsed="true" outlineLevel="4">
      <c r="A627" s="6" t="s">
        <v>821</v>
      </c>
      <c r="B627" s="6" t="s">
        <v>139</v>
      </c>
      <c r="C627" s="6" t="s">
        <v>219</v>
      </c>
      <c r="D627" s="6" t="s">
        <v>15</v>
      </c>
      <c r="E627" s="6" t="e"/>
    </row>
    <row r="628" ht="11" customHeight="true" s="1" customFormat="true" hidden="true" collapsed="true" outlineLevel="3">
      <c r="A628" s="5" t="s">
        <v>822</v>
      </c>
      <c r="B628" s="5" t="e"/>
      <c r="C628" s="5" t="e"/>
      <c r="D628" s="5" t="e"/>
      <c r="E628" s="5" t="e"/>
    </row>
    <row r="629" ht="22" customHeight="true" s="1" customFormat="true" hidden="true" outlineLevel="4">
      <c r="A629" s="6" t="s">
        <v>823</v>
      </c>
      <c r="B629" s="6" t="s">
        <v>824</v>
      </c>
      <c r="C629" s="6" t="s">
        <v>219</v>
      </c>
      <c r="D629" s="6" t="s">
        <v>40</v>
      </c>
      <c r="E629" s="6" t="e"/>
    </row>
    <row r="630" ht="33" customHeight="true" s="1" customFormat="true" hidden="true" outlineLevel="4">
      <c r="A630" s="6" t="s">
        <v>825</v>
      </c>
      <c r="B630" s="6" t="s">
        <v>824</v>
      </c>
      <c r="C630" s="6" t="s">
        <v>219</v>
      </c>
      <c r="D630" s="6" t="s">
        <v>674</v>
      </c>
      <c r="E630" s="6" t="e"/>
    </row>
    <row r="631" ht="33" customHeight="true" s="1" customFormat="true" hidden="true" outlineLevel="4">
      <c r="A631" s="6" t="s">
        <v>826</v>
      </c>
      <c r="B631" s="6" t="s">
        <v>572</v>
      </c>
      <c r="C631" s="6" t="s">
        <v>219</v>
      </c>
      <c r="D631" s="6" t="s">
        <v>26</v>
      </c>
      <c r="E631" s="6" t="e"/>
    </row>
    <row r="632" ht="22" customHeight="true" s="1" customFormat="true" hidden="true" outlineLevel="4">
      <c r="A632" s="6" t="s">
        <v>827</v>
      </c>
      <c r="B632" s="6" t="s">
        <v>824</v>
      </c>
      <c r="C632" s="6" t="s">
        <v>219</v>
      </c>
      <c r="D632" s="6" t="s">
        <v>11</v>
      </c>
      <c r="E632" s="6" t="e"/>
    </row>
    <row r="633" ht="33" customHeight="true" s="1" customFormat="true" hidden="true" outlineLevel="4">
      <c r="A633" s="6" t="s">
        <v>828</v>
      </c>
      <c r="B633" s="6" t="s">
        <v>572</v>
      </c>
      <c r="C633" s="6" t="s">
        <v>219</v>
      </c>
      <c r="D633" s="6" t="s">
        <v>123</v>
      </c>
      <c r="E633" s="6" t="e"/>
    </row>
    <row r="634" ht="22" customHeight="true" s="1" customFormat="true" hidden="true" outlineLevel="4">
      <c r="A634" s="6" t="s">
        <v>829</v>
      </c>
      <c r="B634" s="6" t="s">
        <v>824</v>
      </c>
      <c r="C634" s="6" t="s">
        <v>219</v>
      </c>
      <c r="D634" s="6" t="s">
        <v>15</v>
      </c>
      <c r="E634" s="6" t="e"/>
    </row>
    <row r="635" ht="33" customHeight="true" s="1" customFormat="true" hidden="true" outlineLevel="4">
      <c r="A635" s="6" t="s">
        <v>830</v>
      </c>
      <c r="B635" s="6" t="s">
        <v>572</v>
      </c>
      <c r="C635" s="6" t="s">
        <v>219</v>
      </c>
      <c r="D635" s="6" t="s">
        <v>57</v>
      </c>
      <c r="E635" s="6" t="e"/>
    </row>
    <row r="636" ht="33" customHeight="true" s="1" customFormat="true" hidden="true" outlineLevel="4">
      <c r="A636" s="6" t="s">
        <v>831</v>
      </c>
      <c r="B636" s="6" t="s">
        <v>172</v>
      </c>
      <c r="C636" s="6" t="s">
        <v>219</v>
      </c>
      <c r="D636" s="6" t="s">
        <v>11</v>
      </c>
      <c r="E636" s="6" t="e"/>
    </row>
    <row r="637" ht="33" customHeight="true" s="1" customFormat="true" hidden="true" outlineLevel="4">
      <c r="A637" s="6" t="s">
        <v>832</v>
      </c>
      <c r="B637" s="6" t="s">
        <v>824</v>
      </c>
      <c r="C637" s="6" t="s">
        <v>219</v>
      </c>
      <c r="D637" s="6" t="s">
        <v>15</v>
      </c>
      <c r="E637" s="6" t="e"/>
    </row>
    <row r="638" ht="22" customHeight="true" s="1" customFormat="true" hidden="true" outlineLevel="4">
      <c r="A638" s="6" t="s">
        <v>833</v>
      </c>
      <c r="B638" s="6" t="s">
        <v>172</v>
      </c>
      <c r="C638" s="6" t="s">
        <v>219</v>
      </c>
      <c r="D638" s="6" t="s">
        <v>40</v>
      </c>
      <c r="E638" s="6" t="e"/>
    </row>
    <row r="639" ht="22" customHeight="true" s="1" customFormat="true" hidden="true" outlineLevel="4">
      <c r="A639" s="6" t="s">
        <v>834</v>
      </c>
      <c r="B639" s="6" t="s">
        <v>322</v>
      </c>
      <c r="C639" s="6" t="s">
        <v>219</v>
      </c>
      <c r="D639" s="6" t="s">
        <v>40</v>
      </c>
      <c r="E639" s="6" t="e"/>
    </row>
    <row r="640" ht="22" customHeight="true" s="1" customFormat="true" hidden="true" outlineLevel="4">
      <c r="A640" s="6" t="s">
        <v>835</v>
      </c>
      <c r="B640" s="6" t="s">
        <v>824</v>
      </c>
      <c r="C640" s="6" t="s">
        <v>219</v>
      </c>
      <c r="D640" s="6" t="s">
        <v>15</v>
      </c>
      <c r="E640" s="6" t="e"/>
    </row>
    <row r="641" ht="33" customHeight="true" s="1" customFormat="true" hidden="true" outlineLevel="4">
      <c r="A641" s="6" t="s">
        <v>836</v>
      </c>
      <c r="B641" s="6" t="s">
        <v>572</v>
      </c>
      <c r="C641" s="6" t="s">
        <v>188</v>
      </c>
      <c r="D641" s="6" t="s">
        <v>40</v>
      </c>
      <c r="E641" s="6" t="e"/>
    </row>
    <row r="642" ht="22" customHeight="true" s="1" customFormat="true" hidden="true" outlineLevel="4">
      <c r="A642" s="6" t="s">
        <v>837</v>
      </c>
      <c r="B642" s="6" t="s">
        <v>824</v>
      </c>
      <c r="C642" s="6" t="s">
        <v>219</v>
      </c>
      <c r="D642" s="6" t="s">
        <v>184</v>
      </c>
      <c r="E642" s="6" t="e"/>
    </row>
    <row r="643" ht="33" customHeight="true" s="1" customFormat="true" hidden="true" outlineLevel="4">
      <c r="A643" s="6" t="s">
        <v>838</v>
      </c>
      <c r="B643" s="6" t="s">
        <v>572</v>
      </c>
      <c r="C643" s="6" t="s">
        <v>219</v>
      </c>
      <c r="D643" s="6" t="s">
        <v>57</v>
      </c>
      <c r="E643" s="6" t="e"/>
    </row>
    <row r="644" ht="33" customHeight="true" s="1" customFormat="true" hidden="true" outlineLevel="4">
      <c r="A644" s="6" t="s">
        <v>839</v>
      </c>
      <c r="B644" s="6" t="s">
        <v>824</v>
      </c>
      <c r="C644" s="6" t="s">
        <v>219</v>
      </c>
      <c r="D644" s="6" t="s">
        <v>40</v>
      </c>
      <c r="E644" s="6" t="e"/>
    </row>
    <row r="645" ht="33" customHeight="true" s="1" customFormat="true" hidden="true" outlineLevel="4">
      <c r="A645" s="6" t="s">
        <v>840</v>
      </c>
      <c r="B645" s="6" t="s">
        <v>572</v>
      </c>
      <c r="C645" s="6" t="s">
        <v>219</v>
      </c>
      <c r="D645" s="6" t="s">
        <v>40</v>
      </c>
      <c r="E645" s="6" t="e"/>
    </row>
    <row r="646" ht="44" customHeight="true" s="1" customFormat="true" hidden="true" outlineLevel="4">
      <c r="A646" s="6" t="s">
        <v>841</v>
      </c>
      <c r="B646" s="6" t="s">
        <v>572</v>
      </c>
      <c r="C646" s="6" t="s">
        <v>219</v>
      </c>
      <c r="D646" s="6" t="s">
        <v>57</v>
      </c>
      <c r="E646" s="6" t="e"/>
    </row>
    <row r="647" ht="33" customHeight="true" s="1" customFormat="true" hidden="true" outlineLevel="4">
      <c r="A647" s="6" t="s">
        <v>842</v>
      </c>
      <c r="B647" s="6" t="s">
        <v>322</v>
      </c>
      <c r="C647" s="6" t="s">
        <v>219</v>
      </c>
      <c r="D647" s="6" t="s">
        <v>100</v>
      </c>
      <c r="E647" s="6" t="e"/>
    </row>
    <row r="648" ht="22" customHeight="true" s="1" customFormat="true" hidden="true" outlineLevel="4">
      <c r="A648" s="6" t="s">
        <v>843</v>
      </c>
      <c r="B648" s="6" t="s">
        <v>172</v>
      </c>
      <c r="C648" s="6" t="s">
        <v>219</v>
      </c>
      <c r="D648" s="6" t="s">
        <v>26</v>
      </c>
      <c r="E648" s="6" t="e"/>
    </row>
    <row r="649" ht="22" customHeight="true" s="1" customFormat="true" hidden="true" outlineLevel="4">
      <c r="A649" s="6" t="s">
        <v>844</v>
      </c>
      <c r="B649" s="6" t="s">
        <v>172</v>
      </c>
      <c r="C649" s="6" t="s">
        <v>219</v>
      </c>
      <c r="D649" s="6" t="s">
        <v>11</v>
      </c>
      <c r="E649" s="6" t="e"/>
    </row>
    <row r="650" ht="22" customHeight="true" s="1" customFormat="true" hidden="true" outlineLevel="4">
      <c r="A650" s="6" t="s">
        <v>845</v>
      </c>
      <c r="B650" s="6" t="s">
        <v>172</v>
      </c>
      <c r="C650" s="6" t="s">
        <v>219</v>
      </c>
      <c r="D650" s="6" t="s">
        <v>11</v>
      </c>
      <c r="E650" s="6" t="e"/>
    </row>
    <row r="651" ht="22" customHeight="true" s="1" customFormat="true" hidden="true" outlineLevel="4">
      <c r="A651" s="6" t="s">
        <v>846</v>
      </c>
      <c r="B651" s="6" t="s">
        <v>172</v>
      </c>
      <c r="C651" s="6" t="s">
        <v>219</v>
      </c>
      <c r="D651" s="6" t="s">
        <v>26</v>
      </c>
      <c r="E651" s="6" t="e"/>
    </row>
    <row r="652" ht="33" customHeight="true" s="1" customFormat="true" hidden="true" outlineLevel="4">
      <c r="A652" s="6" t="s">
        <v>847</v>
      </c>
      <c r="B652" s="6" t="s">
        <v>824</v>
      </c>
      <c r="C652" s="6" t="s">
        <v>219</v>
      </c>
      <c r="D652" s="6" t="s">
        <v>40</v>
      </c>
      <c r="E652" s="6" t="e"/>
    </row>
    <row r="653" ht="33" customHeight="true" s="1" customFormat="true" hidden="true" outlineLevel="4">
      <c r="A653" s="6" t="s">
        <v>848</v>
      </c>
      <c r="B653" s="6" t="s">
        <v>658</v>
      </c>
      <c r="C653" s="6" t="s">
        <v>219</v>
      </c>
      <c r="D653" s="6" t="s">
        <v>57</v>
      </c>
      <c r="E653" s="6" t="e"/>
    </row>
    <row r="654" ht="22" customHeight="true" s="1" customFormat="true" hidden="true" outlineLevel="4">
      <c r="A654" s="6" t="s">
        <v>849</v>
      </c>
      <c r="B654" s="6" t="s">
        <v>172</v>
      </c>
      <c r="C654" s="6" t="s">
        <v>219</v>
      </c>
      <c r="D654" s="6" t="s">
        <v>40</v>
      </c>
      <c r="E654" s="6" t="e"/>
    </row>
    <row r="655" ht="33" customHeight="true" s="1" customFormat="true" hidden="true" outlineLevel="4">
      <c r="A655" s="6" t="s">
        <v>850</v>
      </c>
      <c r="B655" s="6" t="s">
        <v>658</v>
      </c>
      <c r="C655" s="6" t="s">
        <v>219</v>
      </c>
      <c r="D655" s="6" t="s">
        <v>40</v>
      </c>
      <c r="E655" s="6" t="e"/>
    </row>
    <row r="656" ht="22" customHeight="true" s="1" customFormat="true" hidden="true" outlineLevel="4">
      <c r="A656" s="6" t="s">
        <v>851</v>
      </c>
      <c r="B656" s="6" t="s">
        <v>172</v>
      </c>
      <c r="C656" s="6" t="s">
        <v>219</v>
      </c>
      <c r="D656" s="6" t="s">
        <v>26</v>
      </c>
      <c r="E656" s="6" t="e"/>
    </row>
    <row r="657" ht="33" customHeight="true" s="1" customFormat="true" hidden="true" outlineLevel="4">
      <c r="A657" s="6" t="s">
        <v>852</v>
      </c>
      <c r="B657" s="6" t="s">
        <v>658</v>
      </c>
      <c r="C657" s="6" t="s">
        <v>219</v>
      </c>
      <c r="D657" s="6" t="s">
        <v>15</v>
      </c>
      <c r="E657" s="6" t="e"/>
    </row>
    <row r="658" ht="33" customHeight="true" s="1" customFormat="true" hidden="true" outlineLevel="4">
      <c r="A658" s="6" t="s">
        <v>853</v>
      </c>
      <c r="B658" s="6" t="s">
        <v>102</v>
      </c>
      <c r="C658" s="6" t="s">
        <v>219</v>
      </c>
      <c r="D658" s="6" t="s">
        <v>40</v>
      </c>
      <c r="E658" s="6" t="e"/>
    </row>
    <row r="659" ht="33" customHeight="true" s="1" customFormat="true" hidden="true" outlineLevel="4">
      <c r="A659" s="6" t="s">
        <v>854</v>
      </c>
      <c r="B659" s="6" t="s">
        <v>322</v>
      </c>
      <c r="C659" s="6" t="s">
        <v>219</v>
      </c>
      <c r="D659" s="6" t="s">
        <v>276</v>
      </c>
      <c r="E659" s="6" t="e"/>
    </row>
    <row r="660" ht="22" customHeight="true" s="1" customFormat="true" hidden="true" outlineLevel="4">
      <c r="A660" s="6" t="s">
        <v>855</v>
      </c>
      <c r="B660" s="6" t="s">
        <v>172</v>
      </c>
      <c r="C660" s="6" t="s">
        <v>219</v>
      </c>
      <c r="D660" s="6" t="s">
        <v>26</v>
      </c>
      <c r="E660" s="6" t="e"/>
    </row>
    <row r="661" ht="33" customHeight="true" s="1" customFormat="true" hidden="true" outlineLevel="4">
      <c r="A661" s="6" t="s">
        <v>856</v>
      </c>
      <c r="B661" s="6" t="s">
        <v>824</v>
      </c>
      <c r="C661" s="6" t="s">
        <v>219</v>
      </c>
      <c r="D661" s="6" t="s">
        <v>68</v>
      </c>
      <c r="E661" s="6" t="e"/>
    </row>
    <row r="662" ht="22" customHeight="true" s="1" customFormat="true" hidden="true" outlineLevel="4">
      <c r="A662" s="6" t="s">
        <v>857</v>
      </c>
      <c r="B662" s="6" t="s">
        <v>172</v>
      </c>
      <c r="C662" s="6" t="s">
        <v>219</v>
      </c>
      <c r="D662" s="6" t="s">
        <v>40</v>
      </c>
      <c r="E662" s="6" t="e"/>
    </row>
    <row r="663" ht="33" customHeight="true" s="1" customFormat="true" hidden="true" outlineLevel="4">
      <c r="A663" s="6" t="s">
        <v>858</v>
      </c>
      <c r="B663" s="6" t="s">
        <v>824</v>
      </c>
      <c r="C663" s="6" t="s">
        <v>219</v>
      </c>
      <c r="D663" s="6" t="s">
        <v>15</v>
      </c>
      <c r="E663" s="6" t="e"/>
    </row>
    <row r="664" ht="33" customHeight="true" s="1" customFormat="true" hidden="true" outlineLevel="4">
      <c r="A664" s="6" t="s">
        <v>859</v>
      </c>
      <c r="B664" s="6" t="s">
        <v>658</v>
      </c>
      <c r="C664" s="6" t="s">
        <v>219</v>
      </c>
      <c r="D664" s="6" t="s">
        <v>26</v>
      </c>
      <c r="E664" s="6" t="e"/>
    </row>
    <row r="665" ht="22" customHeight="true" s="1" customFormat="true" hidden="true" outlineLevel="4">
      <c r="A665" s="6" t="s">
        <v>860</v>
      </c>
      <c r="B665" s="6" t="s">
        <v>824</v>
      </c>
      <c r="C665" s="6" t="s">
        <v>219</v>
      </c>
      <c r="D665" s="6" t="s">
        <v>11</v>
      </c>
      <c r="E665" s="6" t="e"/>
    </row>
    <row r="666" ht="33" customHeight="true" s="1" customFormat="true" hidden="true" collapsed="true" outlineLevel="4">
      <c r="A666" s="6" t="s">
        <v>861</v>
      </c>
      <c r="B666" s="6" t="s">
        <v>658</v>
      </c>
      <c r="C666" s="6" t="s">
        <v>219</v>
      </c>
      <c r="D666" s="6" t="s">
        <v>26</v>
      </c>
      <c r="E666" s="6" t="e"/>
    </row>
    <row r="667" ht="11" customHeight="true" s="1" customFormat="true" hidden="true" collapsed="true" outlineLevel="3">
      <c r="A667" s="5" t="s">
        <v>862</v>
      </c>
      <c r="B667" s="5" t="e"/>
      <c r="C667" s="5" t="e"/>
      <c r="D667" s="5" t="e"/>
      <c r="E667" s="5" t="e"/>
    </row>
    <row r="668" ht="33" customHeight="true" s="1" customFormat="true" hidden="true" outlineLevel="4">
      <c r="A668" s="6" t="s">
        <v>863</v>
      </c>
      <c r="B668" s="6" t="s">
        <v>139</v>
      </c>
      <c r="C668" s="6" t="s">
        <v>219</v>
      </c>
      <c r="D668" s="6" t="s">
        <v>26</v>
      </c>
      <c r="E668" s="6" t="e"/>
    </row>
    <row r="669" ht="33" customHeight="true" s="1" customFormat="true" hidden="true" outlineLevel="4">
      <c r="A669" s="6" t="s">
        <v>864</v>
      </c>
      <c r="B669" s="6" t="s">
        <v>139</v>
      </c>
      <c r="C669" s="6" t="s">
        <v>219</v>
      </c>
      <c r="D669" s="6" t="s">
        <v>26</v>
      </c>
      <c r="E669" s="6" t="e"/>
    </row>
    <row r="670" ht="33" customHeight="true" s="1" customFormat="true" hidden="true" outlineLevel="4">
      <c r="A670" s="6" t="s">
        <v>865</v>
      </c>
      <c r="B670" s="6" t="s">
        <v>139</v>
      </c>
      <c r="C670" s="6" t="s">
        <v>219</v>
      </c>
      <c r="D670" s="6" t="s">
        <v>11</v>
      </c>
      <c r="E670" s="6" t="e"/>
    </row>
    <row r="671" ht="44" customHeight="true" s="1" customFormat="true" hidden="true" outlineLevel="4">
      <c r="A671" s="6" t="s">
        <v>866</v>
      </c>
      <c r="B671" s="6" t="s">
        <v>139</v>
      </c>
      <c r="C671" s="6" t="s">
        <v>219</v>
      </c>
      <c r="D671" s="6" t="s">
        <v>11</v>
      </c>
      <c r="E671" s="6" t="e"/>
    </row>
    <row r="672" ht="33" customHeight="true" s="1" customFormat="true" hidden="true" outlineLevel="4">
      <c r="A672" s="6" t="s">
        <v>867</v>
      </c>
      <c r="B672" s="6" t="s">
        <v>139</v>
      </c>
      <c r="C672" s="6" t="s">
        <v>219</v>
      </c>
      <c r="D672" s="6" t="s">
        <v>11</v>
      </c>
      <c r="E672" s="6" t="e"/>
    </row>
    <row r="673" ht="33" customHeight="true" s="1" customFormat="true" hidden="true" outlineLevel="4">
      <c r="A673" s="6" t="s">
        <v>868</v>
      </c>
      <c r="B673" s="6" t="s">
        <v>312</v>
      </c>
      <c r="C673" s="6" t="s">
        <v>155</v>
      </c>
      <c r="D673" s="6" t="s">
        <v>11</v>
      </c>
      <c r="E673" s="6" t="e"/>
    </row>
    <row r="674" ht="22" customHeight="true" s="1" customFormat="true" hidden="true" outlineLevel="4">
      <c r="A674" s="6" t="s">
        <v>869</v>
      </c>
      <c r="B674" s="6" t="s">
        <v>312</v>
      </c>
      <c r="C674" s="6" t="s">
        <v>155</v>
      </c>
      <c r="D674" s="6" t="s">
        <v>40</v>
      </c>
      <c r="E674" s="6" t="e"/>
    </row>
    <row r="675" ht="22" customHeight="true" s="1" customFormat="true" hidden="true" outlineLevel="4">
      <c r="A675" s="6" t="s">
        <v>870</v>
      </c>
      <c r="B675" s="6" t="s">
        <v>139</v>
      </c>
      <c r="C675" s="6" t="s">
        <v>219</v>
      </c>
      <c r="D675" s="6" t="s">
        <v>11</v>
      </c>
      <c r="E675" s="6" t="e"/>
    </row>
    <row r="676" ht="33" customHeight="true" s="1" customFormat="true" hidden="true" outlineLevel="4">
      <c r="A676" s="6" t="s">
        <v>871</v>
      </c>
      <c r="B676" s="6" t="s">
        <v>312</v>
      </c>
      <c r="C676" s="6" t="s">
        <v>219</v>
      </c>
      <c r="D676" s="6" t="s">
        <v>11</v>
      </c>
      <c r="E676" s="6" t="e"/>
    </row>
    <row r="677" ht="33" customHeight="true" s="1" customFormat="true" hidden="true" outlineLevel="4">
      <c r="A677" s="6" t="s">
        <v>872</v>
      </c>
      <c r="B677" s="6" t="s">
        <v>139</v>
      </c>
      <c r="C677" s="6" t="s">
        <v>219</v>
      </c>
      <c r="D677" s="6" t="s">
        <v>11</v>
      </c>
      <c r="E677" s="6" t="e"/>
    </row>
    <row r="678" ht="33" customHeight="true" s="1" customFormat="true" hidden="true" outlineLevel="4">
      <c r="A678" s="6" t="s">
        <v>873</v>
      </c>
      <c r="B678" s="6" t="s">
        <v>139</v>
      </c>
      <c r="C678" s="6" t="s">
        <v>219</v>
      </c>
      <c r="D678" s="6" t="s">
        <v>11</v>
      </c>
      <c r="E678" s="6" t="e"/>
    </row>
    <row r="679" ht="22" customHeight="true" s="1" customFormat="true" hidden="true" outlineLevel="4">
      <c r="A679" s="6" t="s">
        <v>874</v>
      </c>
      <c r="B679" s="6" t="s">
        <v>296</v>
      </c>
      <c r="C679" s="6" t="s">
        <v>103</v>
      </c>
      <c r="D679" s="6" t="s">
        <v>11</v>
      </c>
      <c r="E679" s="6" t="e"/>
    </row>
    <row r="680" ht="33" customHeight="true" s="1" customFormat="true" hidden="true" outlineLevel="4">
      <c r="A680" s="6" t="s">
        <v>875</v>
      </c>
      <c r="B680" s="6" t="s">
        <v>139</v>
      </c>
      <c r="C680" s="6" t="s">
        <v>219</v>
      </c>
      <c r="D680" s="6" t="s">
        <v>11</v>
      </c>
      <c r="E680" s="6" t="e"/>
    </row>
    <row r="681" ht="56" customHeight="true" s="1" customFormat="true" hidden="true" outlineLevel="4">
      <c r="A681" s="6" t="s">
        <v>876</v>
      </c>
      <c r="B681" s="6" t="s">
        <v>136</v>
      </c>
      <c r="C681" s="6" t="s">
        <v>127</v>
      </c>
      <c r="D681" s="6" t="s">
        <v>26</v>
      </c>
      <c r="E681" s="6" t="e"/>
    </row>
    <row r="682" ht="33" customHeight="true" s="1" customFormat="true" hidden="true" outlineLevel="4">
      <c r="A682" s="6" t="s">
        <v>877</v>
      </c>
      <c r="B682" s="6" t="s">
        <v>139</v>
      </c>
      <c r="C682" s="6" t="s">
        <v>219</v>
      </c>
      <c r="D682" s="6" t="s">
        <v>40</v>
      </c>
      <c r="E682" s="6" t="e"/>
    </row>
    <row r="683" ht="44" customHeight="true" s="1" customFormat="true" hidden="true" outlineLevel="4">
      <c r="A683" s="6" t="s">
        <v>878</v>
      </c>
      <c r="B683" s="6" t="s">
        <v>139</v>
      </c>
      <c r="C683" s="6" t="s">
        <v>219</v>
      </c>
      <c r="D683" s="6" t="s">
        <v>11</v>
      </c>
      <c r="E683" s="6" t="e"/>
    </row>
    <row r="684" ht="33" customHeight="true" s="1" customFormat="true" hidden="true" outlineLevel="4">
      <c r="A684" s="6" t="s">
        <v>879</v>
      </c>
      <c r="B684" s="6" t="s">
        <v>139</v>
      </c>
      <c r="C684" s="6" t="s">
        <v>219</v>
      </c>
      <c r="D684" s="6" t="s">
        <v>11</v>
      </c>
      <c r="E684" s="6" t="e"/>
    </row>
    <row r="685" ht="33" customHeight="true" s="1" customFormat="true" hidden="true" outlineLevel="4">
      <c r="A685" s="6" t="s">
        <v>880</v>
      </c>
      <c r="B685" s="6" t="s">
        <v>139</v>
      </c>
      <c r="C685" s="6" t="s">
        <v>219</v>
      </c>
      <c r="D685" s="6" t="s">
        <v>11</v>
      </c>
      <c r="E685" s="6" t="e"/>
    </row>
    <row r="686" ht="33" customHeight="true" s="1" customFormat="true" hidden="true" outlineLevel="4">
      <c r="A686" s="6" t="s">
        <v>881</v>
      </c>
      <c r="B686" s="6" t="s">
        <v>551</v>
      </c>
      <c r="C686" s="6" t="s">
        <v>188</v>
      </c>
      <c r="D686" s="6" t="s">
        <v>26</v>
      </c>
      <c r="E686" s="6" t="e"/>
    </row>
    <row r="687" ht="33" customHeight="true" s="1" customFormat="true" hidden="true" outlineLevel="4">
      <c r="A687" s="6" t="s">
        <v>882</v>
      </c>
      <c r="B687" s="6" t="e"/>
      <c r="C687" s="6" t="s">
        <v>99</v>
      </c>
      <c r="D687" s="6" t="s">
        <v>11</v>
      </c>
      <c r="E687" s="6" t="e"/>
    </row>
    <row r="688" ht="33" customHeight="true" s="1" customFormat="true" hidden="true" outlineLevel="4">
      <c r="A688" s="6" t="s">
        <v>883</v>
      </c>
      <c r="B688" s="6" t="e"/>
      <c r="C688" s="6" t="s">
        <v>219</v>
      </c>
      <c r="D688" s="6" t="s">
        <v>11</v>
      </c>
      <c r="E688" s="6" t="e"/>
    </row>
    <row r="689" ht="33" customHeight="true" s="1" customFormat="true" hidden="true" outlineLevel="4">
      <c r="A689" s="6" t="s">
        <v>884</v>
      </c>
      <c r="B689" s="6" t="s">
        <v>296</v>
      </c>
      <c r="C689" s="6" t="s">
        <v>103</v>
      </c>
      <c r="D689" s="6" t="s">
        <v>26</v>
      </c>
      <c r="E689" s="6" t="e"/>
    </row>
    <row r="690" ht="33" customHeight="true" s="1" customFormat="true" hidden="true" collapsed="true" outlineLevel="4">
      <c r="A690" s="6" t="s">
        <v>885</v>
      </c>
      <c r="B690" s="6" t="s">
        <v>551</v>
      </c>
      <c r="C690" s="6" t="s">
        <v>155</v>
      </c>
      <c r="D690" s="6" t="s">
        <v>11</v>
      </c>
      <c r="E690" s="6" t="e"/>
    </row>
    <row r="691" ht="11" customHeight="true" s="1" customFormat="true" hidden="true" collapsed="true" outlineLevel="3">
      <c r="A691" s="5" t="s">
        <v>886</v>
      </c>
      <c r="B691" s="5" t="e"/>
      <c r="C691" s="5" t="e"/>
      <c r="D691" s="5" t="e"/>
      <c r="E691" s="5" t="e"/>
    </row>
    <row r="692" ht="44" customHeight="true" s="1" customFormat="true" hidden="true" outlineLevel="4">
      <c r="A692" s="6" t="s">
        <v>887</v>
      </c>
      <c r="B692" s="6" t="s">
        <v>296</v>
      </c>
      <c r="C692" s="6" t="s">
        <v>103</v>
      </c>
      <c r="D692" s="6" t="s">
        <v>11</v>
      </c>
      <c r="E692" s="6" t="e"/>
    </row>
    <row r="693" ht="33" customHeight="true" s="1" customFormat="true" hidden="true" outlineLevel="4">
      <c r="A693" s="6" t="s">
        <v>888</v>
      </c>
      <c r="B693" s="6" t="s">
        <v>296</v>
      </c>
      <c r="C693" s="6" t="s">
        <v>103</v>
      </c>
      <c r="D693" s="6" t="s">
        <v>11</v>
      </c>
      <c r="E693" s="6" t="e"/>
    </row>
    <row r="694" ht="33" customHeight="true" s="1" customFormat="true" hidden="true" outlineLevel="4">
      <c r="A694" s="6" t="s">
        <v>889</v>
      </c>
      <c r="B694" s="6" t="s">
        <v>572</v>
      </c>
      <c r="C694" s="6" t="s">
        <v>188</v>
      </c>
      <c r="D694" s="6" t="s">
        <v>176</v>
      </c>
      <c r="E694" s="6" t="e"/>
    </row>
    <row r="695" ht="33" customHeight="true" s="1" customFormat="true" hidden="true" outlineLevel="4">
      <c r="A695" s="6" t="s">
        <v>890</v>
      </c>
      <c r="B695" s="6" t="s">
        <v>891</v>
      </c>
      <c r="C695" s="6" t="s">
        <v>188</v>
      </c>
      <c r="D695" s="6" t="s">
        <v>15</v>
      </c>
      <c r="E695" s="6" t="e"/>
    </row>
    <row r="696" ht="33" customHeight="true" s="1" customFormat="true" hidden="true" outlineLevel="4">
      <c r="A696" s="6" t="s">
        <v>892</v>
      </c>
      <c r="B696" s="6" t="s">
        <v>448</v>
      </c>
      <c r="C696" s="6" t="s">
        <v>188</v>
      </c>
      <c r="D696" s="6" t="s">
        <v>448</v>
      </c>
      <c r="E696" s="6" t="e"/>
    </row>
    <row r="697" ht="33" customHeight="true" s="1" customFormat="true" hidden="true" outlineLevel="4">
      <c r="A697" s="6" t="s">
        <v>893</v>
      </c>
      <c r="B697" s="6" t="s">
        <v>664</v>
      </c>
      <c r="C697" s="6" t="s">
        <v>188</v>
      </c>
      <c r="D697" s="6" t="s">
        <v>167</v>
      </c>
      <c r="E697" s="6" t="e"/>
    </row>
    <row r="698" ht="33" customHeight="true" s="1" customFormat="true" hidden="true" outlineLevel="4">
      <c r="A698" s="6" t="s">
        <v>894</v>
      </c>
      <c r="B698" s="6" t="s">
        <v>551</v>
      </c>
      <c r="C698" s="6" t="s">
        <v>188</v>
      </c>
      <c r="D698" s="6" t="s">
        <v>540</v>
      </c>
      <c r="E698" s="6" t="e"/>
    </row>
    <row r="699" ht="22" customHeight="true" s="1" customFormat="true" hidden="true" outlineLevel="4">
      <c r="A699" s="6" t="s">
        <v>895</v>
      </c>
      <c r="B699" s="6" t="s">
        <v>551</v>
      </c>
      <c r="C699" s="6" t="s">
        <v>188</v>
      </c>
      <c r="D699" s="6" t="s">
        <v>165</v>
      </c>
      <c r="E699" s="6" t="e"/>
    </row>
    <row r="700" ht="33" customHeight="true" s="1" customFormat="true" hidden="true" outlineLevel="4">
      <c r="A700" s="6" t="s">
        <v>896</v>
      </c>
      <c r="B700" s="6" t="s">
        <v>551</v>
      </c>
      <c r="C700" s="6" t="s">
        <v>188</v>
      </c>
      <c r="D700" s="6" t="s">
        <v>40</v>
      </c>
      <c r="E700" s="6" t="e"/>
    </row>
    <row r="701" ht="33" customHeight="true" s="1" customFormat="true" hidden="true" outlineLevel="4">
      <c r="A701" s="6" t="s">
        <v>897</v>
      </c>
      <c r="B701" s="6" t="s">
        <v>898</v>
      </c>
      <c r="C701" s="6" t="s">
        <v>188</v>
      </c>
      <c r="D701" s="6" t="s">
        <v>57</v>
      </c>
      <c r="E701" s="6" t="e"/>
    </row>
    <row r="702" ht="33" customHeight="true" s="1" customFormat="true" hidden="true" outlineLevel="4">
      <c r="A702" s="6" t="s">
        <v>899</v>
      </c>
      <c r="B702" s="6" t="s">
        <v>658</v>
      </c>
      <c r="C702" s="6" t="s">
        <v>155</v>
      </c>
      <c r="D702" s="6" t="s">
        <v>26</v>
      </c>
      <c r="E702" s="6" t="e"/>
    </row>
    <row r="703" ht="33" customHeight="true" s="1" customFormat="true" hidden="true" outlineLevel="4">
      <c r="A703" s="6" t="s">
        <v>900</v>
      </c>
      <c r="B703" s="6" t="s">
        <v>551</v>
      </c>
      <c r="C703" s="6" t="s">
        <v>155</v>
      </c>
      <c r="D703" s="6" t="s">
        <v>100</v>
      </c>
      <c r="E703" s="6" t="e"/>
    </row>
    <row r="704" ht="33" customHeight="true" s="1" customFormat="true" hidden="true" outlineLevel="4">
      <c r="A704" s="6" t="s">
        <v>901</v>
      </c>
      <c r="B704" s="6" t="s">
        <v>448</v>
      </c>
      <c r="C704" s="6" t="s">
        <v>188</v>
      </c>
      <c r="D704" s="6" t="s">
        <v>100</v>
      </c>
      <c r="E704" s="6" t="e"/>
    </row>
    <row r="705" ht="33" customHeight="true" s="1" customFormat="true" hidden="true" outlineLevel="4">
      <c r="A705" s="6" t="s">
        <v>902</v>
      </c>
      <c r="B705" s="6" t="s">
        <v>639</v>
      </c>
      <c r="C705" s="6" t="s">
        <v>188</v>
      </c>
      <c r="D705" s="6" t="s">
        <v>195</v>
      </c>
      <c r="E705" s="6" t="e"/>
    </row>
    <row r="706" ht="33" customHeight="true" s="1" customFormat="true" hidden="true" outlineLevel="4">
      <c r="A706" s="6" t="s">
        <v>903</v>
      </c>
      <c r="B706" s="6" t="s">
        <v>187</v>
      </c>
      <c r="C706" s="6" t="s">
        <v>219</v>
      </c>
      <c r="D706" s="6" t="s">
        <v>15</v>
      </c>
      <c r="E706" s="6" t="e"/>
    </row>
    <row r="707" ht="33" customHeight="true" s="1" customFormat="true" hidden="true" outlineLevel="4">
      <c r="A707" s="6" t="s">
        <v>904</v>
      </c>
      <c r="B707" s="6" t="s">
        <v>905</v>
      </c>
      <c r="C707" s="6" t="s">
        <v>292</v>
      </c>
      <c r="D707" s="6" t="s">
        <v>11</v>
      </c>
      <c r="E707" s="6" t="e"/>
    </row>
    <row r="708" ht="33" customHeight="true" s="1" customFormat="true" hidden="true" collapsed="true" outlineLevel="4">
      <c r="A708" s="6" t="s">
        <v>906</v>
      </c>
      <c r="B708" s="6" t="s">
        <v>907</v>
      </c>
      <c r="C708" s="6" t="s">
        <v>62</v>
      </c>
      <c r="D708" s="6" t="s">
        <v>11</v>
      </c>
      <c r="E708" s="6" t="e"/>
    </row>
    <row r="709" ht="11" customHeight="true" s="1" customFormat="true" hidden="true" collapsed="true" outlineLevel="2">
      <c r="A709" s="5" t="s">
        <v>908</v>
      </c>
      <c r="B709" s="5" t="e"/>
      <c r="C709" s="5" t="e"/>
      <c r="D709" s="5" t="e"/>
      <c r="E709" s="5" t="e"/>
    </row>
    <row r="710" ht="33" customHeight="true" s="1" customFormat="true" hidden="true" outlineLevel="3">
      <c r="A710" s="6" t="s">
        <v>909</v>
      </c>
      <c r="B710" s="6" t="e"/>
      <c r="C710" s="6" t="s">
        <v>127</v>
      </c>
      <c r="D710" s="6" t="s">
        <v>11</v>
      </c>
      <c r="E710" s="6" t="e"/>
    </row>
    <row r="711" ht="33" customHeight="true" s="1" customFormat="true" hidden="true" collapsed="true" outlineLevel="3">
      <c r="A711" s="6" t="s">
        <v>910</v>
      </c>
      <c r="B711" s="6" t="s">
        <v>103</v>
      </c>
      <c r="C711" s="6" t="s">
        <v>127</v>
      </c>
      <c r="D711" s="6" t="s">
        <v>40</v>
      </c>
      <c r="E711" s="6" t="e"/>
    </row>
    <row r="712" ht="11" customHeight="true" s="1" customFormat="true" hidden="true" collapsed="true" outlineLevel="2">
      <c r="A712" s="5" t="s">
        <v>911</v>
      </c>
      <c r="B712" s="5" t="e"/>
      <c r="C712" s="5" t="e"/>
      <c r="D712" s="5" t="e"/>
      <c r="E712" s="5" t="e"/>
    </row>
    <row r="713" ht="33" customHeight="true" s="1" customFormat="true" hidden="true" outlineLevel="3">
      <c r="A713" s="6" t="s">
        <v>912</v>
      </c>
      <c r="B713" s="6" t="s">
        <v>824</v>
      </c>
      <c r="C713" s="6" t="s">
        <v>225</v>
      </c>
      <c r="D713" s="6" t="s">
        <v>11</v>
      </c>
      <c r="E713" s="6" t="e"/>
    </row>
    <row r="714" ht="44" customHeight="true" s="1" customFormat="true" hidden="true" outlineLevel="3">
      <c r="A714" s="6" t="s">
        <v>913</v>
      </c>
      <c r="B714" s="6" t="s">
        <v>914</v>
      </c>
      <c r="C714" s="6" t="s">
        <v>72</v>
      </c>
      <c r="D714" s="6" t="s">
        <v>40</v>
      </c>
      <c r="E714" s="6" t="e"/>
    </row>
    <row r="715" ht="22" customHeight="true" s="1" customFormat="true" hidden="true" outlineLevel="3">
      <c r="A715" s="6" t="s">
        <v>915</v>
      </c>
      <c r="B715" s="6" t="s">
        <v>384</v>
      </c>
      <c r="C715" s="6" t="s">
        <v>219</v>
      </c>
      <c r="D715" s="6" t="s">
        <v>26</v>
      </c>
      <c r="E715" s="6" t="e"/>
    </row>
    <row r="716" ht="11" customHeight="true" s="1" customFormat="true" hidden="true" outlineLevel="3">
      <c r="A716" s="6" t="s">
        <v>916</v>
      </c>
      <c r="B716" s="6" t="s">
        <v>131</v>
      </c>
      <c r="C716" s="6" t="s">
        <v>127</v>
      </c>
      <c r="D716" s="6" t="s">
        <v>26</v>
      </c>
      <c r="E716" s="6" t="e"/>
    </row>
    <row r="717" ht="22" customHeight="true" s="1" customFormat="true" hidden="true" outlineLevel="3">
      <c r="A717" s="6" t="s">
        <v>917</v>
      </c>
      <c r="B717" s="6" t="s">
        <v>278</v>
      </c>
      <c r="C717" s="6" t="s">
        <v>918</v>
      </c>
      <c r="D717" s="6" t="s">
        <v>40</v>
      </c>
      <c r="E717" s="6" t="e"/>
    </row>
    <row r="718" ht="22" customHeight="true" s="1" customFormat="true" hidden="true" outlineLevel="3">
      <c r="A718" s="6" t="s">
        <v>919</v>
      </c>
      <c r="B718" s="6" t="s">
        <v>920</v>
      </c>
      <c r="C718" s="6" t="s">
        <v>921</v>
      </c>
      <c r="D718" s="6" t="s">
        <v>11</v>
      </c>
      <c r="E718" s="6" t="e"/>
    </row>
    <row r="719" ht="22" customHeight="true" s="1" customFormat="true" hidden="true" outlineLevel="3">
      <c r="A719" s="6" t="s">
        <v>922</v>
      </c>
      <c r="B719" s="6" t="s">
        <v>923</v>
      </c>
      <c r="C719" s="6" t="s">
        <v>316</v>
      </c>
      <c r="D719" s="6" t="s">
        <v>11</v>
      </c>
      <c r="E719" s="6" t="e"/>
    </row>
    <row r="720" ht="33" customHeight="true" s="1" customFormat="true" hidden="true" outlineLevel="3">
      <c r="A720" s="6" t="s">
        <v>924</v>
      </c>
      <c r="B720" s="6" t="s">
        <v>925</v>
      </c>
      <c r="C720" s="6" t="s">
        <v>926</v>
      </c>
      <c r="D720" s="6" t="s">
        <v>11</v>
      </c>
      <c r="E720" s="6" t="e"/>
    </row>
    <row r="721" ht="22" customHeight="true" s="1" customFormat="true" hidden="true" outlineLevel="3">
      <c r="A721" s="6" t="s">
        <v>927</v>
      </c>
      <c r="B721" s="6" t="s">
        <v>343</v>
      </c>
      <c r="C721" s="6" t="s">
        <v>21</v>
      </c>
      <c r="D721" s="6" t="s">
        <v>11</v>
      </c>
      <c r="E721" s="6" t="e"/>
    </row>
    <row r="722" ht="11" customHeight="true" s="1" customFormat="true" hidden="true" collapsed="true" outlineLevel="3">
      <c r="A722" s="5" t="s">
        <v>928</v>
      </c>
      <c r="B722" s="5" t="e"/>
      <c r="C722" s="5" t="e"/>
      <c r="D722" s="5" t="e"/>
      <c r="E722" s="5" t="e"/>
    </row>
    <row r="723" ht="33" customHeight="true" s="1" customFormat="true" hidden="true" collapsed="true" outlineLevel="4">
      <c r="A723" s="6" t="s">
        <v>929</v>
      </c>
      <c r="B723" s="6" t="s">
        <v>930</v>
      </c>
      <c r="C723" s="6" t="s">
        <v>931</v>
      </c>
      <c r="D723" s="6" t="s">
        <v>11</v>
      </c>
      <c r="E723" s="6" t="e"/>
    </row>
    <row r="724" ht="11" customHeight="true" s="1" customFormat="true" hidden="true" outlineLevel="3">
      <c r="A724" s="6" t="s">
        <v>932</v>
      </c>
      <c r="B724" s="6" t="s">
        <v>149</v>
      </c>
      <c r="C724" s="6" t="s">
        <v>50</v>
      </c>
      <c r="D724" s="6" t="s">
        <v>40</v>
      </c>
      <c r="E724" s="6" t="e"/>
    </row>
    <row r="725" ht="11" customHeight="true" s="1" customFormat="true" hidden="true" outlineLevel="3">
      <c r="A725" s="6" t="s">
        <v>933</v>
      </c>
      <c r="B725" s="6" t="s">
        <v>302</v>
      </c>
      <c r="C725" s="6" t="s">
        <v>103</v>
      </c>
      <c r="D725" s="6" t="s">
        <v>40</v>
      </c>
      <c r="E725" s="6" t="e"/>
    </row>
    <row r="726" ht="22" customHeight="true" s="1" customFormat="true" hidden="true" collapsed="true" outlineLevel="3">
      <c r="A726" s="6" t="s">
        <v>934</v>
      </c>
      <c r="B726" s="6" t="s">
        <v>935</v>
      </c>
      <c r="C726" s="6" t="s">
        <v>279</v>
      </c>
      <c r="D726" s="6" t="s">
        <v>26</v>
      </c>
      <c r="E726" s="6" t="e"/>
    </row>
    <row r="727" ht="11" customHeight="true" s="1" customFormat="true" hidden="true" collapsed="true" outlineLevel="2">
      <c r="A727" s="5" t="s">
        <v>936</v>
      </c>
      <c r="B727" s="5" t="e"/>
      <c r="C727" s="5" t="e"/>
      <c r="D727" s="5" t="e"/>
      <c r="E727" s="5" t="e"/>
    </row>
    <row r="728" ht="22" customHeight="true" s="1" customFormat="true" hidden="true" outlineLevel="3">
      <c r="A728" s="6" t="s">
        <v>937</v>
      </c>
      <c r="B728" s="6" t="s">
        <v>938</v>
      </c>
      <c r="C728" s="6" t="s">
        <v>939</v>
      </c>
      <c r="D728" s="6" t="s">
        <v>11</v>
      </c>
      <c r="E728" s="6" t="e"/>
    </row>
    <row r="729" ht="22" customHeight="true" s="1" customFormat="true" hidden="true" collapsed="true" outlineLevel="3">
      <c r="A729" s="6" t="s">
        <v>940</v>
      </c>
      <c r="B729" s="6" t="s">
        <v>941</v>
      </c>
      <c r="C729" s="6" t="s">
        <v>21</v>
      </c>
      <c r="D729" s="6" t="s">
        <v>11</v>
      </c>
      <c r="E729" s="6" t="e"/>
    </row>
    <row r="730" ht="11" customHeight="true" s="1" customFormat="true" hidden="true" collapsed="true" outlineLevel="2">
      <c r="A730" s="5" t="s">
        <v>942</v>
      </c>
      <c r="B730" s="5" t="e"/>
      <c r="C730" s="5" t="e"/>
      <c r="D730" s="5" t="e"/>
      <c r="E730" s="5" t="e"/>
    </row>
    <row r="731" ht="22" customHeight="true" s="1" customFormat="true" hidden="true" outlineLevel="3">
      <c r="A731" s="6" t="s">
        <v>943</v>
      </c>
      <c r="B731" s="6" t="s">
        <v>141</v>
      </c>
      <c r="C731" s="6" t="s">
        <v>219</v>
      </c>
      <c r="D731" s="6" t="s">
        <v>57</v>
      </c>
      <c r="E731" s="6" t="e"/>
    </row>
    <row r="732" ht="22" customHeight="true" s="1" customFormat="true" hidden="true" outlineLevel="3">
      <c r="A732" s="6" t="s">
        <v>944</v>
      </c>
      <c r="B732" s="6" t="s">
        <v>519</v>
      </c>
      <c r="C732" s="6" t="s">
        <v>50</v>
      </c>
      <c r="D732" s="6" t="s">
        <v>40</v>
      </c>
      <c r="E732" s="6" t="e"/>
    </row>
    <row r="733" ht="22" customHeight="true" s="1" customFormat="true" hidden="true" outlineLevel="3">
      <c r="A733" s="6" t="s">
        <v>945</v>
      </c>
      <c r="B733" s="6" t="s">
        <v>300</v>
      </c>
      <c r="C733" s="6" t="s">
        <v>99</v>
      </c>
      <c r="D733" s="6" t="s">
        <v>11</v>
      </c>
      <c r="E733" s="6" t="e"/>
    </row>
    <row r="734" ht="33" customHeight="true" s="1" customFormat="true" hidden="true" outlineLevel="3">
      <c r="A734" s="6" t="s">
        <v>946</v>
      </c>
      <c r="B734" s="6" t="s">
        <v>242</v>
      </c>
      <c r="C734" s="6" t="s">
        <v>103</v>
      </c>
      <c r="D734" s="6" t="s">
        <v>11</v>
      </c>
      <c r="E734" s="6" t="e"/>
    </row>
    <row r="735" ht="22" customHeight="true" s="1" customFormat="true" hidden="true" outlineLevel="3">
      <c r="A735" s="6" t="s">
        <v>947</v>
      </c>
      <c r="B735" s="6" t="e"/>
      <c r="C735" s="6" t="s">
        <v>290</v>
      </c>
      <c r="D735" s="6" t="s">
        <v>11</v>
      </c>
      <c r="E735" s="6" t="e"/>
    </row>
    <row r="736" ht="22" customHeight="true" s="1" customFormat="true" hidden="true" collapsed="true" outlineLevel="3">
      <c r="A736" s="6" t="s">
        <v>948</v>
      </c>
      <c r="B736" s="6" t="s">
        <v>674</v>
      </c>
      <c r="C736" s="6" t="s">
        <v>242</v>
      </c>
      <c r="D736" s="6" t="s">
        <v>11</v>
      </c>
      <c r="E736" s="6" t="e"/>
    </row>
    <row r="737" ht="11" customHeight="true" s="1" customFormat="true" hidden="true" collapsed="true" outlineLevel="2">
      <c r="A737" s="5" t="s">
        <v>949</v>
      </c>
      <c r="B737" s="5" t="e"/>
      <c r="C737" s="5" t="e"/>
      <c r="D737" s="5" t="e"/>
      <c r="E737" s="5" t="e"/>
    </row>
    <row r="738" ht="22" customHeight="true" s="1" customFormat="true" hidden="true" outlineLevel="3">
      <c r="A738" s="6" t="s">
        <v>950</v>
      </c>
      <c r="B738" s="6" t="s">
        <v>184</v>
      </c>
      <c r="C738" s="6" t="s">
        <v>574</v>
      </c>
      <c r="D738" s="6" t="s">
        <v>460</v>
      </c>
      <c r="E738" s="6" t="e"/>
    </row>
    <row r="739" ht="22" customHeight="true" s="1" customFormat="true" hidden="true" collapsed="true" outlineLevel="3">
      <c r="A739" s="6" t="s">
        <v>951</v>
      </c>
      <c r="B739" s="6" t="s">
        <v>57</v>
      </c>
      <c r="C739" s="6" t="s">
        <v>100</v>
      </c>
      <c r="D739" s="6" t="s">
        <v>169</v>
      </c>
      <c r="E739" s="6" t="e"/>
    </row>
    <row r="740" ht="11" customHeight="true" s="1" customFormat="true" hidden="true" collapsed="true" outlineLevel="2">
      <c r="A740" s="5" t="s">
        <v>952</v>
      </c>
      <c r="B740" s="5" t="e"/>
      <c r="C740" s="5" t="e"/>
      <c r="D740" s="5" t="e"/>
      <c r="E740" s="5" t="e"/>
    </row>
    <row r="741" ht="22" customHeight="true" s="1" customFormat="true" hidden="true" collapsed="true" outlineLevel="3">
      <c r="A741" s="6" t="s">
        <v>953</v>
      </c>
      <c r="B741" s="6" t="s">
        <v>574</v>
      </c>
      <c r="C741" s="6" t="s">
        <v>225</v>
      </c>
      <c r="D741" s="6" t="s">
        <v>169</v>
      </c>
      <c r="E741" s="6" t="e"/>
    </row>
    <row r="742" ht="11" customHeight="true" s="1" customFormat="true" hidden="true" collapsed="true" outlineLevel="2">
      <c r="A742" s="5" t="s">
        <v>954</v>
      </c>
      <c r="B742" s="5" t="e"/>
      <c r="C742" s="5" t="e"/>
      <c r="D742" s="5" t="e"/>
      <c r="E742" s="5" t="e"/>
    </row>
    <row r="743" ht="33" customHeight="true" s="1" customFormat="true" hidden="true" outlineLevel="3">
      <c r="A743" s="6" t="s">
        <v>955</v>
      </c>
      <c r="B743" s="6" t="e"/>
      <c r="C743" s="6" t="s">
        <v>80</v>
      </c>
      <c r="D743" s="6" t="s">
        <v>26</v>
      </c>
      <c r="E743" s="6" t="e"/>
    </row>
    <row r="744" ht="33" customHeight="true" s="1" customFormat="true" hidden="true" outlineLevel="3">
      <c r="A744" s="6" t="s">
        <v>956</v>
      </c>
      <c r="B744" s="6" t="e"/>
      <c r="C744" s="6" t="s">
        <v>80</v>
      </c>
      <c r="D744" s="6" t="s">
        <v>11</v>
      </c>
      <c r="E744" s="6" t="e"/>
    </row>
    <row r="745" ht="33" customHeight="true" s="1" customFormat="true" hidden="true" outlineLevel="3">
      <c r="A745" s="6" t="s">
        <v>957</v>
      </c>
      <c r="B745" s="6" t="e"/>
      <c r="C745" s="6" t="s">
        <v>80</v>
      </c>
      <c r="D745" s="6" t="s">
        <v>26</v>
      </c>
      <c r="E745" s="6" t="e"/>
    </row>
    <row r="746" ht="33" customHeight="true" s="1" customFormat="true" hidden="true" outlineLevel="3">
      <c r="A746" s="6" t="s">
        <v>958</v>
      </c>
      <c r="B746" s="6" t="s">
        <v>959</v>
      </c>
      <c r="C746" s="6" t="s">
        <v>80</v>
      </c>
      <c r="D746" s="6" t="s">
        <v>26</v>
      </c>
      <c r="E746" s="6" t="e"/>
    </row>
    <row r="747" ht="11" customHeight="true" s="1" customFormat="true" hidden="true" outlineLevel="3">
      <c r="A747" s="6" t="s">
        <v>960</v>
      </c>
      <c r="B747" s="6" t="e"/>
      <c r="C747" s="6" t="s">
        <v>78</v>
      </c>
      <c r="D747" s="6" t="s">
        <v>11</v>
      </c>
      <c r="E747" s="6" t="e"/>
    </row>
    <row r="748" ht="11" customHeight="true" s="1" customFormat="true" hidden="true" outlineLevel="3">
      <c r="A748" s="6" t="s">
        <v>961</v>
      </c>
      <c r="B748" s="6" t="e"/>
      <c r="C748" s="6" t="s">
        <v>51</v>
      </c>
      <c r="D748" s="6" t="s">
        <v>11</v>
      </c>
      <c r="E748" s="6" t="e"/>
    </row>
    <row r="749" ht="22" customHeight="true" s="1" customFormat="true" hidden="true" outlineLevel="3">
      <c r="A749" s="6" t="s">
        <v>962</v>
      </c>
      <c r="B749" s="6" t="s">
        <v>53</v>
      </c>
      <c r="C749" s="6" t="s">
        <v>51</v>
      </c>
      <c r="D749" s="6" t="s">
        <v>11</v>
      </c>
      <c r="E749" s="6" t="e"/>
    </row>
    <row r="750" ht="22" customHeight="true" s="1" customFormat="true" hidden="true" outlineLevel="3">
      <c r="A750" s="6" t="s">
        <v>963</v>
      </c>
      <c r="B750" s="6" t="e"/>
      <c r="C750" s="6" t="s">
        <v>51</v>
      </c>
      <c r="D750" s="6" t="s">
        <v>11</v>
      </c>
      <c r="E750" s="6" t="e"/>
    </row>
    <row r="751" ht="22" customHeight="true" s="1" customFormat="true" hidden="true" outlineLevel="3">
      <c r="A751" s="6" t="s">
        <v>964</v>
      </c>
      <c r="B751" s="6" t="s">
        <v>339</v>
      </c>
      <c r="C751" s="6" t="s">
        <v>127</v>
      </c>
      <c r="D751" s="6" t="s">
        <v>11</v>
      </c>
      <c r="E751" s="6" t="e"/>
    </row>
    <row r="752" ht="22" customHeight="true" s="1" customFormat="true" hidden="true" outlineLevel="3">
      <c r="A752" s="6" t="s">
        <v>965</v>
      </c>
      <c r="B752" s="6" t="s">
        <v>966</v>
      </c>
      <c r="C752" s="6" t="s">
        <v>72</v>
      </c>
      <c r="D752" s="6" t="s">
        <v>11</v>
      </c>
      <c r="E752" s="6" t="e"/>
    </row>
    <row r="753" ht="22" customHeight="true" s="1" customFormat="true" hidden="true" outlineLevel="3">
      <c r="A753" s="6" t="s">
        <v>967</v>
      </c>
      <c r="B753" s="6" t="e"/>
      <c r="C753" s="6" t="s">
        <v>235</v>
      </c>
      <c r="D753" s="6" t="s">
        <v>11</v>
      </c>
      <c r="E753" s="6" t="e"/>
    </row>
    <row r="754" ht="33" customHeight="true" s="1" customFormat="true" hidden="true" outlineLevel="3">
      <c r="A754" s="6" t="s">
        <v>968</v>
      </c>
      <c r="B754" s="6" t="s">
        <v>333</v>
      </c>
      <c r="C754" s="6" t="s">
        <v>72</v>
      </c>
      <c r="D754" s="6" t="s">
        <v>11</v>
      </c>
      <c r="E754" s="6" t="e"/>
    </row>
    <row r="755" ht="33" customHeight="true" s="1" customFormat="true" hidden="true" outlineLevel="3">
      <c r="A755" s="6" t="s">
        <v>969</v>
      </c>
      <c r="B755" s="6" t="s">
        <v>333</v>
      </c>
      <c r="C755" s="6" t="s">
        <v>72</v>
      </c>
      <c r="D755" s="6" t="s">
        <v>11</v>
      </c>
      <c r="E755" s="6" t="e"/>
    </row>
    <row r="756" ht="11" customHeight="true" s="1" customFormat="true" hidden="true" outlineLevel="3">
      <c r="A756" s="6" t="s">
        <v>970</v>
      </c>
      <c r="B756" s="6" t="e"/>
      <c r="C756" s="6" t="s">
        <v>62</v>
      </c>
      <c r="D756" s="6" t="s">
        <v>11</v>
      </c>
      <c r="E756" s="6" t="e"/>
    </row>
    <row r="757" ht="22" customHeight="true" s="1" customFormat="true" hidden="true" outlineLevel="3">
      <c r="A757" s="6" t="s">
        <v>971</v>
      </c>
      <c r="B757" s="6" t="s">
        <v>494</v>
      </c>
      <c r="C757" s="6" t="s">
        <v>51</v>
      </c>
      <c r="D757" s="6" t="s">
        <v>40</v>
      </c>
      <c r="E757" s="6" t="e"/>
    </row>
    <row r="758" ht="22" customHeight="true" s="1" customFormat="true" hidden="true" outlineLevel="3">
      <c r="A758" s="6" t="s">
        <v>972</v>
      </c>
      <c r="B758" s="6" t="e"/>
      <c r="C758" s="6" t="s">
        <v>51</v>
      </c>
      <c r="D758" s="6" t="s">
        <v>11</v>
      </c>
      <c r="E758" s="6" t="e"/>
    </row>
    <row r="759" ht="22" customHeight="true" s="1" customFormat="true" hidden="true" outlineLevel="3">
      <c r="A759" s="6" t="s">
        <v>973</v>
      </c>
      <c r="B759" s="6" t="s">
        <v>141</v>
      </c>
      <c r="C759" s="6" t="s">
        <v>62</v>
      </c>
      <c r="D759" s="6" t="s">
        <v>184</v>
      </c>
      <c r="E759" s="6" t="e"/>
    </row>
    <row r="760" ht="33" customHeight="true" s="1" customFormat="true" hidden="true" outlineLevel="3">
      <c r="A760" s="6" t="s">
        <v>974</v>
      </c>
      <c r="B760" s="6" t="s">
        <v>103</v>
      </c>
      <c r="C760" s="6" t="s">
        <v>72</v>
      </c>
      <c r="D760" s="6" t="s">
        <v>68</v>
      </c>
      <c r="E760" s="6" t="e"/>
    </row>
    <row r="761" ht="11" customHeight="true" s="1" customFormat="true" hidden="true" outlineLevel="3">
      <c r="A761" s="6" t="s">
        <v>975</v>
      </c>
      <c r="B761" s="6" t="e"/>
      <c r="C761" s="6" t="s">
        <v>976</v>
      </c>
      <c r="D761" s="6" t="s">
        <v>26</v>
      </c>
      <c r="E761" s="6" t="e"/>
    </row>
    <row r="762" ht="22" customHeight="true" s="1" customFormat="true" hidden="true" outlineLevel="3">
      <c r="A762" s="6" t="s">
        <v>977</v>
      </c>
      <c r="B762" s="6" t="s">
        <v>978</v>
      </c>
      <c r="C762" s="6" t="s">
        <v>62</v>
      </c>
      <c r="D762" s="6" t="s">
        <v>11</v>
      </c>
      <c r="E762" s="6" t="e"/>
    </row>
    <row r="763" ht="22" customHeight="true" s="1" customFormat="true" hidden="true" outlineLevel="3">
      <c r="A763" s="6" t="s">
        <v>979</v>
      </c>
      <c r="B763" s="6" t="e"/>
      <c r="C763" s="6" t="s">
        <v>61</v>
      </c>
      <c r="D763" s="6" t="s">
        <v>26</v>
      </c>
      <c r="E763" s="6" t="e"/>
    </row>
    <row r="764" ht="22" customHeight="true" s="1" customFormat="true" hidden="true" outlineLevel="3">
      <c r="A764" s="6" t="s">
        <v>980</v>
      </c>
      <c r="B764" s="6" t="e"/>
      <c r="C764" s="6" t="s">
        <v>235</v>
      </c>
      <c r="D764" s="6" t="s">
        <v>11</v>
      </c>
      <c r="E764" s="6" t="e"/>
    </row>
    <row r="765" ht="22" customHeight="true" s="1" customFormat="true" hidden="true" outlineLevel="3">
      <c r="A765" s="6" t="s">
        <v>981</v>
      </c>
      <c r="B765" s="6" t="e"/>
      <c r="C765" s="6" t="s">
        <v>73</v>
      </c>
      <c r="D765" s="6" t="s">
        <v>11</v>
      </c>
      <c r="E765" s="6" t="e"/>
    </row>
    <row r="766" ht="22" customHeight="true" s="1" customFormat="true" hidden="true" outlineLevel="3">
      <c r="A766" s="6" t="s">
        <v>982</v>
      </c>
      <c r="B766" s="6" t="e"/>
      <c r="C766" s="6" t="s">
        <v>78</v>
      </c>
      <c r="D766" s="6" t="s">
        <v>11</v>
      </c>
      <c r="E766" s="6" t="e"/>
    </row>
    <row r="767" ht="22" customHeight="true" s="1" customFormat="true" hidden="true" outlineLevel="3">
      <c r="A767" s="6" t="s">
        <v>983</v>
      </c>
      <c r="B767" s="6" t="e"/>
      <c r="C767" s="6" t="s">
        <v>73</v>
      </c>
      <c r="D767" s="6" t="s">
        <v>11</v>
      </c>
      <c r="E767" s="6" t="e"/>
    </row>
    <row r="768" ht="22" customHeight="true" s="1" customFormat="true" hidden="true" outlineLevel="3">
      <c r="A768" s="6" t="s">
        <v>984</v>
      </c>
      <c r="B768" s="6" t="s">
        <v>959</v>
      </c>
      <c r="C768" s="6" t="s">
        <v>290</v>
      </c>
      <c r="D768" s="6" t="s">
        <v>26</v>
      </c>
      <c r="E768" s="6" t="e"/>
    </row>
    <row r="769" ht="22" customHeight="true" s="1" customFormat="true" hidden="true" collapsed="true" outlineLevel="3">
      <c r="A769" s="6" t="s">
        <v>985</v>
      </c>
      <c r="B769" s="6" t="s">
        <v>986</v>
      </c>
      <c r="C769" s="6" t="s">
        <v>13</v>
      </c>
      <c r="D769" s="6" t="s">
        <v>123</v>
      </c>
      <c r="E769" s="6" t="e"/>
    </row>
    <row r="770" ht="11" customHeight="true" s="1" customFormat="true" hidden="true" collapsed="true" outlineLevel="2">
      <c r="A770" s="5" t="s">
        <v>987</v>
      </c>
      <c r="B770" s="5" t="e"/>
      <c r="C770" s="5" t="e"/>
      <c r="D770" s="5" t="e"/>
      <c r="E770" s="5" t="e"/>
    </row>
    <row r="771" ht="11" customHeight="true" s="1" customFormat="true" hidden="true" collapsed="true" outlineLevel="3">
      <c r="A771" s="5" t="s">
        <v>988</v>
      </c>
      <c r="B771" s="5" t="e"/>
      <c r="C771" s="5" t="e"/>
      <c r="D771" s="5" t="e"/>
      <c r="E771" s="5" t="e"/>
    </row>
    <row r="772" ht="11" customHeight="true" s="1" customFormat="true" hidden="true" collapsed="true" outlineLevel="4">
      <c r="A772" s="5" t="s">
        <v>989</v>
      </c>
      <c r="B772" s="5" t="e"/>
      <c r="C772" s="5" t="e"/>
      <c r="D772" s="5" t="e"/>
      <c r="E772" s="5" t="e"/>
    </row>
    <row r="773" ht="22" customHeight="true" s="1" customFormat="true" hidden="true" collapsed="true" outlineLevel="5">
      <c r="A773" s="6" t="s">
        <v>990</v>
      </c>
      <c r="B773" s="6" t="e"/>
      <c r="C773" s="6" t="s">
        <v>99</v>
      </c>
      <c r="D773" s="6" t="s">
        <v>11</v>
      </c>
      <c r="E773" s="6" t="e"/>
    </row>
    <row r="774" ht="11" customHeight="true" s="1" customFormat="true" hidden="true" collapsed="true" outlineLevel="4">
      <c r="A774" s="5" t="s">
        <v>991</v>
      </c>
      <c r="B774" s="5" t="e"/>
      <c r="C774" s="5" t="e"/>
      <c r="D774" s="5" t="e"/>
      <c r="E774" s="5" t="e"/>
    </row>
    <row r="775" ht="33" customHeight="true" s="1" customFormat="true" hidden="true" outlineLevel="5">
      <c r="A775" s="6" t="s">
        <v>992</v>
      </c>
      <c r="B775" s="6" t="s">
        <v>639</v>
      </c>
      <c r="C775" s="6" t="s">
        <v>149</v>
      </c>
      <c r="D775" s="6" t="s">
        <v>11</v>
      </c>
      <c r="E775" s="6" t="e"/>
    </row>
    <row r="776" ht="22" customHeight="true" s="1" customFormat="true" hidden="true" outlineLevel="5">
      <c r="A776" s="6" t="s">
        <v>993</v>
      </c>
      <c r="B776" s="6" t="e"/>
      <c r="C776" s="6" t="s">
        <v>149</v>
      </c>
      <c r="D776" s="6" t="s">
        <v>40</v>
      </c>
      <c r="E776" s="6" t="e"/>
    </row>
    <row r="777" ht="22" customHeight="true" s="1" customFormat="true" hidden="true" outlineLevel="5">
      <c r="A777" s="6" t="s">
        <v>994</v>
      </c>
      <c r="B777" s="6" t="s">
        <v>540</v>
      </c>
      <c r="C777" s="6" t="s">
        <v>149</v>
      </c>
      <c r="D777" s="6" t="s">
        <v>644</v>
      </c>
      <c r="E777" s="6" t="e"/>
    </row>
    <row r="778" ht="22" customHeight="true" s="1" customFormat="true" hidden="true" outlineLevel="5">
      <c r="A778" s="6" t="s">
        <v>995</v>
      </c>
      <c r="B778" s="6" t="e"/>
      <c r="C778" s="6" t="s">
        <v>219</v>
      </c>
      <c r="D778" s="6" t="s">
        <v>26</v>
      </c>
      <c r="E778" s="6" t="e"/>
    </row>
    <row r="779" ht="22" customHeight="true" s="1" customFormat="true" hidden="true" outlineLevel="5">
      <c r="A779" s="6" t="s">
        <v>996</v>
      </c>
      <c r="B779" s="6" t="s">
        <v>169</v>
      </c>
      <c r="C779" s="6" t="s">
        <v>99</v>
      </c>
      <c r="D779" s="6" t="s">
        <v>11</v>
      </c>
      <c r="E779" s="6" t="e"/>
    </row>
    <row r="780" ht="22" customHeight="true" s="1" customFormat="true" hidden="true" outlineLevel="5">
      <c r="A780" s="6" t="s">
        <v>997</v>
      </c>
      <c r="B780" s="6" t="s">
        <v>998</v>
      </c>
      <c r="C780" s="6" t="s">
        <v>103</v>
      </c>
      <c r="D780" s="6" t="s">
        <v>40</v>
      </c>
      <c r="E780" s="6" t="e"/>
    </row>
    <row r="781" ht="22" customHeight="true" s="1" customFormat="true" hidden="true" outlineLevel="5">
      <c r="A781" s="6" t="s">
        <v>999</v>
      </c>
      <c r="B781" s="6" t="s">
        <v>142</v>
      </c>
      <c r="C781" s="6" t="s">
        <v>127</v>
      </c>
      <c r="D781" s="6" t="s">
        <v>11</v>
      </c>
      <c r="E781" s="6" t="e"/>
    </row>
    <row r="782" ht="22" customHeight="true" s="1" customFormat="true" hidden="true" outlineLevel="5">
      <c r="A782" s="6" t="s">
        <v>1000</v>
      </c>
      <c r="B782" s="6" t="s">
        <v>639</v>
      </c>
      <c r="C782" s="6" t="s">
        <v>149</v>
      </c>
      <c r="D782" s="6" t="s">
        <v>26</v>
      </c>
      <c r="E782" s="6" t="e"/>
    </row>
    <row r="783" ht="22" customHeight="true" s="1" customFormat="true" hidden="true" outlineLevel="5">
      <c r="A783" s="6" t="s">
        <v>1001</v>
      </c>
      <c r="B783" s="6" t="s">
        <v>312</v>
      </c>
      <c r="C783" s="6" t="s">
        <v>149</v>
      </c>
      <c r="D783" s="6" t="s">
        <v>11</v>
      </c>
      <c r="E783" s="6" t="e"/>
    </row>
    <row r="784" ht="22" customHeight="true" s="1" customFormat="true" hidden="true" collapsed="true" outlineLevel="5">
      <c r="A784" s="6" t="s">
        <v>1002</v>
      </c>
      <c r="B784" s="6" t="s">
        <v>312</v>
      </c>
      <c r="C784" s="6" t="s">
        <v>149</v>
      </c>
      <c r="D784" s="6" t="s">
        <v>11</v>
      </c>
      <c r="E784" s="6" t="e"/>
    </row>
    <row r="785" ht="11" customHeight="true" s="1" customFormat="true" hidden="true" collapsed="true" outlineLevel="4">
      <c r="A785" s="5" t="s">
        <v>1003</v>
      </c>
      <c r="B785" s="5" t="e"/>
      <c r="C785" s="5" t="e"/>
      <c r="D785" s="5" t="e"/>
      <c r="E785" s="5" t="e"/>
    </row>
    <row r="786" ht="11" customHeight="true" s="1" customFormat="true" hidden="true" outlineLevel="5">
      <c r="A786" s="6" t="s">
        <v>1004</v>
      </c>
      <c r="B786" s="6" t="e"/>
      <c r="C786" s="6" t="s">
        <v>127</v>
      </c>
      <c r="D786" s="6" t="s">
        <v>26</v>
      </c>
      <c r="E786" s="6" t="e"/>
    </row>
    <row r="787" ht="11" customHeight="true" s="1" customFormat="true" hidden="true" outlineLevel="5">
      <c r="A787" s="6" t="s">
        <v>1005</v>
      </c>
      <c r="B787" s="6" t="s">
        <v>1006</v>
      </c>
      <c r="C787" s="6" t="s">
        <v>62</v>
      </c>
      <c r="D787" s="6" t="s">
        <v>11</v>
      </c>
      <c r="E787" s="6" t="e"/>
    </row>
    <row r="788" ht="11" customHeight="true" s="1" customFormat="true" hidden="true" outlineLevel="5">
      <c r="A788" s="6" t="s">
        <v>1007</v>
      </c>
      <c r="B788" s="6" t="e"/>
      <c r="C788" s="6" t="s">
        <v>149</v>
      </c>
      <c r="D788" s="6" t="s">
        <v>15</v>
      </c>
      <c r="E788" s="6" t="e"/>
    </row>
    <row r="789" ht="22" customHeight="true" s="1" customFormat="true" hidden="true" outlineLevel="5">
      <c r="A789" s="6" t="s">
        <v>1008</v>
      </c>
      <c r="B789" s="6" t="s">
        <v>55</v>
      </c>
      <c r="C789" s="6" t="s">
        <v>72</v>
      </c>
      <c r="D789" s="6" t="s">
        <v>26</v>
      </c>
      <c r="E789" s="6" t="e"/>
    </row>
    <row r="790" ht="33" customHeight="true" s="1" customFormat="true" hidden="true" outlineLevel="5">
      <c r="A790" s="6" t="s">
        <v>1009</v>
      </c>
      <c r="B790" s="6" t="e"/>
      <c r="C790" s="6" t="s">
        <v>219</v>
      </c>
      <c r="D790" s="6" t="s">
        <v>26</v>
      </c>
      <c r="E790" s="6" t="e"/>
    </row>
    <row r="791" ht="44" customHeight="true" s="1" customFormat="true" hidden="true" outlineLevel="5">
      <c r="A791" s="6" t="s">
        <v>1010</v>
      </c>
      <c r="B791" s="6" t="s">
        <v>151</v>
      </c>
      <c r="C791" s="6" t="s">
        <v>188</v>
      </c>
      <c r="D791" s="6" t="s">
        <v>40</v>
      </c>
      <c r="E791" s="6" t="e"/>
    </row>
    <row r="792" ht="11" customHeight="true" s="1" customFormat="true" hidden="true" outlineLevel="5">
      <c r="A792" s="6" t="s">
        <v>1011</v>
      </c>
      <c r="B792" s="6" t="e"/>
      <c r="C792" s="6" t="s">
        <v>103</v>
      </c>
      <c r="D792" s="6" t="s">
        <v>11</v>
      </c>
      <c r="E792" s="6" t="e"/>
    </row>
    <row r="793" ht="22" customHeight="true" s="1" customFormat="true" hidden="true" outlineLevel="5">
      <c r="A793" s="6" t="s">
        <v>1012</v>
      </c>
      <c r="B793" s="6" t="s">
        <v>639</v>
      </c>
      <c r="C793" s="6" t="s">
        <v>149</v>
      </c>
      <c r="D793" s="6" t="s">
        <v>40</v>
      </c>
      <c r="E793" s="6" t="e"/>
    </row>
    <row r="794" ht="22" customHeight="true" s="1" customFormat="true" hidden="true" outlineLevel="5">
      <c r="A794" s="6" t="s">
        <v>1013</v>
      </c>
      <c r="B794" s="6" t="e"/>
      <c r="C794" s="6" t="s">
        <v>219</v>
      </c>
      <c r="D794" s="6" t="s">
        <v>26</v>
      </c>
      <c r="E794" s="6" t="e"/>
    </row>
    <row r="795" ht="22" customHeight="true" s="1" customFormat="true" hidden="true" outlineLevel="5">
      <c r="A795" s="6" t="s">
        <v>1014</v>
      </c>
      <c r="B795" s="6" t="s">
        <v>314</v>
      </c>
      <c r="C795" s="6" t="s">
        <v>127</v>
      </c>
      <c r="D795" s="6" t="s">
        <v>40</v>
      </c>
      <c r="E795" s="6" t="e"/>
    </row>
    <row r="796" ht="22" customHeight="true" s="1" customFormat="true" hidden="true" outlineLevel="5">
      <c r="A796" s="6" t="s">
        <v>1015</v>
      </c>
      <c r="B796" s="6" t="s">
        <v>986</v>
      </c>
      <c r="C796" s="6" t="s">
        <v>219</v>
      </c>
      <c r="D796" s="6" t="s">
        <v>11</v>
      </c>
      <c r="E796" s="6" t="e"/>
    </row>
    <row r="797" ht="22" customHeight="true" s="1" customFormat="true" hidden="true" outlineLevel="5">
      <c r="A797" s="6" t="s">
        <v>1016</v>
      </c>
      <c r="B797" s="6" t="s">
        <v>1017</v>
      </c>
      <c r="C797" s="6" t="s">
        <v>103</v>
      </c>
      <c r="D797" s="6" t="s">
        <v>11</v>
      </c>
      <c r="E797" s="6" t="e"/>
    </row>
    <row r="798" ht="22" customHeight="true" s="1" customFormat="true" hidden="true" outlineLevel="5">
      <c r="A798" s="6" t="s">
        <v>1018</v>
      </c>
      <c r="B798" s="6" t="s">
        <v>1019</v>
      </c>
      <c r="C798" s="6" t="s">
        <v>103</v>
      </c>
      <c r="D798" s="6" t="s">
        <v>11</v>
      </c>
      <c r="E798" s="6" t="e"/>
    </row>
    <row r="799" ht="33" customHeight="true" s="1" customFormat="true" hidden="true" outlineLevel="5">
      <c r="A799" s="6" t="s">
        <v>1020</v>
      </c>
      <c r="B799" s="6" t="s">
        <v>1021</v>
      </c>
      <c r="C799" s="6" t="s">
        <v>155</v>
      </c>
      <c r="D799" s="6" t="s">
        <v>11</v>
      </c>
      <c r="E799" s="6" t="e"/>
    </row>
    <row r="800" ht="33" customHeight="true" s="1" customFormat="true" hidden="true" outlineLevel="5">
      <c r="A800" s="6" t="s">
        <v>1022</v>
      </c>
      <c r="B800" s="6" t="s">
        <v>664</v>
      </c>
      <c r="C800" s="6" t="s">
        <v>149</v>
      </c>
      <c r="D800" s="6" t="s">
        <v>26</v>
      </c>
      <c r="E800" s="6" t="e"/>
    </row>
    <row r="801" ht="33" customHeight="true" s="1" customFormat="true" hidden="true" outlineLevel="5">
      <c r="A801" s="6" t="s">
        <v>1023</v>
      </c>
      <c r="B801" s="6" t="s">
        <v>1024</v>
      </c>
      <c r="C801" s="6" t="s">
        <v>103</v>
      </c>
      <c r="D801" s="6" t="s">
        <v>11</v>
      </c>
      <c r="E801" s="6" t="e"/>
    </row>
    <row r="802" ht="33" customHeight="true" s="1" customFormat="true" hidden="true" collapsed="true" outlineLevel="5">
      <c r="A802" s="6" t="s">
        <v>1025</v>
      </c>
      <c r="B802" s="6" t="s">
        <v>167</v>
      </c>
      <c r="C802" s="6" t="s">
        <v>149</v>
      </c>
      <c r="D802" s="6" t="s">
        <v>40</v>
      </c>
      <c r="E802" s="6" t="e"/>
    </row>
    <row r="803" ht="11" customHeight="true" s="1" customFormat="true" hidden="true" collapsed="true" outlineLevel="4">
      <c r="A803" s="5" t="s">
        <v>1026</v>
      </c>
      <c r="B803" s="5" t="e"/>
      <c r="C803" s="5" t="e"/>
      <c r="D803" s="5" t="e"/>
      <c r="E803" s="5" t="e"/>
    </row>
    <row r="804" ht="22" customHeight="true" s="1" customFormat="true" hidden="true" outlineLevel="5">
      <c r="A804" s="6" t="s">
        <v>1027</v>
      </c>
      <c r="B804" s="6" t="s">
        <v>55</v>
      </c>
      <c r="C804" s="6" t="s">
        <v>72</v>
      </c>
      <c r="D804" s="6" t="s">
        <v>15</v>
      </c>
      <c r="E804" s="6" t="e"/>
    </row>
    <row r="805" ht="22" customHeight="true" s="1" customFormat="true" hidden="true" outlineLevel="5">
      <c r="A805" s="6" t="s">
        <v>1028</v>
      </c>
      <c r="B805" s="6" t="s">
        <v>978</v>
      </c>
      <c r="C805" s="6" t="s">
        <v>62</v>
      </c>
      <c r="D805" s="6" t="s">
        <v>15</v>
      </c>
      <c r="E805" s="6" t="e"/>
    </row>
    <row r="806" ht="22" customHeight="true" s="1" customFormat="true" hidden="true" outlineLevel="5">
      <c r="A806" s="6" t="s">
        <v>1029</v>
      </c>
      <c r="B806" s="6" t="s">
        <v>639</v>
      </c>
      <c r="C806" s="6" t="s">
        <v>225</v>
      </c>
      <c r="D806" s="6" t="s">
        <v>11</v>
      </c>
      <c r="E806" s="6" t="e"/>
    </row>
    <row r="807" ht="44" customHeight="true" s="1" customFormat="true" hidden="true" outlineLevel="5">
      <c r="A807" s="6" t="s">
        <v>1030</v>
      </c>
      <c r="B807" s="6" t="s">
        <v>139</v>
      </c>
      <c r="C807" s="6" t="s">
        <v>103</v>
      </c>
      <c r="D807" s="6" t="s">
        <v>11</v>
      </c>
      <c r="E807" s="6" t="e"/>
    </row>
    <row r="808" ht="33" customHeight="true" s="1" customFormat="true" hidden="true" outlineLevel="5">
      <c r="A808" s="6" t="s">
        <v>1031</v>
      </c>
      <c r="B808" s="6" t="s">
        <v>163</v>
      </c>
      <c r="C808" s="6" t="s">
        <v>127</v>
      </c>
      <c r="D808" s="6" t="s">
        <v>11</v>
      </c>
      <c r="E808" s="6" t="e"/>
    </row>
    <row r="809" ht="33" customHeight="true" s="1" customFormat="true" hidden="true" outlineLevel="5">
      <c r="A809" s="6" t="s">
        <v>1032</v>
      </c>
      <c r="B809" s="6" t="s">
        <v>519</v>
      </c>
      <c r="C809" s="6" t="s">
        <v>219</v>
      </c>
      <c r="D809" s="6" t="s">
        <v>11</v>
      </c>
      <c r="E809" s="6" t="e"/>
    </row>
    <row r="810" ht="33" customHeight="true" s="1" customFormat="true" hidden="true" outlineLevel="5">
      <c r="A810" s="6" t="s">
        <v>1033</v>
      </c>
      <c r="B810" s="6" t="s">
        <v>1024</v>
      </c>
      <c r="C810" s="6" t="s">
        <v>103</v>
      </c>
      <c r="D810" s="6" t="s">
        <v>26</v>
      </c>
      <c r="E810" s="6" t="e"/>
    </row>
    <row r="811" ht="22" customHeight="true" s="1" customFormat="true" hidden="true" outlineLevel="5">
      <c r="A811" s="6" t="s">
        <v>1034</v>
      </c>
      <c r="B811" s="6" t="s">
        <v>1035</v>
      </c>
      <c r="C811" s="6" t="s">
        <v>72</v>
      </c>
      <c r="D811" s="6" t="s">
        <v>11</v>
      </c>
      <c r="E811" s="6" t="e"/>
    </row>
    <row r="812" ht="33" customHeight="true" s="1" customFormat="true" hidden="true" outlineLevel="5">
      <c r="A812" s="6" t="s">
        <v>1036</v>
      </c>
      <c r="B812" s="6" t="s">
        <v>1037</v>
      </c>
      <c r="C812" s="6" t="s">
        <v>149</v>
      </c>
      <c r="D812" s="6" t="s">
        <v>40</v>
      </c>
      <c r="E812" s="6" t="e"/>
    </row>
    <row r="813" ht="22" customHeight="true" s="1" customFormat="true" hidden="true" outlineLevel="5">
      <c r="A813" s="6" t="s">
        <v>1038</v>
      </c>
      <c r="B813" s="6" t="s">
        <v>187</v>
      </c>
      <c r="C813" s="6" t="s">
        <v>103</v>
      </c>
      <c r="D813" s="6" t="s">
        <v>40</v>
      </c>
      <c r="E813" s="6" t="e"/>
    </row>
    <row r="814" ht="33" customHeight="true" s="1" customFormat="true" hidden="true" outlineLevel="5">
      <c r="A814" s="6" t="s">
        <v>1039</v>
      </c>
      <c r="B814" s="6" t="s">
        <v>148</v>
      </c>
      <c r="C814" s="6" t="s">
        <v>149</v>
      </c>
      <c r="D814" s="6" t="s">
        <v>123</v>
      </c>
      <c r="E814" s="6" t="e"/>
    </row>
    <row r="815" ht="33" customHeight="true" s="1" customFormat="true" hidden="true" outlineLevel="5">
      <c r="A815" s="6" t="s">
        <v>1040</v>
      </c>
      <c r="B815" s="6" t="s">
        <v>551</v>
      </c>
      <c r="C815" s="6" t="s">
        <v>149</v>
      </c>
      <c r="D815" s="6" t="s">
        <v>11</v>
      </c>
      <c r="E815" s="6" t="e"/>
    </row>
    <row r="816" ht="22" customHeight="true" s="1" customFormat="true" hidden="true" outlineLevel="5">
      <c r="A816" s="6" t="s">
        <v>1041</v>
      </c>
      <c r="B816" s="6" t="s">
        <v>200</v>
      </c>
      <c r="C816" s="6" t="s">
        <v>219</v>
      </c>
      <c r="D816" s="6" t="s">
        <v>11</v>
      </c>
      <c r="E816" s="6" t="e"/>
    </row>
    <row r="817" ht="22" customHeight="true" s="1" customFormat="true" hidden="true" outlineLevel="5">
      <c r="A817" s="6" t="s">
        <v>1042</v>
      </c>
      <c r="B817" s="6" t="s">
        <v>1043</v>
      </c>
      <c r="C817" s="6" t="s">
        <v>219</v>
      </c>
      <c r="D817" s="6" t="s">
        <v>26</v>
      </c>
      <c r="E817" s="6" t="e"/>
    </row>
    <row r="818" ht="33" customHeight="true" s="1" customFormat="true" hidden="true" outlineLevel="5">
      <c r="A818" s="6" t="s">
        <v>1044</v>
      </c>
      <c r="B818" s="6" t="s">
        <v>296</v>
      </c>
      <c r="C818" s="6" t="s">
        <v>149</v>
      </c>
      <c r="D818" s="6" t="s">
        <v>11</v>
      </c>
      <c r="E818" s="6" t="e"/>
    </row>
    <row r="819" ht="33" customHeight="true" s="1" customFormat="true" hidden="true" outlineLevel="5">
      <c r="A819" s="6" t="s">
        <v>1045</v>
      </c>
      <c r="B819" s="6" t="s">
        <v>139</v>
      </c>
      <c r="C819" s="6" t="s">
        <v>103</v>
      </c>
      <c r="D819" s="6" t="s">
        <v>11</v>
      </c>
      <c r="E819" s="6" t="e"/>
    </row>
    <row r="820" ht="22" customHeight="true" s="1" customFormat="true" hidden="true" outlineLevel="5">
      <c r="A820" s="6" t="s">
        <v>1046</v>
      </c>
      <c r="B820" s="6" t="s">
        <v>339</v>
      </c>
      <c r="C820" s="6" t="s">
        <v>127</v>
      </c>
      <c r="D820" s="6" t="s">
        <v>11</v>
      </c>
      <c r="E820" s="6" t="e"/>
    </row>
    <row r="821" ht="33" customHeight="true" s="1" customFormat="true" hidden="true" outlineLevel="5">
      <c r="A821" s="6" t="s">
        <v>1047</v>
      </c>
      <c r="B821" s="6" t="s">
        <v>532</v>
      </c>
      <c r="C821" s="6" t="s">
        <v>149</v>
      </c>
      <c r="D821" s="6" t="s">
        <v>11</v>
      </c>
      <c r="E821" s="6" t="e"/>
    </row>
    <row r="822" ht="44" customHeight="true" s="1" customFormat="true" hidden="true" outlineLevel="5">
      <c r="A822" s="6" t="s">
        <v>1048</v>
      </c>
      <c r="B822" s="6" t="s">
        <v>1049</v>
      </c>
      <c r="C822" s="6" t="s">
        <v>219</v>
      </c>
      <c r="D822" s="6" t="s">
        <v>11</v>
      </c>
      <c r="E822" s="6" t="e"/>
    </row>
    <row r="823" ht="33" customHeight="true" s="1" customFormat="true" hidden="true" outlineLevel="5">
      <c r="A823" s="6" t="s">
        <v>1050</v>
      </c>
      <c r="B823" s="6" t="s">
        <v>151</v>
      </c>
      <c r="C823" s="6" t="s">
        <v>103</v>
      </c>
      <c r="D823" s="6" t="s">
        <v>11</v>
      </c>
      <c r="E823" s="6" t="e"/>
    </row>
    <row r="824" ht="44" customHeight="true" s="1" customFormat="true" hidden="true" outlineLevel="5">
      <c r="A824" s="6" t="s">
        <v>1051</v>
      </c>
      <c r="B824" s="6" t="s">
        <v>193</v>
      </c>
      <c r="C824" s="6" t="s">
        <v>219</v>
      </c>
      <c r="D824" s="6" t="s">
        <v>11</v>
      </c>
      <c r="E824" s="6" t="e"/>
    </row>
    <row r="825" ht="22" customHeight="true" s="1" customFormat="true" hidden="true" outlineLevel="5">
      <c r="A825" s="6" t="s">
        <v>1052</v>
      </c>
      <c r="B825" s="6" t="s">
        <v>339</v>
      </c>
      <c r="C825" s="6" t="s">
        <v>127</v>
      </c>
      <c r="D825" s="6" t="s">
        <v>11</v>
      </c>
      <c r="E825" s="6" t="e"/>
    </row>
    <row r="826" ht="44" customHeight="true" s="1" customFormat="true" hidden="true" outlineLevel="5">
      <c r="A826" s="6" t="s">
        <v>1053</v>
      </c>
      <c r="B826" s="6" t="s">
        <v>151</v>
      </c>
      <c r="C826" s="6" t="s">
        <v>149</v>
      </c>
      <c r="D826" s="6" t="s">
        <v>26</v>
      </c>
      <c r="E826" s="6" t="e"/>
    </row>
    <row r="827" ht="33" customHeight="true" s="1" customFormat="true" hidden="true" outlineLevel="5">
      <c r="A827" s="6" t="s">
        <v>1054</v>
      </c>
      <c r="B827" s="6" t="s">
        <v>242</v>
      </c>
      <c r="C827" s="6" t="s">
        <v>103</v>
      </c>
      <c r="D827" s="6" t="s">
        <v>11</v>
      </c>
      <c r="E827" s="6" t="e"/>
    </row>
    <row r="828" ht="22" customHeight="true" s="1" customFormat="true" hidden="true" collapsed="true" outlineLevel="5">
      <c r="A828" s="6" t="s">
        <v>1055</v>
      </c>
      <c r="B828" s="6" t="s">
        <v>172</v>
      </c>
      <c r="C828" s="6" t="s">
        <v>127</v>
      </c>
      <c r="D828" s="6" t="s">
        <v>26</v>
      </c>
      <c r="E828" s="6" t="e"/>
    </row>
    <row r="829" ht="11" customHeight="true" s="1" customFormat="true" hidden="true" collapsed="true" outlineLevel="4">
      <c r="A829" s="5" t="s">
        <v>1056</v>
      </c>
      <c r="B829" s="5" t="e"/>
      <c r="C829" s="5" t="e"/>
      <c r="D829" s="5" t="e"/>
      <c r="E829" s="5" t="e"/>
    </row>
    <row r="830" ht="33" customHeight="true" s="1" customFormat="true" hidden="true" outlineLevel="5">
      <c r="A830" s="6" t="s">
        <v>1057</v>
      </c>
      <c r="B830" s="6" t="s">
        <v>141</v>
      </c>
      <c r="C830" s="6" t="s">
        <v>103</v>
      </c>
      <c r="D830" s="6" t="s">
        <v>26</v>
      </c>
      <c r="E830" s="6" t="e"/>
    </row>
    <row r="831" ht="33" customHeight="true" s="1" customFormat="true" hidden="true" outlineLevel="5">
      <c r="A831" s="6" t="s">
        <v>1058</v>
      </c>
      <c r="B831" s="6" t="s">
        <v>384</v>
      </c>
      <c r="C831" s="6" t="s">
        <v>219</v>
      </c>
      <c r="D831" s="6" t="s">
        <v>11</v>
      </c>
      <c r="E831" s="6" t="e"/>
    </row>
    <row r="832" ht="44" customHeight="true" s="1" customFormat="true" hidden="true" outlineLevel="5">
      <c r="A832" s="6" t="s">
        <v>1059</v>
      </c>
      <c r="B832" s="6" t="s">
        <v>1060</v>
      </c>
      <c r="C832" s="6" t="s">
        <v>72</v>
      </c>
      <c r="D832" s="6" t="s">
        <v>11</v>
      </c>
      <c r="E832" s="6" t="e"/>
    </row>
    <row r="833" ht="33" customHeight="true" s="1" customFormat="true" hidden="true" outlineLevel="5">
      <c r="A833" s="6" t="s">
        <v>1061</v>
      </c>
      <c r="B833" s="6" t="s">
        <v>163</v>
      </c>
      <c r="C833" s="6" t="s">
        <v>127</v>
      </c>
      <c r="D833" s="6" t="s">
        <v>26</v>
      </c>
      <c r="E833" s="6" t="e"/>
    </row>
    <row r="834" ht="33" customHeight="true" s="1" customFormat="true" hidden="true" outlineLevel="5">
      <c r="A834" s="6" t="s">
        <v>1062</v>
      </c>
      <c r="B834" s="6" t="s">
        <v>103</v>
      </c>
      <c r="C834" s="6" t="s">
        <v>127</v>
      </c>
      <c r="D834" s="6" t="s">
        <v>11</v>
      </c>
      <c r="E834" s="6" t="e"/>
    </row>
    <row r="835" ht="22" customHeight="true" s="1" customFormat="true" hidden="true" outlineLevel="5">
      <c r="A835" s="6" t="s">
        <v>1063</v>
      </c>
      <c r="B835" s="6" t="s">
        <v>551</v>
      </c>
      <c r="C835" s="6" t="s">
        <v>149</v>
      </c>
      <c r="D835" s="6" t="s">
        <v>100</v>
      </c>
      <c r="E835" s="6" t="e"/>
    </row>
    <row r="836" ht="33" customHeight="true" s="1" customFormat="true" hidden="true" outlineLevel="5">
      <c r="A836" s="6" t="s">
        <v>1064</v>
      </c>
      <c r="B836" s="6" t="s">
        <v>527</v>
      </c>
      <c r="C836" s="6" t="s">
        <v>103</v>
      </c>
      <c r="D836" s="6" t="s">
        <v>123</v>
      </c>
      <c r="E836" s="6" t="e"/>
    </row>
    <row r="837" ht="33" customHeight="true" s="1" customFormat="true" hidden="true" outlineLevel="5">
      <c r="A837" s="6" t="s">
        <v>1065</v>
      </c>
      <c r="B837" s="6" t="s">
        <v>547</v>
      </c>
      <c r="C837" s="6" t="s">
        <v>149</v>
      </c>
      <c r="D837" s="6" t="s">
        <v>11</v>
      </c>
      <c r="E837" s="6" t="e"/>
    </row>
    <row r="838" ht="33" customHeight="true" s="1" customFormat="true" hidden="true" outlineLevel="5">
      <c r="A838" s="6" t="s">
        <v>1066</v>
      </c>
      <c r="B838" s="6" t="s">
        <v>200</v>
      </c>
      <c r="C838" s="6" t="s">
        <v>219</v>
      </c>
      <c r="D838" s="6" t="s">
        <v>11</v>
      </c>
      <c r="E838" s="6" t="e"/>
    </row>
    <row r="839" ht="33" customHeight="true" s="1" customFormat="true" hidden="true" outlineLevel="5">
      <c r="A839" s="6" t="s">
        <v>1067</v>
      </c>
      <c r="B839" s="6" t="s">
        <v>1017</v>
      </c>
      <c r="C839" s="6" t="s">
        <v>127</v>
      </c>
      <c r="D839" s="6" t="s">
        <v>15</v>
      </c>
      <c r="E839" s="6" t="e"/>
    </row>
    <row r="840" ht="44" customHeight="true" s="1" customFormat="true" hidden="true" outlineLevel="5">
      <c r="A840" s="6" t="s">
        <v>1068</v>
      </c>
      <c r="B840" s="6" t="s">
        <v>102</v>
      </c>
      <c r="C840" s="6" t="s">
        <v>103</v>
      </c>
      <c r="D840" s="6" t="s">
        <v>11</v>
      </c>
      <c r="E840" s="6" t="e"/>
    </row>
    <row r="841" ht="22" customHeight="true" s="1" customFormat="true" hidden="true" outlineLevel="5">
      <c r="A841" s="6" t="s">
        <v>1069</v>
      </c>
      <c r="B841" s="6" t="s">
        <v>312</v>
      </c>
      <c r="C841" s="6" t="s">
        <v>99</v>
      </c>
      <c r="D841" s="6" t="s">
        <v>11</v>
      </c>
      <c r="E841" s="6" t="e"/>
    </row>
    <row r="842" ht="33" customHeight="true" s="1" customFormat="true" hidden="true" outlineLevel="5">
      <c r="A842" s="6" t="s">
        <v>1070</v>
      </c>
      <c r="B842" s="6" t="s">
        <v>242</v>
      </c>
      <c r="C842" s="6" t="s">
        <v>103</v>
      </c>
      <c r="D842" s="6" t="s">
        <v>26</v>
      </c>
      <c r="E842" s="6" t="e"/>
    </row>
    <row r="843" ht="33" customHeight="true" s="1" customFormat="true" hidden="true" collapsed="true" outlineLevel="5">
      <c r="A843" s="6" t="s">
        <v>1071</v>
      </c>
      <c r="B843" s="6" t="s">
        <v>187</v>
      </c>
      <c r="C843" s="6" t="s">
        <v>103</v>
      </c>
      <c r="D843" s="6" t="s">
        <v>11</v>
      </c>
      <c r="E843" s="6" t="e"/>
    </row>
    <row r="844" ht="11" customHeight="true" s="1" customFormat="true" hidden="true" collapsed="true" outlineLevel="4">
      <c r="A844" s="5" t="s">
        <v>1072</v>
      </c>
      <c r="B844" s="5" t="e"/>
      <c r="C844" s="5" t="e"/>
      <c r="D844" s="5" t="e"/>
      <c r="E844" s="5" t="e"/>
    </row>
    <row r="845" ht="33" customHeight="true" s="1" customFormat="true" hidden="true" collapsed="true" outlineLevel="5">
      <c r="A845" s="6" t="s">
        <v>1073</v>
      </c>
      <c r="B845" s="6" t="s">
        <v>1074</v>
      </c>
      <c r="C845" s="6" t="s">
        <v>219</v>
      </c>
      <c r="D845" s="6" t="s">
        <v>11</v>
      </c>
      <c r="E845" s="6" t="e"/>
    </row>
    <row r="846" ht="11" customHeight="true" s="1" customFormat="true" hidden="true" collapsed="true" outlineLevel="4">
      <c r="A846" s="5" t="s">
        <v>1075</v>
      </c>
      <c r="B846" s="5" t="e"/>
      <c r="C846" s="5" t="e"/>
      <c r="D846" s="5" t="e"/>
      <c r="E846" s="5" t="e"/>
    </row>
    <row r="847" ht="33" customHeight="true" s="1" customFormat="true" hidden="true" outlineLevel="5">
      <c r="A847" s="6" t="s">
        <v>1076</v>
      </c>
      <c r="B847" s="6" t="s">
        <v>139</v>
      </c>
      <c r="C847" s="6" t="s">
        <v>103</v>
      </c>
      <c r="D847" s="6" t="s">
        <v>26</v>
      </c>
      <c r="E847" s="6" t="e"/>
    </row>
    <row r="848" ht="33" customHeight="true" s="1" customFormat="true" hidden="true" outlineLevel="5">
      <c r="A848" s="6" t="s">
        <v>1077</v>
      </c>
      <c r="B848" s="6" t="s">
        <v>527</v>
      </c>
      <c r="C848" s="6" t="s">
        <v>219</v>
      </c>
      <c r="D848" s="6" t="s">
        <v>11</v>
      </c>
      <c r="E848" s="6" t="e"/>
    </row>
    <row r="849" ht="22" customHeight="true" s="1" customFormat="true" hidden="true" outlineLevel="5">
      <c r="A849" s="6" t="s">
        <v>1078</v>
      </c>
      <c r="B849" s="6" t="s">
        <v>551</v>
      </c>
      <c r="C849" s="6" t="s">
        <v>149</v>
      </c>
      <c r="D849" s="6" t="s">
        <v>11</v>
      </c>
      <c r="E849" s="6" t="e"/>
    </row>
    <row r="850" ht="44" customHeight="true" s="1" customFormat="true" hidden="true" outlineLevel="5">
      <c r="A850" s="6" t="s">
        <v>1079</v>
      </c>
      <c r="B850" s="6" t="s">
        <v>148</v>
      </c>
      <c r="C850" s="6" t="s">
        <v>149</v>
      </c>
      <c r="D850" s="6" t="s">
        <v>26</v>
      </c>
      <c r="E850" s="6" t="e"/>
    </row>
    <row r="851" ht="33" customHeight="true" s="1" customFormat="true" hidden="true" outlineLevel="5">
      <c r="A851" s="6" t="s">
        <v>1080</v>
      </c>
      <c r="B851" s="6" t="s">
        <v>998</v>
      </c>
      <c r="C851" s="6" t="s">
        <v>219</v>
      </c>
      <c r="D851" s="6" t="s">
        <v>11</v>
      </c>
      <c r="E851" s="6" t="e"/>
    </row>
    <row r="852" ht="44" customHeight="true" s="1" customFormat="true" hidden="true" outlineLevel="5">
      <c r="A852" s="6" t="s">
        <v>1081</v>
      </c>
      <c r="B852" s="6" t="s">
        <v>664</v>
      </c>
      <c r="C852" s="6" t="s">
        <v>149</v>
      </c>
      <c r="D852" s="6" t="s">
        <v>11</v>
      </c>
      <c r="E852" s="6" t="e"/>
    </row>
    <row r="853" ht="33" customHeight="true" s="1" customFormat="true" hidden="true" outlineLevel="5">
      <c r="A853" s="6" t="s">
        <v>1082</v>
      </c>
      <c r="B853" s="6" t="s">
        <v>1024</v>
      </c>
      <c r="C853" s="6" t="s">
        <v>103</v>
      </c>
      <c r="D853" s="6" t="s">
        <v>11</v>
      </c>
      <c r="E853" s="6" t="e"/>
    </row>
    <row r="854" ht="33" customHeight="true" s="1" customFormat="true" hidden="true" outlineLevel="5">
      <c r="A854" s="6" t="s">
        <v>1083</v>
      </c>
      <c r="B854" s="6" t="s">
        <v>136</v>
      </c>
      <c r="C854" s="6" t="s">
        <v>50</v>
      </c>
      <c r="D854" s="6" t="s">
        <v>40</v>
      </c>
      <c r="E854" s="6" t="e"/>
    </row>
    <row r="855" ht="33" customHeight="true" s="1" customFormat="true" hidden="true" outlineLevel="5">
      <c r="A855" s="6" t="s">
        <v>1084</v>
      </c>
      <c r="B855" s="6" t="s">
        <v>139</v>
      </c>
      <c r="C855" s="6" t="s">
        <v>103</v>
      </c>
      <c r="D855" s="6" t="s">
        <v>26</v>
      </c>
      <c r="E855" s="6" t="e"/>
    </row>
    <row r="856" ht="22" customHeight="true" s="1" customFormat="true" hidden="true" outlineLevel="5">
      <c r="A856" s="6" t="s">
        <v>1085</v>
      </c>
      <c r="B856" s="6" t="s">
        <v>1024</v>
      </c>
      <c r="C856" s="6" t="s">
        <v>103</v>
      </c>
      <c r="D856" s="6" t="s">
        <v>11</v>
      </c>
      <c r="E856" s="6" t="e"/>
    </row>
    <row r="857" ht="33" customHeight="true" s="1" customFormat="true" hidden="true" outlineLevel="5">
      <c r="A857" s="6" t="s">
        <v>1086</v>
      </c>
      <c r="B857" s="6" t="s">
        <v>664</v>
      </c>
      <c r="C857" s="6" t="s">
        <v>149</v>
      </c>
      <c r="D857" s="6" t="s">
        <v>11</v>
      </c>
      <c r="E857" s="6" t="e"/>
    </row>
    <row r="858" ht="44" customHeight="true" s="1" customFormat="true" hidden="true" collapsed="true" outlineLevel="5">
      <c r="A858" s="6" t="s">
        <v>1087</v>
      </c>
      <c r="B858" s="6" t="s">
        <v>139</v>
      </c>
      <c r="C858" s="6" t="s">
        <v>103</v>
      </c>
      <c r="D858" s="6" t="s">
        <v>15</v>
      </c>
      <c r="E858" s="6" t="e"/>
    </row>
    <row r="859" ht="11" customHeight="true" s="1" customFormat="true" hidden="true" collapsed="true" outlineLevel="4">
      <c r="A859" s="5" t="s">
        <v>1088</v>
      </c>
      <c r="B859" s="5" t="e"/>
      <c r="C859" s="5" t="e"/>
      <c r="D859" s="5" t="e"/>
      <c r="E859" s="5" t="e"/>
    </row>
    <row r="860" ht="33" customHeight="true" s="1" customFormat="true" hidden="true" outlineLevel="5">
      <c r="A860" s="6" t="s">
        <v>1089</v>
      </c>
      <c r="B860" s="6" t="s">
        <v>242</v>
      </c>
      <c r="C860" s="6" t="s">
        <v>103</v>
      </c>
      <c r="D860" s="6" t="s">
        <v>11</v>
      </c>
      <c r="E860" s="6" t="e"/>
    </row>
    <row r="861" ht="33" customHeight="true" s="1" customFormat="true" hidden="true" outlineLevel="5">
      <c r="A861" s="6" t="s">
        <v>1090</v>
      </c>
      <c r="B861" s="6" t="s">
        <v>242</v>
      </c>
      <c r="C861" s="6" t="s">
        <v>103</v>
      </c>
      <c r="D861" s="6" t="s">
        <v>11</v>
      </c>
      <c r="E861" s="6" t="e"/>
    </row>
    <row r="862" ht="33" customHeight="true" s="1" customFormat="true" hidden="true" outlineLevel="5">
      <c r="A862" s="6" t="s">
        <v>1091</v>
      </c>
      <c r="B862" s="6" t="s">
        <v>824</v>
      </c>
      <c r="C862" s="6" t="s">
        <v>149</v>
      </c>
      <c r="D862" s="6" t="s">
        <v>26</v>
      </c>
      <c r="E862" s="6" t="e"/>
    </row>
    <row r="863" ht="33" customHeight="true" s="1" customFormat="true" hidden="true" outlineLevel="5">
      <c r="A863" s="6" t="s">
        <v>1092</v>
      </c>
      <c r="B863" s="6" t="s">
        <v>1093</v>
      </c>
      <c r="C863" s="6" t="s">
        <v>219</v>
      </c>
      <c r="D863" s="6" t="s">
        <v>11</v>
      </c>
      <c r="E863" s="6" t="e"/>
    </row>
    <row r="864" ht="33" customHeight="true" s="1" customFormat="true" hidden="true" outlineLevel="5">
      <c r="A864" s="6" t="s">
        <v>1094</v>
      </c>
      <c r="B864" s="6" t="s">
        <v>1095</v>
      </c>
      <c r="C864" s="6" t="s">
        <v>219</v>
      </c>
      <c r="D864" s="6" t="s">
        <v>26</v>
      </c>
      <c r="E864" s="6" t="e"/>
    </row>
    <row r="865" ht="33" customHeight="true" s="1" customFormat="true" hidden="true" outlineLevel="5">
      <c r="A865" s="6" t="s">
        <v>1096</v>
      </c>
      <c r="B865" s="6" t="s">
        <v>296</v>
      </c>
      <c r="C865" s="6" t="s">
        <v>99</v>
      </c>
      <c r="D865" s="6" t="s">
        <v>40</v>
      </c>
      <c r="E865" s="6" t="e"/>
    </row>
    <row r="866" ht="33" customHeight="true" s="1" customFormat="true" hidden="true" outlineLevel="5">
      <c r="A866" s="6" t="s">
        <v>1097</v>
      </c>
      <c r="B866" s="6" t="s">
        <v>1093</v>
      </c>
      <c r="C866" s="6" t="s">
        <v>219</v>
      </c>
      <c r="D866" s="6" t="s">
        <v>11</v>
      </c>
      <c r="E866" s="6" t="e"/>
    </row>
    <row r="867" ht="44" customHeight="true" s="1" customFormat="true" hidden="true" outlineLevel="5">
      <c r="A867" s="6" t="s">
        <v>1098</v>
      </c>
      <c r="B867" s="6" t="s">
        <v>1095</v>
      </c>
      <c r="C867" s="6" t="s">
        <v>219</v>
      </c>
      <c r="D867" s="6" t="s">
        <v>26</v>
      </c>
      <c r="E867" s="6" t="e"/>
    </row>
    <row r="868" ht="33" customHeight="true" s="1" customFormat="true" hidden="true" outlineLevel="5">
      <c r="A868" s="6" t="s">
        <v>1099</v>
      </c>
      <c r="B868" s="6" t="s">
        <v>151</v>
      </c>
      <c r="C868" s="6" t="s">
        <v>99</v>
      </c>
      <c r="D868" s="6" t="s">
        <v>40</v>
      </c>
      <c r="E868" s="6" t="e"/>
    </row>
    <row r="869" ht="22" customHeight="true" s="1" customFormat="true" hidden="true" collapsed="true" outlineLevel="5">
      <c r="A869" s="6" t="s">
        <v>1100</v>
      </c>
      <c r="B869" s="6" t="s">
        <v>1074</v>
      </c>
      <c r="C869" s="6" t="s">
        <v>127</v>
      </c>
      <c r="D869" s="6" t="s">
        <v>40</v>
      </c>
      <c r="E869" s="6" t="e"/>
    </row>
    <row r="870" ht="11" customHeight="true" s="1" customFormat="true" hidden="true" collapsed="true" outlineLevel="3">
      <c r="A870" s="5" t="s">
        <v>1101</v>
      </c>
      <c r="B870" s="5" t="e"/>
      <c r="C870" s="5" t="e"/>
      <c r="D870" s="5" t="e"/>
      <c r="E870" s="5" t="e"/>
    </row>
    <row r="871" ht="33" customHeight="true" s="1" customFormat="true" hidden="true" outlineLevel="4">
      <c r="A871" s="6" t="s">
        <v>1102</v>
      </c>
      <c r="B871" s="6" t="e"/>
      <c r="C871" s="6" t="s">
        <v>219</v>
      </c>
      <c r="D871" s="6" t="s">
        <v>11</v>
      </c>
      <c r="E871" s="6" t="e"/>
    </row>
    <row r="872" ht="44" customHeight="true" s="1" customFormat="true" hidden="true" outlineLevel="4">
      <c r="A872" s="6" t="s">
        <v>1103</v>
      </c>
      <c r="B872" s="6" t="s">
        <v>172</v>
      </c>
      <c r="C872" s="6" t="s">
        <v>219</v>
      </c>
      <c r="D872" s="6" t="s">
        <v>11</v>
      </c>
      <c r="E872" s="6" t="e"/>
    </row>
    <row r="873" ht="33" customHeight="true" s="1" customFormat="true" hidden="true" collapsed="true" outlineLevel="4">
      <c r="A873" s="6" t="s">
        <v>1104</v>
      </c>
      <c r="B873" s="6" t="s">
        <v>551</v>
      </c>
      <c r="C873" s="6" t="s">
        <v>149</v>
      </c>
      <c r="D873" s="6" t="s">
        <v>11</v>
      </c>
      <c r="E873" s="6" t="e"/>
    </row>
    <row r="874" ht="11" customHeight="true" s="1" customFormat="true" hidden="true" collapsed="true" outlineLevel="3">
      <c r="A874" s="5" t="s">
        <v>1105</v>
      </c>
      <c r="B874" s="5" t="e"/>
      <c r="C874" s="5" t="e"/>
      <c r="D874" s="5" t="e"/>
      <c r="E874" s="5" t="e"/>
    </row>
    <row r="875" ht="33" customHeight="true" s="1" customFormat="true" hidden="true" collapsed="true" outlineLevel="4">
      <c r="A875" s="6" t="s">
        <v>1106</v>
      </c>
      <c r="B875" s="6" t="e"/>
      <c r="C875" s="6" t="s">
        <v>72</v>
      </c>
      <c r="D875" s="6" t="s">
        <v>11</v>
      </c>
      <c r="E875" s="6" t="e"/>
    </row>
    <row r="876" ht="11" customHeight="true" s="1" customFormat="true" hidden="true" collapsed="true" outlineLevel="3">
      <c r="A876" s="5" t="s">
        <v>1107</v>
      </c>
      <c r="B876" s="5" t="e"/>
      <c r="C876" s="5" t="e"/>
      <c r="D876" s="5" t="e"/>
      <c r="E876" s="5" t="e"/>
    </row>
    <row r="877" ht="22" customHeight="true" s="1" customFormat="true" hidden="true" outlineLevel="4">
      <c r="A877" s="6" t="s">
        <v>1108</v>
      </c>
      <c r="B877" s="6" t="e"/>
      <c r="C877" s="6" t="s">
        <v>155</v>
      </c>
      <c r="D877" s="6" t="s">
        <v>11</v>
      </c>
      <c r="E877" s="6" t="e"/>
    </row>
    <row r="878" ht="33" customHeight="true" s="1" customFormat="true" hidden="true" outlineLevel="4">
      <c r="A878" s="6" t="s">
        <v>1109</v>
      </c>
      <c r="B878" s="6" t="s">
        <v>172</v>
      </c>
      <c r="C878" s="6" t="s">
        <v>103</v>
      </c>
      <c r="D878" s="6" t="s">
        <v>11</v>
      </c>
      <c r="E878" s="6" t="e"/>
    </row>
    <row r="879" ht="33" customHeight="true" s="1" customFormat="true" hidden="true" outlineLevel="4">
      <c r="A879" s="6" t="s">
        <v>1110</v>
      </c>
      <c r="B879" s="6" t="s">
        <v>151</v>
      </c>
      <c r="C879" s="6" t="s">
        <v>103</v>
      </c>
      <c r="D879" s="6" t="s">
        <v>26</v>
      </c>
      <c r="E879" s="6" t="e"/>
    </row>
    <row r="880" ht="33" customHeight="true" s="1" customFormat="true" hidden="true" outlineLevel="4">
      <c r="A880" s="6" t="s">
        <v>1111</v>
      </c>
      <c r="B880" s="6" t="s">
        <v>151</v>
      </c>
      <c r="C880" s="6" t="s">
        <v>103</v>
      </c>
      <c r="D880" s="6" t="s">
        <v>11</v>
      </c>
      <c r="E880" s="6" t="e"/>
    </row>
    <row r="881" ht="22" customHeight="true" s="1" customFormat="true" hidden="true" outlineLevel="4">
      <c r="A881" s="6" t="s">
        <v>1112</v>
      </c>
      <c r="B881" s="6" t="s">
        <v>139</v>
      </c>
      <c r="C881" s="6" t="s">
        <v>103</v>
      </c>
      <c r="D881" s="6" t="s">
        <v>11</v>
      </c>
      <c r="E881" s="6" t="e"/>
    </row>
    <row r="882" ht="22" customHeight="true" s="1" customFormat="true" hidden="true" outlineLevel="4">
      <c r="A882" s="6" t="s">
        <v>1113</v>
      </c>
      <c r="B882" s="6" t="s">
        <v>172</v>
      </c>
      <c r="C882" s="6" t="s">
        <v>103</v>
      </c>
      <c r="D882" s="6" t="s">
        <v>26</v>
      </c>
      <c r="E882" s="6" t="e"/>
    </row>
    <row r="883" ht="33" customHeight="true" s="1" customFormat="true" hidden="true" outlineLevel="4">
      <c r="A883" s="6" t="s">
        <v>1114</v>
      </c>
      <c r="B883" s="6" t="s">
        <v>551</v>
      </c>
      <c r="C883" s="6" t="s">
        <v>149</v>
      </c>
      <c r="D883" s="6" t="s">
        <v>11</v>
      </c>
      <c r="E883" s="6" t="e"/>
    </row>
    <row r="884" ht="44" customHeight="true" s="1" customFormat="true" hidden="true" outlineLevel="4">
      <c r="A884" s="6" t="s">
        <v>1115</v>
      </c>
      <c r="B884" s="6" t="s">
        <v>551</v>
      </c>
      <c r="C884" s="6" t="s">
        <v>149</v>
      </c>
      <c r="D884" s="6" t="s">
        <v>644</v>
      </c>
      <c r="E884" s="6" t="e"/>
    </row>
    <row r="885" ht="22" customHeight="true" s="1" customFormat="true" hidden="true" outlineLevel="4">
      <c r="A885" s="6" t="s">
        <v>1116</v>
      </c>
      <c r="B885" s="6" t="s">
        <v>998</v>
      </c>
      <c r="C885" s="6" t="s">
        <v>219</v>
      </c>
      <c r="D885" s="6" t="s">
        <v>11</v>
      </c>
      <c r="E885" s="6" t="e"/>
    </row>
    <row r="886" ht="22" customHeight="true" s="1" customFormat="true" hidden="true" outlineLevel="4">
      <c r="A886" s="6" t="s">
        <v>1117</v>
      </c>
      <c r="B886" s="6" t="s">
        <v>413</v>
      </c>
      <c r="C886" s="6" t="s">
        <v>62</v>
      </c>
      <c r="D886" s="6" t="s">
        <v>11</v>
      </c>
      <c r="E886" s="6" t="e"/>
    </row>
    <row r="887" ht="22" customHeight="true" s="1" customFormat="true" hidden="true" outlineLevel="4">
      <c r="A887" s="6" t="s">
        <v>1118</v>
      </c>
      <c r="B887" s="6" t="e"/>
      <c r="C887" s="6" t="s">
        <v>103</v>
      </c>
      <c r="D887" s="6" t="s">
        <v>11</v>
      </c>
      <c r="E887" s="6" t="e"/>
    </row>
    <row r="888" ht="33" customHeight="true" s="1" customFormat="true" hidden="true" outlineLevel="4">
      <c r="A888" s="6" t="s">
        <v>1119</v>
      </c>
      <c r="B888" s="6" t="s">
        <v>1120</v>
      </c>
      <c r="C888" s="6" t="s">
        <v>219</v>
      </c>
      <c r="D888" s="6" t="s">
        <v>11</v>
      </c>
      <c r="E888" s="6" t="e"/>
    </row>
    <row r="889" ht="33" customHeight="true" s="1" customFormat="true" hidden="true" outlineLevel="4">
      <c r="A889" s="6" t="s">
        <v>1121</v>
      </c>
      <c r="B889" s="6" t="s">
        <v>1120</v>
      </c>
      <c r="C889" s="6" t="s">
        <v>219</v>
      </c>
      <c r="D889" s="6" t="s">
        <v>11</v>
      </c>
      <c r="E889" s="6" t="e"/>
    </row>
    <row r="890" ht="33" customHeight="true" s="1" customFormat="true" hidden="true" outlineLevel="4">
      <c r="A890" s="6" t="s">
        <v>1122</v>
      </c>
      <c r="B890" s="6" t="s">
        <v>1120</v>
      </c>
      <c r="C890" s="6" t="s">
        <v>219</v>
      </c>
      <c r="D890" s="6" t="s">
        <v>11</v>
      </c>
      <c r="E890" s="6" t="e"/>
    </row>
    <row r="891" ht="33" customHeight="true" s="1" customFormat="true" hidden="true" collapsed="true" outlineLevel="4">
      <c r="A891" s="6" t="s">
        <v>1123</v>
      </c>
      <c r="B891" s="6" t="s">
        <v>1120</v>
      </c>
      <c r="C891" s="6" t="s">
        <v>219</v>
      </c>
      <c r="D891" s="6" t="s">
        <v>11</v>
      </c>
      <c r="E891" s="6" t="e"/>
    </row>
    <row r="892" ht="22" customHeight="true" s="1" customFormat="true" hidden="true" outlineLevel="3">
      <c r="A892" s="6" t="s">
        <v>1124</v>
      </c>
      <c r="B892" s="6" t="e"/>
      <c r="C892" s="6" t="s">
        <v>574</v>
      </c>
      <c r="D892" s="6" t="s">
        <v>644</v>
      </c>
      <c r="E892" s="6" t="e"/>
    </row>
    <row r="893" ht="22" customHeight="true" s="1" customFormat="true" hidden="true" outlineLevel="3">
      <c r="A893" s="6" t="s">
        <v>1125</v>
      </c>
      <c r="B893" s="6" t="e"/>
      <c r="C893" s="6" t="s">
        <v>296</v>
      </c>
      <c r="D893" s="6" t="s">
        <v>664</v>
      </c>
      <c r="E893" s="6" t="e"/>
    </row>
    <row r="894" ht="22" customHeight="true" s="1" customFormat="true" hidden="true" outlineLevel="3">
      <c r="A894" s="6" t="s">
        <v>1126</v>
      </c>
      <c r="B894" s="6" t="e"/>
      <c r="C894" s="6" t="s">
        <v>149</v>
      </c>
      <c r="D894" s="6" t="s">
        <v>891</v>
      </c>
      <c r="E894" s="6" t="e"/>
    </row>
    <row r="895" ht="33" customHeight="true" s="1" customFormat="true" hidden="true" outlineLevel="3">
      <c r="A895" s="6" t="s">
        <v>1127</v>
      </c>
      <c r="B895" s="6" t="s">
        <v>151</v>
      </c>
      <c r="C895" s="6" t="s">
        <v>103</v>
      </c>
      <c r="D895" s="6" t="s">
        <v>11</v>
      </c>
      <c r="E895" s="6" t="e"/>
    </row>
    <row r="896" ht="33" customHeight="true" s="1" customFormat="true" hidden="true" outlineLevel="3">
      <c r="A896" s="6" t="s">
        <v>1128</v>
      </c>
      <c r="B896" s="6" t="s">
        <v>664</v>
      </c>
      <c r="C896" s="6" t="s">
        <v>149</v>
      </c>
      <c r="D896" s="6" t="s">
        <v>26</v>
      </c>
      <c r="E896" s="6" t="e"/>
    </row>
    <row r="897" ht="33" customHeight="true" s="1" customFormat="true" hidden="true" outlineLevel="3">
      <c r="A897" s="6" t="s">
        <v>1129</v>
      </c>
      <c r="B897" s="6" t="s">
        <v>664</v>
      </c>
      <c r="C897" s="6" t="s">
        <v>149</v>
      </c>
      <c r="D897" s="6" t="s">
        <v>26</v>
      </c>
      <c r="E897" s="6" t="e"/>
    </row>
    <row r="898" ht="33" customHeight="true" s="1" customFormat="true" hidden="true" collapsed="true" outlineLevel="3">
      <c r="A898" s="6" t="s">
        <v>1130</v>
      </c>
      <c r="B898" s="6" t="s">
        <v>151</v>
      </c>
      <c r="C898" s="6" t="s">
        <v>103</v>
      </c>
      <c r="D898" s="6" t="s">
        <v>11</v>
      </c>
      <c r="E898" s="6" t="e"/>
    </row>
    <row r="899" ht="11" customHeight="true" s="1" customFormat="true" hidden="true" collapsed="true" outlineLevel="2">
      <c r="A899" s="5" t="s">
        <v>1131</v>
      </c>
      <c r="B899" s="5" t="e"/>
      <c r="C899" s="5" t="e"/>
      <c r="D899" s="5" t="e"/>
      <c r="E899" s="5" t="e"/>
    </row>
    <row r="900" ht="33" customHeight="true" s="1" customFormat="true" hidden="true" collapsed="true" outlineLevel="3">
      <c r="A900" s="6" t="s">
        <v>1132</v>
      </c>
      <c r="B900" s="6" t="e"/>
      <c r="C900" s="6" t="s">
        <v>142</v>
      </c>
      <c r="D900" s="6" t="s">
        <v>57</v>
      </c>
      <c r="E900" s="6" t="e"/>
    </row>
    <row r="901" ht="11" customHeight="true" s="1" customFormat="true" hidden="true" collapsed="true" outlineLevel="2">
      <c r="A901" s="5" t="s">
        <v>1133</v>
      </c>
      <c r="B901" s="5" t="e"/>
      <c r="C901" s="5" t="e"/>
      <c r="D901" s="5" t="e"/>
      <c r="E901" s="5" t="e"/>
    </row>
    <row r="902" ht="22" customHeight="true" s="1" customFormat="true" hidden="true" outlineLevel="3">
      <c r="A902" s="6" t="s">
        <v>1134</v>
      </c>
      <c r="B902" s="6" t="s">
        <v>1135</v>
      </c>
      <c r="C902" s="6" t="s">
        <v>574</v>
      </c>
      <c r="D902" s="6" t="s">
        <v>15</v>
      </c>
      <c r="E902" s="6" t="e"/>
    </row>
    <row r="903" ht="22" customHeight="true" s="1" customFormat="true" hidden="true" outlineLevel="3">
      <c r="A903" s="6" t="s">
        <v>1136</v>
      </c>
      <c r="B903" s="6" t="s">
        <v>639</v>
      </c>
      <c r="C903" s="6" t="s">
        <v>167</v>
      </c>
      <c r="D903" s="6" t="s">
        <v>11</v>
      </c>
      <c r="E903" s="6" t="e"/>
    </row>
    <row r="904" ht="22" customHeight="true" s="1" customFormat="true" hidden="true" outlineLevel="3">
      <c r="A904" s="6" t="s">
        <v>1137</v>
      </c>
      <c r="B904" s="6" t="s">
        <v>149</v>
      </c>
      <c r="C904" s="6" t="s">
        <v>142</v>
      </c>
      <c r="D904" s="6" t="s">
        <v>15</v>
      </c>
      <c r="E904" s="6" t="e"/>
    </row>
    <row r="905" ht="11" customHeight="true" collapsed="true" outlineLevel="1">
      <c r="A905" s="5" t="s">
        <v>1138</v>
      </c>
      <c r="B905" s="5" t="e"/>
      <c r="C905" s="5" t="e"/>
      <c r="D905" s="5" t="e"/>
      <c r="E905" s="5" t="e"/>
    </row>
    <row r="906" ht="11" customHeight="true" s="1" customFormat="true" hidden="true" collapsed="true" outlineLevel="2">
      <c r="A906" s="5" t="s">
        <v>1139</v>
      </c>
      <c r="B906" s="5" t="e"/>
      <c r="C906" s="5" t="e"/>
      <c r="D906" s="5" t="e"/>
      <c r="E906" s="5" t="e"/>
    </row>
    <row r="907" ht="33" customHeight="true" s="1" customFormat="true" hidden="true" collapsed="true" outlineLevel="3">
      <c r="A907" s="6" t="s">
        <v>1140</v>
      </c>
      <c r="B907" s="6" t="s">
        <v>120</v>
      </c>
      <c r="C907" s="6" t="s">
        <v>72</v>
      </c>
      <c r="D907" s="6" t="s">
        <v>57</v>
      </c>
      <c r="E907" s="6" t="e"/>
    </row>
    <row r="908" ht="11" customHeight="true" s="1" customFormat="true" hidden="true" collapsed="true" outlineLevel="2">
      <c r="A908" s="5" t="s">
        <v>1141</v>
      </c>
      <c r="B908" s="5" t="e"/>
      <c r="C908" s="5" t="e"/>
      <c r="D908" s="5" t="e"/>
      <c r="E908" s="5" t="e"/>
    </row>
    <row r="909" ht="44" customHeight="true" s="1" customFormat="true" hidden="true" outlineLevel="3">
      <c r="A909" s="6" t="s">
        <v>1142</v>
      </c>
      <c r="B909" s="6" t="s">
        <v>99</v>
      </c>
      <c r="C909" s="6" t="s">
        <v>142</v>
      </c>
      <c r="D909" s="6" t="s">
        <v>26</v>
      </c>
      <c r="E909" s="6" t="e"/>
    </row>
    <row r="910" ht="22" customHeight="true" s="1" customFormat="true" hidden="true" outlineLevel="3">
      <c r="A910" s="6" t="s">
        <v>1143</v>
      </c>
      <c r="B910" s="6" t="s">
        <v>142</v>
      </c>
      <c r="C910" s="6" t="s">
        <v>72</v>
      </c>
      <c r="D910" s="6" t="s">
        <v>11</v>
      </c>
      <c r="E910" s="6" t="e"/>
    </row>
    <row r="911" ht="22" customHeight="true" s="1" customFormat="true" hidden="true" outlineLevel="3">
      <c r="A911" s="6" t="s">
        <v>1144</v>
      </c>
      <c r="B911" s="6" t="s">
        <v>149</v>
      </c>
      <c r="C911" s="6" t="s">
        <v>219</v>
      </c>
      <c r="D911" s="6" t="s">
        <v>11</v>
      </c>
      <c r="E911" s="6" t="e"/>
    </row>
    <row r="912" ht="33" customHeight="true" s="1" customFormat="true" hidden="true" outlineLevel="3">
      <c r="A912" s="6" t="s">
        <v>1145</v>
      </c>
      <c r="B912" s="6" t="s">
        <v>61</v>
      </c>
      <c r="C912" s="6" t="s">
        <v>73</v>
      </c>
      <c r="D912" s="6" t="s">
        <v>11</v>
      </c>
      <c r="E912" s="6" t="e"/>
    </row>
    <row r="913" ht="22" customHeight="true" s="1" customFormat="true" hidden="true" outlineLevel="3">
      <c r="A913" s="6" t="s">
        <v>1146</v>
      </c>
      <c r="B913" s="6" t="s">
        <v>339</v>
      </c>
      <c r="C913" s="6" t="s">
        <v>142</v>
      </c>
      <c r="D913" s="6" t="s">
        <v>11</v>
      </c>
      <c r="E913" s="6" t="e"/>
    </row>
    <row r="914" ht="22" customHeight="true" s="1" customFormat="true" hidden="true" outlineLevel="3">
      <c r="A914" s="6" t="s">
        <v>1147</v>
      </c>
      <c r="B914" s="6" t="s">
        <v>66</v>
      </c>
      <c r="C914" s="6" t="s">
        <v>21</v>
      </c>
      <c r="D914" s="6" t="s">
        <v>11</v>
      </c>
      <c r="E914" s="6" t="e"/>
    </row>
    <row r="915" ht="33" customHeight="true" s="1" customFormat="true" hidden="true" outlineLevel="3">
      <c r="A915" s="6" t="s">
        <v>1148</v>
      </c>
      <c r="B915" s="6" t="s">
        <v>127</v>
      </c>
      <c r="C915" s="6" t="s">
        <v>73</v>
      </c>
      <c r="D915" s="6" t="s">
        <v>40</v>
      </c>
      <c r="E915" s="6" t="e"/>
    </row>
    <row r="916" ht="22" customHeight="true" s="1" customFormat="true" hidden="true" outlineLevel="3">
      <c r="A916" s="6" t="s">
        <v>1149</v>
      </c>
      <c r="B916" s="6" t="s">
        <v>1150</v>
      </c>
      <c r="C916" s="6" t="s">
        <v>13</v>
      </c>
      <c r="D916" s="6" t="s">
        <v>26</v>
      </c>
      <c r="E916" s="6" t="e"/>
    </row>
    <row r="917" ht="22" customHeight="true" s="1" customFormat="true" hidden="true" outlineLevel="3">
      <c r="A917" s="6" t="s">
        <v>1151</v>
      </c>
      <c r="B917" s="6" t="s">
        <v>1152</v>
      </c>
      <c r="C917" s="6" t="s">
        <v>72</v>
      </c>
      <c r="D917" s="6" t="s">
        <v>11</v>
      </c>
      <c r="E917" s="6" t="e"/>
    </row>
    <row r="918" ht="22" customHeight="true" s="1" customFormat="true" hidden="true" outlineLevel="3">
      <c r="A918" s="6" t="s">
        <v>1153</v>
      </c>
      <c r="B918" s="6" t="s">
        <v>142</v>
      </c>
      <c r="C918" s="6" t="s">
        <v>72</v>
      </c>
      <c r="D918" s="6" t="s">
        <v>11</v>
      </c>
      <c r="E918" s="6" t="e"/>
    </row>
    <row r="919" ht="22" customHeight="true" s="1" customFormat="true" hidden="true" outlineLevel="3">
      <c r="A919" s="6" t="s">
        <v>1154</v>
      </c>
      <c r="B919" s="6" t="s">
        <v>501</v>
      </c>
      <c r="C919" s="6" t="s">
        <v>62</v>
      </c>
      <c r="D919" s="6" t="s">
        <v>26</v>
      </c>
      <c r="E919" s="6" t="e"/>
    </row>
    <row r="920" ht="22" customHeight="true" s="1" customFormat="true" hidden="true" outlineLevel="3">
      <c r="A920" s="6" t="s">
        <v>1155</v>
      </c>
      <c r="B920" s="6" t="s">
        <v>64</v>
      </c>
      <c r="C920" s="6" t="s">
        <v>73</v>
      </c>
      <c r="D920" s="6" t="s">
        <v>123</v>
      </c>
      <c r="E920" s="6" t="e"/>
    </row>
    <row r="921" ht="33" customHeight="true" s="1" customFormat="true" hidden="true" collapsed="true" outlineLevel="3">
      <c r="A921" s="6" t="s">
        <v>1156</v>
      </c>
      <c r="B921" s="6" t="s">
        <v>66</v>
      </c>
      <c r="C921" s="6" t="s">
        <v>73</v>
      </c>
      <c r="D921" s="6" t="s">
        <v>11</v>
      </c>
      <c r="E921" s="6" t="e"/>
    </row>
    <row r="922" ht="11" customHeight="true" s="1" customFormat="true" hidden="true" collapsed="true" outlineLevel="2">
      <c r="A922" s="5" t="s">
        <v>1157</v>
      </c>
      <c r="B922" s="5" t="e"/>
      <c r="C922" s="5" t="e"/>
      <c r="D922" s="5" t="e"/>
      <c r="E922" s="5" t="e"/>
    </row>
    <row r="923" ht="11" customHeight="true" s="1" customFormat="true" hidden="true" outlineLevel="3">
      <c r="A923" s="6" t="s">
        <v>1158</v>
      </c>
      <c r="B923" s="6" t="s">
        <v>1159</v>
      </c>
      <c r="C923" s="6" t="s">
        <v>99</v>
      </c>
      <c r="D923" s="6" t="s">
        <v>11</v>
      </c>
      <c r="E923" s="6" t="e"/>
    </row>
    <row r="924" ht="44" customHeight="true" s="1" customFormat="true" hidden="true" outlineLevel="3">
      <c r="A924" s="6" t="s">
        <v>1160</v>
      </c>
      <c r="B924" s="6" t="s">
        <v>53</v>
      </c>
      <c r="C924" s="6" t="s">
        <v>62</v>
      </c>
      <c r="D924" s="6" t="s">
        <v>26</v>
      </c>
      <c r="E924" s="6" t="e"/>
    </row>
    <row r="925" ht="44" customHeight="true" s="1" customFormat="true" hidden="true" outlineLevel="3">
      <c r="A925" s="6" t="s">
        <v>1161</v>
      </c>
      <c r="B925" s="6" t="s">
        <v>53</v>
      </c>
      <c r="C925" s="6" t="s">
        <v>62</v>
      </c>
      <c r="D925" s="6" t="s">
        <v>26</v>
      </c>
      <c r="E925" s="6" t="e"/>
    </row>
    <row r="926" ht="44" customHeight="true" s="1" customFormat="true" hidden="true" collapsed="true" outlineLevel="3">
      <c r="A926" s="6" t="s">
        <v>1162</v>
      </c>
      <c r="B926" s="6" t="s">
        <v>53</v>
      </c>
      <c r="C926" s="6" t="s">
        <v>62</v>
      </c>
      <c r="D926" s="6" t="s">
        <v>11</v>
      </c>
      <c r="E926" s="6" t="e"/>
    </row>
    <row r="927" ht="11" customHeight="true" s="1" customFormat="true" hidden="true" collapsed="true" outlineLevel="2">
      <c r="A927" s="5" t="s">
        <v>1163</v>
      </c>
      <c r="B927" s="5" t="e"/>
      <c r="C927" s="5" t="e"/>
      <c r="D927" s="5" t="e"/>
      <c r="E927" s="5" t="e"/>
    </row>
    <row r="928" ht="33" customHeight="true" s="1" customFormat="true" hidden="true" outlineLevel="3">
      <c r="A928" s="6" t="s">
        <v>1164</v>
      </c>
      <c r="B928" s="6" t="s">
        <v>66</v>
      </c>
      <c r="C928" s="6" t="s">
        <v>73</v>
      </c>
      <c r="D928" s="6" t="s">
        <v>57</v>
      </c>
      <c r="E928" s="6" t="e"/>
    </row>
    <row r="929" ht="33" customHeight="true" s="1" customFormat="true" hidden="true" outlineLevel="3">
      <c r="A929" s="6" t="s">
        <v>1165</v>
      </c>
      <c r="B929" s="6" t="s">
        <v>61</v>
      </c>
      <c r="C929" s="6" t="s">
        <v>235</v>
      </c>
      <c r="D929" s="6" t="s">
        <v>26</v>
      </c>
      <c r="E929" s="6" t="e"/>
    </row>
    <row r="930" ht="22" customHeight="true" s="1" customFormat="true" hidden="true" collapsed="true" outlineLevel="3">
      <c r="A930" s="6" t="s">
        <v>1166</v>
      </c>
      <c r="B930" s="6" t="s">
        <v>1167</v>
      </c>
      <c r="C930" s="6" t="s">
        <v>1168</v>
      </c>
      <c r="D930" s="6" t="s">
        <v>11</v>
      </c>
      <c r="E930" s="6" t="e"/>
    </row>
    <row r="931" ht="11" customHeight="true" s="1" customFormat="true" hidden="true" collapsed="true" outlineLevel="2">
      <c r="A931" s="5" t="s">
        <v>1169</v>
      </c>
      <c r="B931" s="5" t="e"/>
      <c r="C931" s="5" t="e"/>
      <c r="D931" s="5" t="e"/>
      <c r="E931" s="5" t="e"/>
    </row>
    <row r="932" ht="11" customHeight="true" s="1" customFormat="true" hidden="true" outlineLevel="3">
      <c r="A932" s="6" t="s">
        <v>1170</v>
      </c>
      <c r="B932" s="6" t="e"/>
      <c r="C932" s="6" t="s">
        <v>112</v>
      </c>
      <c r="D932" s="6" t="s">
        <v>11</v>
      </c>
      <c r="E932" s="6" t="e"/>
    </row>
    <row r="933" ht="22" customHeight="true" s="1" customFormat="true" hidden="true" outlineLevel="3">
      <c r="A933" s="6" t="s">
        <v>1171</v>
      </c>
      <c r="B933" s="6" t="s">
        <v>120</v>
      </c>
      <c r="C933" s="6" t="s">
        <v>127</v>
      </c>
      <c r="D933" s="6" t="s">
        <v>11</v>
      </c>
      <c r="E933" s="6" t="e"/>
    </row>
    <row r="934" ht="22" customHeight="true" s="1" customFormat="true" hidden="true" outlineLevel="3">
      <c r="A934" s="6" t="s">
        <v>1172</v>
      </c>
      <c r="B934" s="6" t="s">
        <v>141</v>
      </c>
      <c r="C934" s="6" t="s">
        <v>155</v>
      </c>
      <c r="D934" s="6" t="s">
        <v>40</v>
      </c>
      <c r="E934" s="6" t="e"/>
    </row>
    <row r="935" ht="22" customHeight="true" s="1" customFormat="true" hidden="true" outlineLevel="3">
      <c r="A935" s="6" t="s">
        <v>1173</v>
      </c>
      <c r="B935" s="6" t="s">
        <v>914</v>
      </c>
      <c r="C935" s="6" t="s">
        <v>66</v>
      </c>
      <c r="D935" s="6" t="s">
        <v>11</v>
      </c>
      <c r="E935" s="6" t="e"/>
    </row>
    <row r="936" ht="33" customHeight="true" s="1" customFormat="true" hidden="true" outlineLevel="3">
      <c r="A936" s="6" t="s">
        <v>1174</v>
      </c>
      <c r="B936" s="6" t="s">
        <v>103</v>
      </c>
      <c r="C936" s="6" t="s">
        <v>72</v>
      </c>
      <c r="D936" s="6" t="s">
        <v>26</v>
      </c>
      <c r="E936" s="6" t="e"/>
    </row>
    <row r="937" ht="22" customHeight="true" s="1" customFormat="true" hidden="true" outlineLevel="3">
      <c r="A937" s="6" t="s">
        <v>1175</v>
      </c>
      <c r="B937" s="6" t="s">
        <v>129</v>
      </c>
      <c r="C937" s="6" t="s">
        <v>72</v>
      </c>
      <c r="D937" s="6" t="s">
        <v>11</v>
      </c>
      <c r="E937" s="6" t="e"/>
    </row>
    <row r="938" ht="33" customHeight="true" s="1" customFormat="true" hidden="true" outlineLevel="3">
      <c r="A938" s="6" t="s">
        <v>1176</v>
      </c>
      <c r="B938" s="6" t="s">
        <v>242</v>
      </c>
      <c r="C938" s="6" t="s">
        <v>99</v>
      </c>
      <c r="D938" s="6" t="s">
        <v>11</v>
      </c>
      <c r="E938" s="6" t="e"/>
    </row>
    <row r="939" ht="33" customHeight="true" s="1" customFormat="true" hidden="true" collapsed="true" outlineLevel="3">
      <c r="A939" s="6" t="s">
        <v>1177</v>
      </c>
      <c r="B939" s="6" t="s">
        <v>1178</v>
      </c>
      <c r="C939" s="6" t="s">
        <v>66</v>
      </c>
      <c r="D939" s="6" t="s">
        <v>11</v>
      </c>
      <c r="E939" s="6" t="e"/>
    </row>
    <row r="940" ht="11" customHeight="true" s="1" customFormat="true" hidden="true" collapsed="true" outlineLevel="2">
      <c r="A940" s="5" t="s">
        <v>1179</v>
      </c>
      <c r="B940" s="5" t="e"/>
      <c r="C940" s="5" t="e"/>
      <c r="D940" s="5" t="e"/>
      <c r="E940" s="5" t="e"/>
    </row>
    <row r="941" ht="33" customHeight="true" s="1" customFormat="true" hidden="true" outlineLevel="3">
      <c r="A941" s="6" t="s">
        <v>1180</v>
      </c>
      <c r="B941" s="6" t="s">
        <v>1181</v>
      </c>
      <c r="C941" s="6" t="s">
        <v>325</v>
      </c>
      <c r="D941" s="6" t="s">
        <v>11</v>
      </c>
      <c r="E941" s="6" t="e"/>
    </row>
    <row r="942" ht="33" customHeight="true" s="1" customFormat="true" hidden="true" outlineLevel="3">
      <c r="A942" s="6" t="s">
        <v>1182</v>
      </c>
      <c r="B942" s="6" t="s">
        <v>289</v>
      </c>
      <c r="C942" s="6" t="s">
        <v>80</v>
      </c>
      <c r="D942" s="6" t="s">
        <v>11</v>
      </c>
      <c r="E942" s="6" t="e"/>
    </row>
    <row r="943" ht="44" customHeight="true" s="1" customFormat="true" hidden="true" outlineLevel="3">
      <c r="A943" s="6" t="s">
        <v>1183</v>
      </c>
      <c r="B943" s="6" t="s">
        <v>1184</v>
      </c>
      <c r="C943" s="6" t="s">
        <v>36</v>
      </c>
      <c r="D943" s="6" t="s">
        <v>40</v>
      </c>
      <c r="E943" s="6" t="e"/>
    </row>
    <row r="944" ht="44" customHeight="true" s="1" customFormat="true" hidden="true" outlineLevel="3">
      <c r="A944" s="6" t="s">
        <v>1185</v>
      </c>
      <c r="B944" s="6" t="s">
        <v>1186</v>
      </c>
      <c r="C944" s="6" t="s">
        <v>1187</v>
      </c>
      <c r="D944" s="6" t="s">
        <v>26</v>
      </c>
      <c r="E944" s="6" t="e"/>
    </row>
    <row r="945" ht="22" customHeight="true" s="1" customFormat="true" hidden="true" outlineLevel="3">
      <c r="A945" s="6" t="s">
        <v>1188</v>
      </c>
      <c r="B945" s="6" t="s">
        <v>82</v>
      </c>
      <c r="C945" s="6" t="s">
        <v>73</v>
      </c>
      <c r="D945" s="6" t="s">
        <v>26</v>
      </c>
      <c r="E945" s="6" t="e"/>
    </row>
    <row r="946" ht="22" customHeight="true" s="1" customFormat="true" hidden="true" outlineLevel="3">
      <c r="A946" s="6" t="s">
        <v>1189</v>
      </c>
      <c r="B946" s="6" t="s">
        <v>82</v>
      </c>
      <c r="C946" s="6" t="s">
        <v>73</v>
      </c>
      <c r="D946" s="6" t="s">
        <v>11</v>
      </c>
      <c r="E946" s="6" t="e"/>
    </row>
    <row r="947" ht="33" customHeight="true" s="1" customFormat="true" hidden="true" outlineLevel="3">
      <c r="A947" s="6" t="s">
        <v>1190</v>
      </c>
      <c r="B947" s="6" t="s">
        <v>316</v>
      </c>
      <c r="C947" s="6" t="s">
        <v>28</v>
      </c>
      <c r="D947" s="6" t="s">
        <v>11</v>
      </c>
      <c r="E947" s="6" t="e"/>
    </row>
    <row r="948" ht="44" customHeight="true" s="1" customFormat="true" hidden="true" outlineLevel="3">
      <c r="A948" s="6" t="s">
        <v>1191</v>
      </c>
      <c r="B948" s="6" t="s">
        <v>316</v>
      </c>
      <c r="C948" s="6" t="s">
        <v>28</v>
      </c>
      <c r="D948" s="6" t="s">
        <v>26</v>
      </c>
      <c r="E948" s="6" t="e"/>
    </row>
    <row r="949" ht="44" customHeight="true" s="1" customFormat="true" hidden="true" collapsed="true" outlineLevel="3">
      <c r="A949" s="6" t="s">
        <v>1192</v>
      </c>
      <c r="B949" s="6" t="s">
        <v>316</v>
      </c>
      <c r="C949" s="6" t="s">
        <v>28</v>
      </c>
      <c r="D949" s="6" t="s">
        <v>40</v>
      </c>
      <c r="E949" s="6" t="e"/>
    </row>
    <row r="950" ht="11" customHeight="true" s="1" customFormat="true" hidden="true" collapsed="true" outlineLevel="2">
      <c r="A950" s="5" t="s">
        <v>1193</v>
      </c>
      <c r="B950" s="5" t="e"/>
      <c r="C950" s="5" t="e"/>
      <c r="D950" s="5" t="e"/>
      <c r="E950" s="5" t="e"/>
    </row>
    <row r="951" ht="44" customHeight="true" s="1" customFormat="true" hidden="true" outlineLevel="3">
      <c r="A951" s="6" t="s">
        <v>1194</v>
      </c>
      <c r="B951" s="6" t="s">
        <v>20</v>
      </c>
      <c r="C951" s="6" t="s">
        <v>72</v>
      </c>
      <c r="D951" s="6" t="s">
        <v>11</v>
      </c>
      <c r="E951" s="6" t="e"/>
    </row>
    <row r="952" ht="44" customHeight="true" s="1" customFormat="true" hidden="true" outlineLevel="3">
      <c r="A952" s="6" t="s">
        <v>1195</v>
      </c>
      <c r="B952" s="6" t="s">
        <v>20</v>
      </c>
      <c r="C952" s="6" t="s">
        <v>72</v>
      </c>
      <c r="D952" s="6" t="s">
        <v>40</v>
      </c>
      <c r="E952" s="6" t="e"/>
    </row>
    <row r="953" ht="44" customHeight="true" s="1" customFormat="true" hidden="true" outlineLevel="3">
      <c r="A953" s="6" t="s">
        <v>1196</v>
      </c>
      <c r="B953" s="6" t="s">
        <v>1197</v>
      </c>
      <c r="C953" s="6" t="s">
        <v>232</v>
      </c>
      <c r="D953" s="6" t="s">
        <v>11</v>
      </c>
      <c r="E953" s="6" t="e"/>
    </row>
    <row r="954" ht="56" customHeight="true" s="1" customFormat="true" hidden="true" outlineLevel="3">
      <c r="A954" s="6" t="s">
        <v>1198</v>
      </c>
      <c r="B954" s="6" t="s">
        <v>260</v>
      </c>
      <c r="C954" s="6" t="s">
        <v>232</v>
      </c>
      <c r="D954" s="6" t="s">
        <v>11</v>
      </c>
      <c r="E954" s="6" t="e"/>
    </row>
    <row r="955" ht="22" customHeight="true" s="1" customFormat="true" hidden="true" outlineLevel="3">
      <c r="A955" s="6" t="s">
        <v>1199</v>
      </c>
      <c r="B955" s="6" t="s">
        <v>1200</v>
      </c>
      <c r="C955" s="6" t="s">
        <v>103</v>
      </c>
      <c r="D955" s="6" t="s">
        <v>40</v>
      </c>
      <c r="E955" s="6" t="e"/>
    </row>
    <row r="956" ht="44" customHeight="true" s="1" customFormat="true" hidden="true" outlineLevel="3">
      <c r="A956" s="6" t="s">
        <v>1201</v>
      </c>
      <c r="B956" s="6" t="s">
        <v>1202</v>
      </c>
      <c r="C956" s="6" t="s">
        <v>142</v>
      </c>
      <c r="D956" s="6" t="s">
        <v>57</v>
      </c>
      <c r="E956" s="6" t="e"/>
    </row>
    <row r="957" ht="22" customHeight="true" s="1" customFormat="true" hidden="true" outlineLevel="3">
      <c r="A957" s="6" t="s">
        <v>1203</v>
      </c>
      <c r="B957" s="6" t="e"/>
      <c r="C957" s="6" t="s">
        <v>72</v>
      </c>
      <c r="D957" s="6" t="s">
        <v>11</v>
      </c>
      <c r="E957" s="6" t="e"/>
    </row>
    <row r="958" ht="33" customHeight="true" s="1" customFormat="true" hidden="true" outlineLevel="3">
      <c r="A958" s="6" t="s">
        <v>1204</v>
      </c>
      <c r="B958" s="6" t="s">
        <v>302</v>
      </c>
      <c r="C958" s="6" t="s">
        <v>103</v>
      </c>
      <c r="D958" s="6" t="s">
        <v>400</v>
      </c>
      <c r="E958" s="6" t="e"/>
    </row>
    <row r="959" ht="33" customHeight="true" s="1" customFormat="true" hidden="true" outlineLevel="3">
      <c r="A959" s="6" t="s">
        <v>1205</v>
      </c>
      <c r="B959" s="6" t="s">
        <v>219</v>
      </c>
      <c r="C959" s="6" t="s">
        <v>62</v>
      </c>
      <c r="D959" s="6" t="s">
        <v>40</v>
      </c>
      <c r="E959" s="6" t="e"/>
    </row>
    <row r="960" ht="56" customHeight="true" s="1" customFormat="true" hidden="true" collapsed="true" outlineLevel="3">
      <c r="A960" s="6" t="s">
        <v>1206</v>
      </c>
      <c r="B960" s="6" t="s">
        <v>527</v>
      </c>
      <c r="C960" s="6" t="s">
        <v>99</v>
      </c>
      <c r="D960" s="6" t="s">
        <v>26</v>
      </c>
      <c r="E960" s="6" t="e"/>
    </row>
    <row r="961" ht="11" customHeight="true" s="1" customFormat="true" hidden="true" collapsed="true" outlineLevel="2">
      <c r="A961" s="5" t="s">
        <v>1207</v>
      </c>
      <c r="B961" s="5" t="e"/>
      <c r="C961" s="5" t="e"/>
      <c r="D961" s="5" t="e"/>
      <c r="E961" s="5" t="e"/>
    </row>
    <row r="962" ht="22" customHeight="true" s="1" customFormat="true" hidden="true" outlineLevel="3">
      <c r="A962" s="6" t="s">
        <v>1208</v>
      </c>
      <c r="B962" s="6" t="s">
        <v>1209</v>
      </c>
      <c r="C962" s="6" t="s">
        <v>14</v>
      </c>
      <c r="D962" s="6" t="s">
        <v>40</v>
      </c>
      <c r="E962" s="6" t="e"/>
    </row>
    <row r="963" ht="22" customHeight="true" s="1" customFormat="true" hidden="true" outlineLevel="3">
      <c r="A963" s="6" t="s">
        <v>1210</v>
      </c>
      <c r="B963" s="6" t="s">
        <v>1211</v>
      </c>
      <c r="C963" s="6" t="s">
        <v>1212</v>
      </c>
      <c r="D963" s="6" t="s">
        <v>26</v>
      </c>
      <c r="E963" s="6" t="e"/>
    </row>
    <row r="964" ht="33" customHeight="true" s="1" customFormat="true" hidden="true" outlineLevel="3">
      <c r="A964" s="6" t="s">
        <v>1213</v>
      </c>
      <c r="B964" s="6" t="s">
        <v>1214</v>
      </c>
      <c r="C964" s="6" t="s">
        <v>47</v>
      </c>
      <c r="D964" s="6" t="s">
        <v>11</v>
      </c>
      <c r="E964" s="6" t="e"/>
    </row>
    <row r="965" ht="22" customHeight="true" s="1" customFormat="true" hidden="true" outlineLevel="3">
      <c r="A965" s="6" t="s">
        <v>1215</v>
      </c>
      <c r="B965" s="6" t="s">
        <v>1216</v>
      </c>
      <c r="C965" s="6" t="s">
        <v>939</v>
      </c>
      <c r="D965" s="6" t="s">
        <v>11</v>
      </c>
      <c r="E965" s="6" t="e"/>
    </row>
    <row r="966" ht="22" customHeight="true" s="1" customFormat="true" hidden="true" outlineLevel="3">
      <c r="A966" s="6" t="s">
        <v>1217</v>
      </c>
      <c r="B966" s="6" t="s">
        <v>292</v>
      </c>
      <c r="C966" s="6" t="s">
        <v>78</v>
      </c>
      <c r="D966" s="6" t="s">
        <v>11</v>
      </c>
      <c r="E966" s="6" t="e"/>
    </row>
    <row r="967" ht="33" customHeight="true" s="1" customFormat="true" hidden="true" outlineLevel="3">
      <c r="A967" s="6" t="s">
        <v>1218</v>
      </c>
      <c r="B967" s="6" t="s">
        <v>430</v>
      </c>
      <c r="C967" s="6" t="s">
        <v>36</v>
      </c>
      <c r="D967" s="6" t="s">
        <v>40</v>
      </c>
      <c r="E967" s="6" t="e"/>
    </row>
    <row r="968" ht="44" customHeight="true" s="1" customFormat="true" hidden="true" outlineLevel="3">
      <c r="A968" s="6" t="s">
        <v>1219</v>
      </c>
      <c r="B968" s="6" t="s">
        <v>428</v>
      </c>
      <c r="C968" s="6" t="s">
        <v>13</v>
      </c>
      <c r="D968" s="6" t="s">
        <v>15</v>
      </c>
      <c r="E968" s="6" t="e"/>
    </row>
    <row r="969" ht="33" customHeight="true" s="1" customFormat="true" hidden="true" outlineLevel="3">
      <c r="A969" s="6" t="s">
        <v>1220</v>
      </c>
      <c r="B969" s="6" t="s">
        <v>85</v>
      </c>
      <c r="C969" s="6" t="s">
        <v>80</v>
      </c>
      <c r="D969" s="6" t="s">
        <v>26</v>
      </c>
      <c r="E969" s="6" t="e"/>
    </row>
    <row r="970" ht="22" customHeight="true" s="1" customFormat="true" hidden="true" outlineLevel="3">
      <c r="A970" s="6" t="s">
        <v>1221</v>
      </c>
      <c r="B970" s="6" t="s">
        <v>1222</v>
      </c>
      <c r="C970" s="6" t="s">
        <v>931</v>
      </c>
      <c r="D970" s="6" t="s">
        <v>11</v>
      </c>
      <c r="E970" s="6" t="e"/>
    </row>
    <row r="971" ht="22" customHeight="true" s="1" customFormat="true" hidden="true" collapsed="true" outlineLevel="3">
      <c r="A971" s="6" t="s">
        <v>1223</v>
      </c>
      <c r="B971" s="6" t="s">
        <v>64</v>
      </c>
      <c r="C971" s="6" t="s">
        <v>73</v>
      </c>
      <c r="D971" s="6" t="s">
        <v>11</v>
      </c>
      <c r="E971" s="6" t="e"/>
    </row>
    <row r="972" ht="11" customHeight="true" s="1" customFormat="true" hidden="true" collapsed="true" outlineLevel="2">
      <c r="A972" s="5" t="s">
        <v>1224</v>
      </c>
      <c r="B972" s="5" t="e"/>
      <c r="C972" s="5" t="e"/>
      <c r="D972" s="5" t="e"/>
      <c r="E972" s="5" t="e"/>
    </row>
    <row r="973" ht="11" customHeight="true" s="1" customFormat="true" hidden="true" collapsed="true" outlineLevel="3">
      <c r="A973" s="5" t="s">
        <v>1225</v>
      </c>
      <c r="B973" s="5" t="e"/>
      <c r="C973" s="5" t="e"/>
      <c r="D973" s="5" t="e"/>
      <c r="E973" s="5" t="e"/>
    </row>
    <row r="974" ht="44" customHeight="true" s="1" customFormat="true" hidden="true" outlineLevel="4">
      <c r="A974" s="6" t="s">
        <v>1226</v>
      </c>
      <c r="B974" s="6" t="s">
        <v>292</v>
      </c>
      <c r="C974" s="6" t="s">
        <v>78</v>
      </c>
      <c r="D974" s="6" t="s">
        <v>26</v>
      </c>
      <c r="E974" s="6" t="e"/>
    </row>
    <row r="975" ht="33" customHeight="true" s="1" customFormat="true" hidden="true" outlineLevel="4">
      <c r="A975" s="6" t="s">
        <v>1227</v>
      </c>
      <c r="B975" s="6" t="s">
        <v>253</v>
      </c>
      <c r="C975" s="6" t="s">
        <v>235</v>
      </c>
      <c r="D975" s="6" t="s">
        <v>11</v>
      </c>
      <c r="E975" s="6" t="e"/>
    </row>
    <row r="976" ht="33" customHeight="true" s="1" customFormat="true" hidden="true" outlineLevel="4">
      <c r="A976" s="6" t="s">
        <v>1228</v>
      </c>
      <c r="B976" s="6" t="s">
        <v>1229</v>
      </c>
      <c r="C976" s="6" t="s">
        <v>78</v>
      </c>
      <c r="D976" s="6" t="s">
        <v>26</v>
      </c>
      <c r="E976" s="6" t="e"/>
    </row>
    <row r="977" ht="56" customHeight="true" s="1" customFormat="true" hidden="true" outlineLevel="4">
      <c r="A977" s="6" t="s">
        <v>1230</v>
      </c>
      <c r="B977" s="6" t="s">
        <v>373</v>
      </c>
      <c r="C977" s="6" t="s">
        <v>421</v>
      </c>
      <c r="D977" s="6" t="s">
        <v>11</v>
      </c>
      <c r="E977" s="6" t="e"/>
    </row>
    <row r="978" ht="56" customHeight="true" s="1" customFormat="true" hidden="true" outlineLevel="4">
      <c r="A978" s="6" t="s">
        <v>1231</v>
      </c>
      <c r="B978" s="6" t="s">
        <v>379</v>
      </c>
      <c r="C978" s="6" t="s">
        <v>235</v>
      </c>
      <c r="D978" s="6" t="s">
        <v>40</v>
      </c>
      <c r="E978" s="6" t="e"/>
    </row>
    <row r="979" ht="56" customHeight="true" s="1" customFormat="true" hidden="true" outlineLevel="4">
      <c r="A979" s="6" t="s">
        <v>1232</v>
      </c>
      <c r="B979" s="6" t="s">
        <v>379</v>
      </c>
      <c r="C979" s="6" t="s">
        <v>235</v>
      </c>
      <c r="D979" s="6" t="s">
        <v>26</v>
      </c>
      <c r="E979" s="6" t="e"/>
    </row>
    <row r="980" ht="33" customHeight="true" s="1" customFormat="true" hidden="true" outlineLevel="4">
      <c r="A980" s="6" t="s">
        <v>1233</v>
      </c>
      <c r="B980" s="6" t="s">
        <v>379</v>
      </c>
      <c r="C980" s="6" t="s">
        <v>235</v>
      </c>
      <c r="D980" s="6" t="s">
        <v>40</v>
      </c>
      <c r="E980" s="6" t="e"/>
    </row>
    <row r="981" ht="44" customHeight="true" s="1" customFormat="true" hidden="true" outlineLevel="4">
      <c r="A981" s="6" t="s">
        <v>1234</v>
      </c>
      <c r="B981" s="6" t="s">
        <v>379</v>
      </c>
      <c r="C981" s="6" t="s">
        <v>235</v>
      </c>
      <c r="D981" s="6" t="s">
        <v>26</v>
      </c>
      <c r="E981" s="6" t="e"/>
    </row>
    <row r="982" ht="33" customHeight="true" s="1" customFormat="true" hidden="true" outlineLevel="4">
      <c r="A982" s="6" t="s">
        <v>1235</v>
      </c>
      <c r="B982" s="6" t="s">
        <v>379</v>
      </c>
      <c r="C982" s="6" t="s">
        <v>235</v>
      </c>
      <c r="D982" s="6" t="s">
        <v>26</v>
      </c>
      <c r="E982" s="6" t="e"/>
    </row>
    <row r="983" ht="33" customHeight="true" s="1" customFormat="true" hidden="true" outlineLevel="4">
      <c r="A983" s="6" t="s">
        <v>1236</v>
      </c>
      <c r="B983" s="6" t="s">
        <v>1237</v>
      </c>
      <c r="C983" s="6" t="s">
        <v>73</v>
      </c>
      <c r="D983" s="6" t="s">
        <v>11</v>
      </c>
      <c r="E983" s="6" t="e"/>
    </row>
    <row r="984" ht="44" customHeight="true" s="1" customFormat="true" hidden="true" outlineLevel="4">
      <c r="A984" s="6" t="s">
        <v>1238</v>
      </c>
      <c r="B984" s="6" t="s">
        <v>72</v>
      </c>
      <c r="C984" s="6" t="s">
        <v>73</v>
      </c>
      <c r="D984" s="6" t="s">
        <v>11</v>
      </c>
      <c r="E984" s="6" t="e"/>
    </row>
    <row r="985" ht="33" customHeight="true" s="1" customFormat="true" hidden="true" outlineLevel="4">
      <c r="A985" s="6" t="s">
        <v>1239</v>
      </c>
      <c r="B985" s="6" t="s">
        <v>72</v>
      </c>
      <c r="C985" s="6" t="s">
        <v>235</v>
      </c>
      <c r="D985" s="6" t="s">
        <v>40</v>
      </c>
      <c r="E985" s="6" t="e"/>
    </row>
    <row r="986" ht="33" customHeight="true" s="1" customFormat="true" hidden="true" outlineLevel="4">
      <c r="A986" s="6" t="s">
        <v>1240</v>
      </c>
      <c r="B986" s="6" t="s">
        <v>72</v>
      </c>
      <c r="C986" s="6" t="s">
        <v>235</v>
      </c>
      <c r="D986" s="6" t="s">
        <v>40</v>
      </c>
      <c r="E986" s="6" t="e"/>
    </row>
    <row r="987" ht="44" customHeight="true" s="1" customFormat="true" hidden="true" collapsed="true" outlineLevel="4">
      <c r="A987" s="6" t="s">
        <v>1241</v>
      </c>
      <c r="B987" s="6" t="s">
        <v>1242</v>
      </c>
      <c r="C987" s="6" t="s">
        <v>421</v>
      </c>
      <c r="D987" s="6" t="s">
        <v>11</v>
      </c>
      <c r="E987" s="6" t="e"/>
    </row>
    <row r="988" ht="11" customHeight="true" s="1" customFormat="true" hidden="true" collapsed="true" outlineLevel="3">
      <c r="A988" s="5" t="s">
        <v>1243</v>
      </c>
      <c r="B988" s="5" t="e"/>
      <c r="C988" s="5" t="e"/>
      <c r="D988" s="5" t="e"/>
      <c r="E988" s="5" t="e"/>
    </row>
    <row r="989" ht="56" customHeight="true" s="1" customFormat="true" hidden="true" outlineLevel="4">
      <c r="A989" s="6" t="s">
        <v>1244</v>
      </c>
      <c r="B989" s="6" t="s">
        <v>379</v>
      </c>
      <c r="C989" s="6" t="s">
        <v>235</v>
      </c>
      <c r="D989" s="6" t="s">
        <v>26</v>
      </c>
      <c r="E989" s="6" t="e"/>
    </row>
    <row r="990" ht="56" customHeight="true" s="1" customFormat="true" hidden="true" outlineLevel="4">
      <c r="A990" s="6" t="s">
        <v>1245</v>
      </c>
      <c r="B990" s="6" t="s">
        <v>1237</v>
      </c>
      <c r="C990" s="6" t="s">
        <v>73</v>
      </c>
      <c r="D990" s="6" t="s">
        <v>40</v>
      </c>
      <c r="E990" s="6" t="e"/>
    </row>
    <row r="991" ht="56" customHeight="true" s="1" customFormat="true" hidden="true" outlineLevel="4">
      <c r="A991" s="6" t="s">
        <v>1246</v>
      </c>
      <c r="B991" s="6" t="s">
        <v>1247</v>
      </c>
      <c r="C991" s="6" t="s">
        <v>921</v>
      </c>
      <c r="D991" s="6" t="s">
        <v>11</v>
      </c>
      <c r="E991" s="6" t="e"/>
    </row>
    <row r="992" ht="56" customHeight="true" s="1" customFormat="true" hidden="true" outlineLevel="4">
      <c r="A992" s="6" t="s">
        <v>1248</v>
      </c>
      <c r="B992" s="6" t="s">
        <v>1249</v>
      </c>
      <c r="C992" s="6" t="s">
        <v>290</v>
      </c>
      <c r="D992" s="6" t="s">
        <v>11</v>
      </c>
      <c r="E992" s="6" t="e"/>
    </row>
    <row r="993" ht="56" customHeight="true" s="1" customFormat="true" hidden="true" outlineLevel="4">
      <c r="A993" s="6" t="s">
        <v>1250</v>
      </c>
      <c r="B993" s="6" t="s">
        <v>73</v>
      </c>
      <c r="C993" s="6" t="s">
        <v>13</v>
      </c>
      <c r="D993" s="6" t="s">
        <v>11</v>
      </c>
      <c r="E993" s="6" t="e"/>
    </row>
    <row r="994" ht="56" customHeight="true" s="1" customFormat="true" hidden="true" outlineLevel="4">
      <c r="A994" s="6" t="s">
        <v>1251</v>
      </c>
      <c r="B994" s="6" t="s">
        <v>73</v>
      </c>
      <c r="C994" s="6" t="s">
        <v>13</v>
      </c>
      <c r="D994" s="6" t="s">
        <v>11</v>
      </c>
      <c r="E994" s="6" t="e"/>
    </row>
    <row r="995" ht="56" customHeight="true" s="1" customFormat="true" hidden="true" collapsed="true" outlineLevel="4">
      <c r="A995" s="6" t="s">
        <v>1252</v>
      </c>
      <c r="B995" s="6" t="s">
        <v>369</v>
      </c>
      <c r="C995" s="6" t="s">
        <v>83</v>
      </c>
      <c r="D995" s="6" t="s">
        <v>11</v>
      </c>
      <c r="E995" s="6" t="e"/>
    </row>
    <row r="996" ht="44" customHeight="true" s="1" customFormat="true" hidden="true" outlineLevel="3">
      <c r="A996" s="6" t="s">
        <v>1253</v>
      </c>
      <c r="B996" s="6" t="s">
        <v>129</v>
      </c>
      <c r="C996" s="6" t="s">
        <v>66</v>
      </c>
      <c r="D996" s="6" t="s">
        <v>11</v>
      </c>
      <c r="E996" s="6" t="e"/>
    </row>
    <row r="997" ht="44" customHeight="true" s="1" customFormat="true" hidden="true" outlineLevel="3">
      <c r="A997" s="6" t="s">
        <v>1254</v>
      </c>
      <c r="B997" s="6" t="s">
        <v>155</v>
      </c>
      <c r="C997" s="6" t="s">
        <v>127</v>
      </c>
      <c r="D997" s="6" t="s">
        <v>11</v>
      </c>
      <c r="E997" s="6" t="e"/>
    </row>
    <row r="998" ht="44" customHeight="true" s="1" customFormat="true" hidden="true" outlineLevel="3">
      <c r="A998" s="6" t="s">
        <v>1255</v>
      </c>
      <c r="B998" s="6" t="s">
        <v>1256</v>
      </c>
      <c r="C998" s="6" t="s">
        <v>341</v>
      </c>
      <c r="D998" s="6" t="s">
        <v>40</v>
      </c>
      <c r="E998" s="6" t="e"/>
    </row>
    <row r="999" ht="44" customHeight="true" s="1" customFormat="true" hidden="true" outlineLevel="3">
      <c r="A999" s="6" t="s">
        <v>1257</v>
      </c>
      <c r="B999" s="6" t="s">
        <v>494</v>
      </c>
      <c r="C999" s="6" t="s">
        <v>341</v>
      </c>
      <c r="D999" s="6" t="s">
        <v>15</v>
      </c>
      <c r="E999" s="6" t="e"/>
    </row>
    <row r="1000" ht="44" customHeight="true" s="1" customFormat="true" hidden="true" outlineLevel="3">
      <c r="A1000" s="6" t="s">
        <v>1258</v>
      </c>
      <c r="B1000" s="6" t="s">
        <v>494</v>
      </c>
      <c r="C1000" s="6" t="s">
        <v>127</v>
      </c>
      <c r="D1000" s="6" t="s">
        <v>26</v>
      </c>
      <c r="E1000" s="6" t="e"/>
    </row>
    <row r="1001" ht="44" customHeight="true" s="1" customFormat="true" hidden="true" outlineLevel="3">
      <c r="A1001" s="6" t="s">
        <v>1259</v>
      </c>
      <c r="B1001" s="6" t="s">
        <v>376</v>
      </c>
      <c r="C1001" s="6" t="s">
        <v>51</v>
      </c>
      <c r="D1001" s="6" t="s">
        <v>11</v>
      </c>
      <c r="E1001" s="6" t="e"/>
    </row>
    <row r="1002" ht="44" customHeight="true" s="1" customFormat="true" hidden="true" outlineLevel="3">
      <c r="A1002" s="6" t="s">
        <v>1260</v>
      </c>
      <c r="B1002" s="6" t="s">
        <v>116</v>
      </c>
      <c r="C1002" s="6" t="s">
        <v>230</v>
      </c>
      <c r="D1002" s="6" t="s">
        <v>26</v>
      </c>
      <c r="E1002" s="6" t="e"/>
    </row>
    <row r="1003" ht="44" customHeight="true" s="1" customFormat="true" hidden="true" outlineLevel="3">
      <c r="A1003" s="6" t="s">
        <v>1261</v>
      </c>
      <c r="B1003" s="6" t="s">
        <v>350</v>
      </c>
      <c r="C1003" s="6" t="s">
        <v>51</v>
      </c>
      <c r="D1003" s="6" t="s">
        <v>26</v>
      </c>
      <c r="E1003" s="6" t="e"/>
    </row>
    <row r="1004" ht="44" customHeight="true" s="1" customFormat="true" hidden="true" outlineLevel="3">
      <c r="A1004" s="6" t="s">
        <v>1262</v>
      </c>
      <c r="B1004" s="6" t="s">
        <v>350</v>
      </c>
      <c r="C1004" s="6" t="s">
        <v>51</v>
      </c>
      <c r="D1004" s="6" t="s">
        <v>15</v>
      </c>
      <c r="E1004" s="6" t="e"/>
    </row>
    <row r="1005" ht="44" customHeight="true" s="1" customFormat="true" hidden="true" outlineLevel="3">
      <c r="A1005" s="6" t="s">
        <v>1263</v>
      </c>
      <c r="B1005" s="6" t="s">
        <v>350</v>
      </c>
      <c r="C1005" s="6" t="s">
        <v>51</v>
      </c>
      <c r="D1005" s="6" t="s">
        <v>40</v>
      </c>
      <c r="E1005" s="6" t="e"/>
    </row>
    <row r="1006" ht="44" customHeight="true" s="1" customFormat="true" hidden="true" outlineLevel="3">
      <c r="A1006" s="6" t="s">
        <v>1264</v>
      </c>
      <c r="B1006" s="6" t="s">
        <v>110</v>
      </c>
      <c r="C1006" s="6" t="s">
        <v>72</v>
      </c>
      <c r="D1006" s="6" t="s">
        <v>40</v>
      </c>
      <c r="E1006" s="6" t="e"/>
    </row>
    <row r="1007" ht="44" customHeight="true" s="1" customFormat="true" hidden="true" collapsed="true" outlineLevel="3">
      <c r="A1007" s="6" t="s">
        <v>1265</v>
      </c>
      <c r="B1007" s="6" t="s">
        <v>1266</v>
      </c>
      <c r="C1007" s="6" t="s">
        <v>72</v>
      </c>
      <c r="D1007" s="6" t="s">
        <v>11</v>
      </c>
      <c r="E1007" s="6" t="e"/>
    </row>
    <row r="1008" ht="11" customHeight="true" s="1" customFormat="true" hidden="true" collapsed="true" outlineLevel="2">
      <c r="A1008" s="5" t="s">
        <v>1267</v>
      </c>
      <c r="B1008" s="5" t="e"/>
      <c r="C1008" s="5" t="e"/>
      <c r="D1008" s="5" t="e"/>
      <c r="E1008" s="5" t="e"/>
    </row>
    <row r="1009" ht="22" customHeight="true" s="1" customFormat="true" hidden="true" outlineLevel="3">
      <c r="A1009" s="6" t="s">
        <v>1268</v>
      </c>
      <c r="B1009" s="6" t="s">
        <v>574</v>
      </c>
      <c r="C1009" s="6" t="s">
        <v>225</v>
      </c>
      <c r="D1009" s="6" t="s">
        <v>184</v>
      </c>
      <c r="E1009" s="6" t="e"/>
    </row>
    <row r="1010" ht="22" customHeight="true" s="1" customFormat="true" hidden="true" collapsed="true" outlineLevel="3">
      <c r="A1010" s="6" t="s">
        <v>1269</v>
      </c>
      <c r="B1010" s="6" t="s">
        <v>200</v>
      </c>
      <c r="C1010" s="6" t="s">
        <v>142</v>
      </c>
      <c r="D1010" s="6" t="s">
        <v>15</v>
      </c>
      <c r="E1010" s="6" t="e"/>
    </row>
    <row r="1011" ht="11" customHeight="true" s="1" customFormat="true" hidden="true" collapsed="true" outlineLevel="2">
      <c r="A1011" s="5" t="s">
        <v>1270</v>
      </c>
      <c r="B1011" s="5" t="e"/>
      <c r="C1011" s="5" t="e"/>
      <c r="D1011" s="5" t="e"/>
      <c r="E1011" s="5" t="e"/>
    </row>
    <row r="1012" ht="11" customHeight="true" s="1" customFormat="true" hidden="true" collapsed="true" outlineLevel="3">
      <c r="A1012" s="5" t="s">
        <v>1271</v>
      </c>
      <c r="B1012" s="5" t="e"/>
      <c r="C1012" s="5" t="e"/>
      <c r="D1012" s="5" t="e"/>
      <c r="E1012" s="5" t="e"/>
    </row>
    <row r="1013" ht="33" customHeight="true" s="1" customFormat="true" hidden="true" outlineLevel="4">
      <c r="A1013" s="6" t="s">
        <v>1272</v>
      </c>
      <c r="B1013" s="6" t="s">
        <v>1273</v>
      </c>
      <c r="C1013" s="6" t="s">
        <v>55</v>
      </c>
      <c r="D1013" s="6" t="s">
        <v>11</v>
      </c>
      <c r="E1013" s="6" t="e"/>
    </row>
    <row r="1014" ht="33" customHeight="true" s="1" customFormat="true" hidden="true" outlineLevel="4">
      <c r="A1014" s="6" t="s">
        <v>1274</v>
      </c>
      <c r="B1014" s="6" t="s">
        <v>1273</v>
      </c>
      <c r="C1014" s="6" t="s">
        <v>55</v>
      </c>
      <c r="D1014" s="6" t="s">
        <v>11</v>
      </c>
      <c r="E1014" s="6" t="e"/>
    </row>
    <row r="1015" ht="44" customHeight="true" s="1" customFormat="true" hidden="true" outlineLevel="4">
      <c r="A1015" s="6" t="s">
        <v>1275</v>
      </c>
      <c r="B1015" s="6" t="s">
        <v>1120</v>
      </c>
      <c r="C1015" s="6" t="s">
        <v>350</v>
      </c>
      <c r="D1015" s="6" t="s">
        <v>11</v>
      </c>
      <c r="E1015" s="6" t="e"/>
    </row>
    <row r="1016" ht="44" customHeight="true" s="1" customFormat="true" hidden="true" outlineLevel="4">
      <c r="A1016" s="6" t="s">
        <v>1276</v>
      </c>
      <c r="B1016" s="6" t="s">
        <v>1277</v>
      </c>
      <c r="C1016" s="6" t="s">
        <v>292</v>
      </c>
      <c r="D1016" s="6" t="s">
        <v>11</v>
      </c>
      <c r="E1016" s="6" t="e"/>
    </row>
    <row r="1017" ht="56" customHeight="true" s="1" customFormat="true" hidden="true" outlineLevel="4">
      <c r="A1017" s="6" t="s">
        <v>1278</v>
      </c>
      <c r="B1017" s="6" t="s">
        <v>1279</v>
      </c>
      <c r="C1017" s="6" t="s">
        <v>230</v>
      </c>
      <c r="D1017" s="6" t="s">
        <v>26</v>
      </c>
      <c r="E1017" s="6" t="e"/>
    </row>
    <row r="1018" ht="44" customHeight="true" s="1" customFormat="true" hidden="true" outlineLevel="4">
      <c r="A1018" s="6" t="s">
        <v>1280</v>
      </c>
      <c r="B1018" s="6" t="s">
        <v>1281</v>
      </c>
      <c r="C1018" s="6" t="s">
        <v>1212</v>
      </c>
      <c r="D1018" s="6" t="s">
        <v>40</v>
      </c>
      <c r="E1018" s="6" t="e"/>
    </row>
    <row r="1019" ht="22" customHeight="true" s="1" customFormat="true" hidden="true" collapsed="true" outlineLevel="4">
      <c r="A1019" s="6" t="s">
        <v>1282</v>
      </c>
      <c r="B1019" s="6" t="s">
        <v>110</v>
      </c>
      <c r="C1019" s="6" t="s">
        <v>72</v>
      </c>
      <c r="D1019" s="6" t="s">
        <v>11</v>
      </c>
      <c r="E1019" s="6" t="e"/>
    </row>
    <row r="1020" ht="22" customHeight="true" s="1" customFormat="true" hidden="true" outlineLevel="3">
      <c r="A1020" s="6" t="s">
        <v>1283</v>
      </c>
      <c r="B1020" s="6" t="s">
        <v>1284</v>
      </c>
      <c r="C1020" s="6" t="s">
        <v>1285</v>
      </c>
      <c r="D1020" s="6" t="s">
        <v>26</v>
      </c>
      <c r="E1020" s="6" t="e"/>
    </row>
    <row r="1021" ht="22" customHeight="true" s="1" customFormat="true" hidden="true" outlineLevel="3">
      <c r="A1021" s="6" t="s">
        <v>1286</v>
      </c>
      <c r="B1021" s="6" t="s">
        <v>21</v>
      </c>
      <c r="C1021" s="6" t="s">
        <v>80</v>
      </c>
      <c r="D1021" s="6" t="s">
        <v>40</v>
      </c>
      <c r="E1021" s="6" t="e"/>
    </row>
    <row r="1022" ht="22" customHeight="true" s="1" customFormat="true" hidden="true" outlineLevel="3">
      <c r="A1022" s="6" t="s">
        <v>1287</v>
      </c>
      <c r="B1022" s="6" t="s">
        <v>1209</v>
      </c>
      <c r="C1022" s="6" t="s">
        <v>430</v>
      </c>
      <c r="D1022" s="6" t="s">
        <v>11</v>
      </c>
      <c r="E1022" s="6" t="e"/>
    </row>
    <row r="1023" ht="22" customHeight="true" s="1" customFormat="true" hidden="true" outlineLevel="3">
      <c r="A1023" s="6" t="s">
        <v>1288</v>
      </c>
      <c r="B1023" s="6" t="s">
        <v>939</v>
      </c>
      <c r="C1023" s="6" t="s">
        <v>10</v>
      </c>
      <c r="D1023" s="6" t="s">
        <v>26</v>
      </c>
      <c r="E1023" s="6" t="e"/>
    </row>
    <row r="1024" ht="22" customHeight="true" s="1" customFormat="true" hidden="true" outlineLevel="3">
      <c r="A1024" s="6" t="s">
        <v>1289</v>
      </c>
      <c r="B1024" s="6" t="s">
        <v>1242</v>
      </c>
      <c r="C1024" s="6" t="s">
        <v>14</v>
      </c>
      <c r="D1024" s="6" t="s">
        <v>11</v>
      </c>
      <c r="E1024" s="6" t="e"/>
    </row>
    <row r="1025" ht="22" customHeight="true" s="1" customFormat="true" hidden="true" outlineLevel="3">
      <c r="A1025" s="6" t="s">
        <v>1290</v>
      </c>
      <c r="B1025" s="6" t="s">
        <v>939</v>
      </c>
      <c r="C1025" s="6" t="s">
        <v>10</v>
      </c>
      <c r="D1025" s="6" t="s">
        <v>11</v>
      </c>
      <c r="E1025" s="6" t="e"/>
    </row>
    <row r="1026" ht="33" customHeight="true" s="1" customFormat="true" hidden="true" collapsed="true" outlineLevel="3">
      <c r="A1026" s="6" t="s">
        <v>1291</v>
      </c>
      <c r="B1026" s="6" t="s">
        <v>1292</v>
      </c>
      <c r="C1026" s="6" t="s">
        <v>325</v>
      </c>
      <c r="D1026" s="6" t="s">
        <v>26</v>
      </c>
      <c r="E1026" s="6" t="e"/>
    </row>
    <row r="1027" ht="11" customHeight="true" s="1" customFormat="true" hidden="true" collapsed="true" outlineLevel="2">
      <c r="A1027" s="5" t="s">
        <v>1293</v>
      </c>
      <c r="B1027" s="5" t="e"/>
      <c r="C1027" s="5" t="e"/>
      <c r="D1027" s="5" t="e"/>
      <c r="E1027" s="5" t="e"/>
    </row>
    <row r="1028" ht="22" customHeight="true" s="1" customFormat="true" hidden="true" outlineLevel="3">
      <c r="A1028" s="6" t="s">
        <v>1294</v>
      </c>
      <c r="B1028" s="6" t="e"/>
      <c r="C1028" s="6" t="s">
        <v>51</v>
      </c>
      <c r="D1028" s="6" t="s">
        <v>11</v>
      </c>
      <c r="E1028" s="6" t="e"/>
    </row>
    <row r="1029" ht="22" customHeight="true" s="1" customFormat="true" hidden="true" outlineLevel="3">
      <c r="A1029" s="6" t="s">
        <v>1295</v>
      </c>
      <c r="B1029" s="6" t="s">
        <v>350</v>
      </c>
      <c r="C1029" s="6" t="s">
        <v>72</v>
      </c>
      <c r="D1029" s="6" t="s">
        <v>26</v>
      </c>
      <c r="E1029" s="6" t="e"/>
    </row>
    <row r="1030" ht="33" customHeight="true" s="1" customFormat="true" hidden="true" outlineLevel="3">
      <c r="A1030" s="6" t="s">
        <v>1296</v>
      </c>
      <c r="B1030" s="6" t="e"/>
      <c r="C1030" s="6" t="s">
        <v>80</v>
      </c>
      <c r="D1030" s="6" t="s">
        <v>26</v>
      </c>
      <c r="E1030" s="6" t="e"/>
    </row>
    <row r="1031" ht="22" customHeight="true" s="1" customFormat="true" hidden="true" outlineLevel="3">
      <c r="A1031" s="6" t="s">
        <v>1297</v>
      </c>
      <c r="B1031" s="6" t="e"/>
      <c r="C1031" s="6" t="s">
        <v>290</v>
      </c>
      <c r="D1031" s="6" t="s">
        <v>11</v>
      </c>
      <c r="E1031" s="6" t="e"/>
    </row>
    <row r="1032" ht="11" customHeight="true" collapsed="true" outlineLevel="1">
      <c r="A1032" s="5" t="s">
        <v>1298</v>
      </c>
      <c r="B1032" s="5" t="e"/>
      <c r="C1032" s="5" t="e"/>
      <c r="D1032" s="5" t="e"/>
      <c r="E1032" s="5" t="e"/>
    </row>
    <row r="1033" ht="22" customHeight="true" s="1" customFormat="true" hidden="true" outlineLevel="2">
      <c r="A1033" s="6" t="s">
        <v>1299</v>
      </c>
      <c r="B1033" s="6" t="s">
        <v>1300</v>
      </c>
      <c r="C1033" s="6" t="s">
        <v>1301</v>
      </c>
      <c r="D1033" s="6" t="s">
        <v>11</v>
      </c>
      <c r="E1033" s="6" t="e"/>
    </row>
    <row r="1034" ht="22" customHeight="true" s="1" customFormat="true" hidden="true" outlineLevel="2">
      <c r="A1034" s="6" t="s">
        <v>1302</v>
      </c>
      <c r="B1034" s="6" t="s">
        <v>24</v>
      </c>
      <c r="C1034" s="6" t="s">
        <v>1303</v>
      </c>
      <c r="D1034" s="6" t="s">
        <v>11</v>
      </c>
      <c r="E1034" s="6" t="e"/>
    </row>
    <row r="1035" ht="22" customHeight="true" s="1" customFormat="true" hidden="true" outlineLevel="2">
      <c r="A1035" s="6" t="s">
        <v>1304</v>
      </c>
      <c r="B1035" s="6" t="s">
        <v>1305</v>
      </c>
      <c r="C1035" s="6" t="s">
        <v>1306</v>
      </c>
      <c r="D1035" s="6" t="s">
        <v>11</v>
      </c>
      <c r="E1035" s="6" t="e"/>
    </row>
    <row r="1036" ht="11" customHeight="true" collapsed="true" outlineLevel="1">
      <c r="A1036" s="5" t="s">
        <v>1307</v>
      </c>
      <c r="B1036" s="5" t="e"/>
      <c r="C1036" s="5" t="e"/>
      <c r="D1036" s="5" t="e"/>
      <c r="E1036" s="5" t="e"/>
    </row>
    <row r="1037" ht="11" customHeight="true" s="1" customFormat="true" hidden="true" collapsed="true" outlineLevel="2">
      <c r="A1037" s="5" t="s">
        <v>1308</v>
      </c>
      <c r="B1037" s="5" t="e"/>
      <c r="C1037" s="5" t="e"/>
      <c r="D1037" s="5" t="e"/>
      <c r="E1037" s="5" t="e"/>
    </row>
    <row r="1038" ht="22" customHeight="true" s="1" customFormat="true" hidden="true" outlineLevel="3">
      <c r="A1038" s="6" t="s">
        <v>1309</v>
      </c>
      <c r="B1038" s="6" t="s">
        <v>167</v>
      </c>
      <c r="C1038" s="6" t="s">
        <v>296</v>
      </c>
      <c r="D1038" s="6" t="s">
        <v>11</v>
      </c>
      <c r="E1038" s="6" t="e"/>
    </row>
    <row r="1039" ht="22" customHeight="true" s="1" customFormat="true" hidden="true" collapsed="true" outlineLevel="3">
      <c r="A1039" s="6" t="s">
        <v>1310</v>
      </c>
      <c r="B1039" s="6" t="s">
        <v>551</v>
      </c>
      <c r="C1039" s="6" t="s">
        <v>296</v>
      </c>
      <c r="D1039" s="6" t="s">
        <v>197</v>
      </c>
      <c r="E1039" s="6" t="e"/>
    </row>
    <row r="1040" ht="11" customHeight="true" s="1" customFormat="true" hidden="true" collapsed="true" outlineLevel="2">
      <c r="A1040" s="5" t="s">
        <v>1311</v>
      </c>
      <c r="B1040" s="5" t="e"/>
      <c r="C1040" s="5" t="e"/>
      <c r="D1040" s="5" t="e"/>
      <c r="E1040" s="5" t="e"/>
    </row>
    <row r="1041" ht="22" customHeight="true" s="1" customFormat="true" hidden="true" outlineLevel="3">
      <c r="A1041" s="6" t="s">
        <v>1312</v>
      </c>
      <c r="B1041" s="6" t="s">
        <v>824</v>
      </c>
      <c r="C1041" s="6" t="s">
        <v>225</v>
      </c>
      <c r="D1041" s="6" t="s">
        <v>26</v>
      </c>
      <c r="E1041" s="6" t="e"/>
    </row>
    <row r="1042" ht="22" customHeight="true" s="1" customFormat="true" hidden="true" collapsed="true" outlineLevel="3">
      <c r="A1042" s="6" t="s">
        <v>1313</v>
      </c>
      <c r="B1042" s="6" t="s">
        <v>300</v>
      </c>
      <c r="C1042" s="6" t="s">
        <v>141</v>
      </c>
      <c r="D1042" s="6" t="s">
        <v>454</v>
      </c>
      <c r="E1042" s="6" t="e"/>
    </row>
    <row r="1043" ht="11" customHeight="true" s="1" customFormat="true" hidden="true" collapsed="true" outlineLevel="2">
      <c r="A1043" s="5" t="s">
        <v>1314</v>
      </c>
      <c r="B1043" s="5" t="e"/>
      <c r="C1043" s="5" t="e"/>
      <c r="D1043" s="5" t="e"/>
      <c r="E1043" s="5" t="e"/>
    </row>
    <row r="1044" ht="22" customHeight="true" s="1" customFormat="true" hidden="true" outlineLevel="3">
      <c r="A1044" s="6" t="s">
        <v>1315</v>
      </c>
      <c r="B1044" s="6" t="s">
        <v>824</v>
      </c>
      <c r="C1044" s="6" t="s">
        <v>242</v>
      </c>
      <c r="D1044" s="6" t="s">
        <v>184</v>
      </c>
      <c r="E1044" s="6" t="e"/>
    </row>
    <row r="1045" ht="22" customHeight="true" s="1" customFormat="true" hidden="true" collapsed="true" outlineLevel="3">
      <c r="A1045" s="6" t="s">
        <v>1316</v>
      </c>
      <c r="B1045" s="6" t="s">
        <v>448</v>
      </c>
      <c r="C1045" s="6" t="s">
        <v>296</v>
      </c>
      <c r="D1045" s="6" t="s">
        <v>460</v>
      </c>
      <c r="E1045" s="6" t="e"/>
    </row>
    <row r="1046" ht="11" customHeight="true" s="1" customFormat="true" hidden="true" collapsed="true" outlineLevel="2">
      <c r="A1046" s="5" t="s">
        <v>1317</v>
      </c>
      <c r="B1046" s="5" t="e"/>
      <c r="C1046" s="5" t="e"/>
      <c r="D1046" s="5" t="e"/>
      <c r="E1046" s="5" t="e"/>
    </row>
    <row r="1047" ht="22" customHeight="true" s="1" customFormat="true" hidden="true" outlineLevel="3">
      <c r="A1047" s="6" t="s">
        <v>1318</v>
      </c>
      <c r="B1047" s="6" t="s">
        <v>300</v>
      </c>
      <c r="C1047" s="6" t="s">
        <v>225</v>
      </c>
      <c r="D1047" s="6" t="s">
        <v>165</v>
      </c>
      <c r="E1047" s="6" t="e"/>
    </row>
    <row r="1048" ht="22" customHeight="true" s="1" customFormat="true" hidden="true" collapsed="true" outlineLevel="3">
      <c r="A1048" s="6" t="s">
        <v>1319</v>
      </c>
      <c r="B1048" s="6" t="s">
        <v>1320</v>
      </c>
      <c r="C1048" s="6" t="s">
        <v>225</v>
      </c>
      <c r="D1048" s="6" t="s">
        <v>165</v>
      </c>
      <c r="E1048" s="6" t="e"/>
    </row>
    <row r="1049" ht="11" customHeight="true" s="1" customFormat="true" hidden="true" collapsed="true" outlineLevel="2">
      <c r="A1049" s="5" t="s">
        <v>1321</v>
      </c>
      <c r="B1049" s="5" t="e"/>
      <c r="C1049" s="5" t="e"/>
      <c r="D1049" s="5" t="e"/>
      <c r="E1049" s="5" t="e"/>
    </row>
    <row r="1050" ht="22" customHeight="true" s="1" customFormat="true" hidden="true" outlineLevel="3">
      <c r="A1050" s="6" t="s">
        <v>1322</v>
      </c>
      <c r="B1050" s="6" t="e"/>
      <c r="C1050" s="6" t="s">
        <v>142</v>
      </c>
      <c r="D1050" s="6" t="s">
        <v>11</v>
      </c>
      <c r="E1050" s="6" t="e"/>
    </row>
    <row r="1051" ht="22" customHeight="true" s="1" customFormat="true" hidden="true" outlineLevel="3">
      <c r="A1051" s="6" t="s">
        <v>1323</v>
      </c>
      <c r="B1051" s="6" t="e"/>
      <c r="C1051" s="6" t="s">
        <v>149</v>
      </c>
      <c r="D1051" s="6" t="s">
        <v>11</v>
      </c>
      <c r="E1051" s="6" t="e"/>
    </row>
    <row r="1052" ht="11" customHeight="true" collapsed="true" outlineLevel="1">
      <c r="A1052" s="5" t="s">
        <v>1324</v>
      </c>
      <c r="B1052" s="5" t="e"/>
      <c r="C1052" s="5" t="e"/>
      <c r="D1052" s="5" t="e"/>
      <c r="E1052" s="5" t="e"/>
    </row>
    <row r="1053" ht="11" customHeight="true" s="1" customFormat="true" hidden="true" collapsed="true" outlineLevel="2">
      <c r="A1053" s="5" t="s">
        <v>1325</v>
      </c>
      <c r="B1053" s="5" t="e"/>
      <c r="C1053" s="5" t="e"/>
      <c r="D1053" s="5" t="e"/>
      <c r="E1053" s="5" t="e"/>
    </row>
    <row r="1054" ht="33" customHeight="true" s="1" customFormat="true" hidden="true" outlineLevel="3">
      <c r="A1054" s="6" t="s">
        <v>1326</v>
      </c>
      <c r="B1054" s="6" t="s">
        <v>296</v>
      </c>
      <c r="C1054" s="6" t="s">
        <v>149</v>
      </c>
      <c r="D1054" s="6" t="s">
        <v>898</v>
      </c>
      <c r="E1054" s="6" t="e"/>
    </row>
    <row r="1055" ht="33" customHeight="true" s="1" customFormat="true" hidden="true" outlineLevel="3">
      <c r="A1055" s="6" t="s">
        <v>1327</v>
      </c>
      <c r="B1055" s="6" t="s">
        <v>105</v>
      </c>
      <c r="C1055" s="6" t="s">
        <v>292</v>
      </c>
      <c r="D1055" s="6" t="s">
        <v>26</v>
      </c>
      <c r="E1055" s="6" t="e"/>
    </row>
    <row r="1056" ht="22" customHeight="true" s="1" customFormat="true" hidden="true" collapsed="true" outlineLevel="3">
      <c r="A1056" s="6" t="s">
        <v>1328</v>
      </c>
      <c r="B1056" s="6" t="s">
        <v>172</v>
      </c>
      <c r="C1056" s="6" t="s">
        <v>103</v>
      </c>
      <c r="D1056" s="6" t="s">
        <v>460</v>
      </c>
      <c r="E1056" s="6" t="e"/>
    </row>
    <row r="1057" ht="11" customHeight="true" s="1" customFormat="true" hidden="true" collapsed="true" outlineLevel="2">
      <c r="A1057" s="5" t="s">
        <v>1329</v>
      </c>
      <c r="B1057" s="5" t="e"/>
      <c r="C1057" s="5" t="e"/>
      <c r="D1057" s="5" t="e"/>
      <c r="E1057" s="5" t="e"/>
    </row>
    <row r="1058" ht="22" customHeight="true" s="1" customFormat="true" hidden="true" outlineLevel="3">
      <c r="A1058" s="6" t="s">
        <v>1330</v>
      </c>
      <c r="B1058" s="6" t="s">
        <v>126</v>
      </c>
      <c r="C1058" s="6" t="s">
        <v>72</v>
      </c>
      <c r="D1058" s="6" t="s">
        <v>184</v>
      </c>
      <c r="E1058" s="6" t="e"/>
    </row>
    <row r="1059" ht="33" customHeight="true" s="1" customFormat="true" hidden="true" outlineLevel="3">
      <c r="A1059" s="6" t="s">
        <v>1331</v>
      </c>
      <c r="B1059" s="6" t="s">
        <v>110</v>
      </c>
      <c r="C1059" s="6" t="s">
        <v>72</v>
      </c>
      <c r="D1059" s="6" t="s">
        <v>165</v>
      </c>
      <c r="E1059" s="6" t="e"/>
    </row>
    <row r="1060" ht="22" customHeight="true" s="1" customFormat="true" hidden="true" outlineLevel="3">
      <c r="A1060" s="6" t="s">
        <v>1332</v>
      </c>
      <c r="B1060" s="6" t="s">
        <v>364</v>
      </c>
      <c r="C1060" s="6" t="s">
        <v>51</v>
      </c>
      <c r="D1060" s="6" t="s">
        <v>678</v>
      </c>
      <c r="E1060" s="6" t="e"/>
    </row>
    <row r="1061" ht="33" customHeight="true" s="1" customFormat="true" hidden="true" outlineLevel="3">
      <c r="A1061" s="6" t="s">
        <v>1333</v>
      </c>
      <c r="B1061" s="6" t="s">
        <v>308</v>
      </c>
      <c r="C1061" s="6" t="s">
        <v>142</v>
      </c>
      <c r="D1061" s="6" t="s">
        <v>100</v>
      </c>
      <c r="E1061" s="6" t="e"/>
    </row>
    <row r="1062" ht="33" customHeight="true" s="1" customFormat="true" hidden="true" outlineLevel="3">
      <c r="A1062" s="6" t="s">
        <v>1334</v>
      </c>
      <c r="B1062" s="6" t="s">
        <v>62</v>
      </c>
      <c r="C1062" s="6" t="s">
        <v>13</v>
      </c>
      <c r="D1062" s="6" t="s">
        <v>26</v>
      </c>
      <c r="E1062" s="6" t="e"/>
    </row>
    <row r="1063" ht="33" customHeight="true" s="1" customFormat="true" hidden="true" outlineLevel="3">
      <c r="A1063" s="6" t="s">
        <v>1335</v>
      </c>
      <c r="B1063" s="6" t="s">
        <v>188</v>
      </c>
      <c r="C1063" s="6" t="s">
        <v>127</v>
      </c>
      <c r="D1063" s="6" t="s">
        <v>40</v>
      </c>
      <c r="E1063" s="6" t="e"/>
    </row>
    <row r="1064" ht="33" customHeight="true" s="1" customFormat="true" hidden="true" outlineLevel="3">
      <c r="A1064" s="6" t="s">
        <v>1336</v>
      </c>
      <c r="B1064" s="6" t="s">
        <v>149</v>
      </c>
      <c r="C1064" s="6" t="s">
        <v>219</v>
      </c>
      <c r="D1064" s="6" t="s">
        <v>11</v>
      </c>
      <c r="E1064" s="6" t="e"/>
    </row>
    <row r="1065" ht="33" customHeight="true" s="1" customFormat="true" hidden="true" outlineLevel="3">
      <c r="A1065" s="6" t="s">
        <v>1337</v>
      </c>
      <c r="B1065" s="6" t="s">
        <v>1338</v>
      </c>
      <c r="C1065" s="6" t="s">
        <v>242</v>
      </c>
      <c r="D1065" s="6" t="s">
        <v>11</v>
      </c>
      <c r="E1065" s="6" t="e"/>
    </row>
    <row r="1066" ht="44" customHeight="true" s="1" customFormat="true" hidden="true" collapsed="true" outlineLevel="3">
      <c r="A1066" s="6" t="s">
        <v>1339</v>
      </c>
      <c r="B1066" s="6" t="s">
        <v>547</v>
      </c>
      <c r="C1066" s="6" t="s">
        <v>242</v>
      </c>
      <c r="D1066" s="6" t="s">
        <v>1340</v>
      </c>
      <c r="E1066" s="6" t="e"/>
    </row>
    <row r="1067" ht="11" customHeight="true" s="1" customFormat="true" hidden="true" collapsed="true" outlineLevel="2">
      <c r="A1067" s="5" t="s">
        <v>1341</v>
      </c>
      <c r="B1067" s="5" t="e"/>
      <c r="C1067" s="5" t="e"/>
      <c r="D1067" s="5" t="e"/>
      <c r="E1067" s="5" t="e"/>
    </row>
    <row r="1068" ht="33" customHeight="true" s="1" customFormat="true" hidden="true" outlineLevel="3">
      <c r="A1068" s="6" t="s">
        <v>1342</v>
      </c>
      <c r="B1068" s="6" t="s">
        <v>219</v>
      </c>
      <c r="C1068" s="6" t="s">
        <v>62</v>
      </c>
      <c r="D1068" s="6" t="s">
        <v>26</v>
      </c>
      <c r="E1068" s="6" t="e"/>
    </row>
    <row r="1069" ht="22" customHeight="true" s="1" customFormat="true" hidden="true" outlineLevel="3">
      <c r="A1069" s="6" t="s">
        <v>1343</v>
      </c>
      <c r="B1069" s="6" t="s">
        <v>154</v>
      </c>
      <c r="C1069" s="6" t="s">
        <v>99</v>
      </c>
      <c r="D1069" s="6" t="s">
        <v>11</v>
      </c>
      <c r="E1069" s="6" t="e"/>
    </row>
    <row r="1070" ht="11" customHeight="true" collapsed="true" outlineLevel="1">
      <c r="A1070" s="5" t="s">
        <v>1344</v>
      </c>
      <c r="B1070" s="5" t="e"/>
      <c r="C1070" s="5" t="e"/>
      <c r="D1070" s="5" t="e"/>
      <c r="E1070" s="5" t="e"/>
    </row>
    <row r="1071" ht="11" customHeight="true" s="1" customFormat="true" hidden="true" collapsed="true" outlineLevel="2">
      <c r="A1071" s="5" t="s">
        <v>1345</v>
      </c>
      <c r="B1071" s="5" t="e"/>
      <c r="C1071" s="5" t="e"/>
      <c r="D1071" s="5" t="e"/>
      <c r="E1071" s="5" t="e"/>
    </row>
    <row r="1072" ht="44" customHeight="true" s="1" customFormat="true" hidden="true" outlineLevel="3">
      <c r="A1072" s="6" t="s">
        <v>1346</v>
      </c>
      <c r="B1072" s="6" t="s">
        <v>308</v>
      </c>
      <c r="C1072" s="6" t="s">
        <v>103</v>
      </c>
      <c r="D1072" s="6" t="s">
        <v>11</v>
      </c>
      <c r="E1072" s="6" t="e"/>
    </row>
    <row r="1073" ht="44" customHeight="true" s="1" customFormat="true" hidden="true" outlineLevel="3">
      <c r="A1073" s="6" t="s">
        <v>1347</v>
      </c>
      <c r="B1073" s="6" t="s">
        <v>283</v>
      </c>
      <c r="C1073" s="6" t="s">
        <v>219</v>
      </c>
      <c r="D1073" s="6" t="s">
        <v>11</v>
      </c>
      <c r="E1073" s="6" t="e"/>
    </row>
    <row r="1074" ht="44" customHeight="true" s="1" customFormat="true" hidden="true" outlineLevel="3">
      <c r="A1074" s="6" t="s">
        <v>1348</v>
      </c>
      <c r="B1074" s="6" t="s">
        <v>308</v>
      </c>
      <c r="C1074" s="6" t="s">
        <v>103</v>
      </c>
      <c r="D1074" s="6" t="s">
        <v>40</v>
      </c>
      <c r="E1074" s="6" t="e"/>
    </row>
    <row r="1075" ht="44" customHeight="true" s="1" customFormat="true" hidden="true" outlineLevel="3">
      <c r="A1075" s="6" t="s">
        <v>1349</v>
      </c>
      <c r="B1075" s="6" t="s">
        <v>300</v>
      </c>
      <c r="C1075" s="6" t="s">
        <v>103</v>
      </c>
      <c r="D1075" s="6" t="s">
        <v>26</v>
      </c>
      <c r="E1075" s="6" t="e"/>
    </row>
    <row r="1076" ht="56" customHeight="true" s="1" customFormat="true" hidden="true" outlineLevel="3">
      <c r="A1076" s="6" t="s">
        <v>1350</v>
      </c>
      <c r="B1076" s="6" t="s">
        <v>448</v>
      </c>
      <c r="C1076" s="6" t="s">
        <v>225</v>
      </c>
      <c r="D1076" s="6" t="s">
        <v>11</v>
      </c>
      <c r="E1076" s="6" t="e"/>
    </row>
    <row r="1077" ht="44" customHeight="true" s="1" customFormat="true" hidden="true" outlineLevel="3">
      <c r="A1077" s="6" t="s">
        <v>1351</v>
      </c>
      <c r="B1077" s="6" t="s">
        <v>1037</v>
      </c>
      <c r="C1077" s="6" t="s">
        <v>149</v>
      </c>
      <c r="D1077" s="6" t="s">
        <v>11</v>
      </c>
      <c r="E1077" s="6" t="e"/>
    </row>
    <row r="1078" ht="44" customHeight="true" s="1" customFormat="true" hidden="true" outlineLevel="3">
      <c r="A1078" s="6" t="s">
        <v>1352</v>
      </c>
      <c r="B1078" s="6" t="s">
        <v>225</v>
      </c>
      <c r="C1078" s="6" t="s">
        <v>219</v>
      </c>
      <c r="D1078" s="6" t="s">
        <v>26</v>
      </c>
      <c r="E1078" s="6" t="e"/>
    </row>
    <row r="1079" ht="33" customHeight="true" s="1" customFormat="true" hidden="true" outlineLevel="3">
      <c r="A1079" s="6" t="s">
        <v>1353</v>
      </c>
      <c r="B1079" s="6" t="s">
        <v>300</v>
      </c>
      <c r="C1079" s="6" t="s">
        <v>188</v>
      </c>
      <c r="D1079" s="6" t="s">
        <v>11</v>
      </c>
      <c r="E1079" s="6" t="e"/>
    </row>
    <row r="1080" ht="33" customHeight="true" s="1" customFormat="true" hidden="true" outlineLevel="3">
      <c r="A1080" s="6" t="s">
        <v>1354</v>
      </c>
      <c r="B1080" s="6" t="s">
        <v>242</v>
      </c>
      <c r="C1080" s="6" t="s">
        <v>103</v>
      </c>
      <c r="D1080" s="6" t="s">
        <v>674</v>
      </c>
      <c r="E1080" s="6" t="e"/>
    </row>
    <row r="1081" ht="33" customHeight="true" s="1" customFormat="true" hidden="true" outlineLevel="3">
      <c r="A1081" s="6" t="s">
        <v>1355</v>
      </c>
      <c r="B1081" s="6" t="s">
        <v>308</v>
      </c>
      <c r="C1081" s="6" t="s">
        <v>103</v>
      </c>
      <c r="D1081" s="6" t="s">
        <v>11</v>
      </c>
      <c r="E1081" s="6" t="e"/>
    </row>
    <row r="1082" ht="22" customHeight="true" s="1" customFormat="true" hidden="true" outlineLevel="3">
      <c r="A1082" s="6" t="s">
        <v>1356</v>
      </c>
      <c r="B1082" s="6" t="s">
        <v>110</v>
      </c>
      <c r="C1082" s="6" t="s">
        <v>51</v>
      </c>
      <c r="D1082" s="6" t="s">
        <v>26</v>
      </c>
      <c r="E1082" s="6" t="e"/>
    </row>
    <row r="1083" ht="22" customHeight="true" s="1" customFormat="true" hidden="true" outlineLevel="3">
      <c r="A1083" s="6" t="s">
        <v>1357</v>
      </c>
      <c r="B1083" s="6" t="e"/>
      <c r="C1083" s="6" t="s">
        <v>103</v>
      </c>
      <c r="D1083" s="6" t="s">
        <v>11</v>
      </c>
      <c r="E1083" s="6" t="e"/>
    </row>
    <row r="1084" ht="44" customHeight="true" s="1" customFormat="true" hidden="true" outlineLevel="3">
      <c r="A1084" s="6" t="s">
        <v>1358</v>
      </c>
      <c r="B1084" s="6" t="s">
        <v>308</v>
      </c>
      <c r="C1084" s="6" t="s">
        <v>103</v>
      </c>
      <c r="D1084" s="6" t="s">
        <v>26</v>
      </c>
      <c r="E1084" s="6" t="e"/>
    </row>
    <row r="1085" ht="22" customHeight="true" s="1" customFormat="true" hidden="true" outlineLevel="3">
      <c r="A1085" s="6" t="s">
        <v>1359</v>
      </c>
      <c r="B1085" s="6" t="s">
        <v>242</v>
      </c>
      <c r="C1085" s="6" t="s">
        <v>103</v>
      </c>
      <c r="D1085" s="6" t="s">
        <v>276</v>
      </c>
      <c r="E1085" s="6" t="e"/>
    </row>
    <row r="1086" ht="33" customHeight="true" s="1" customFormat="true" hidden="true" outlineLevel="3">
      <c r="A1086" s="6" t="s">
        <v>1360</v>
      </c>
      <c r="B1086" s="6" t="s">
        <v>242</v>
      </c>
      <c r="C1086" s="6" t="s">
        <v>103</v>
      </c>
      <c r="D1086" s="6" t="s">
        <v>11</v>
      </c>
      <c r="E1086" s="6" t="e"/>
    </row>
    <row r="1087" ht="33" customHeight="true" s="1" customFormat="true" hidden="true" outlineLevel="3">
      <c r="A1087" s="6" t="s">
        <v>1361</v>
      </c>
      <c r="B1087" s="6" t="s">
        <v>300</v>
      </c>
      <c r="C1087" s="6" t="s">
        <v>103</v>
      </c>
      <c r="D1087" s="6" t="s">
        <v>11</v>
      </c>
      <c r="E1087" s="6" t="e"/>
    </row>
    <row r="1088" ht="22" customHeight="true" s="1" customFormat="true" hidden="true" outlineLevel="3">
      <c r="A1088" s="6" t="s">
        <v>1362</v>
      </c>
      <c r="B1088" s="6" t="s">
        <v>99</v>
      </c>
      <c r="C1088" s="6" t="s">
        <v>127</v>
      </c>
      <c r="D1088" s="6" t="s">
        <v>15</v>
      </c>
      <c r="E1088" s="6" t="e"/>
    </row>
    <row r="1089" ht="22" customHeight="true" s="1" customFormat="true" hidden="true" collapsed="true" outlineLevel="3">
      <c r="A1089" s="6" t="s">
        <v>1363</v>
      </c>
      <c r="B1089" s="6" t="s">
        <v>110</v>
      </c>
      <c r="C1089" s="6" t="s">
        <v>72</v>
      </c>
      <c r="D1089" s="6" t="s">
        <v>57</v>
      </c>
      <c r="E1089" s="6" t="e"/>
    </row>
    <row r="1090" ht="11" customHeight="true" s="1" customFormat="true" hidden="true" collapsed="true" outlineLevel="2">
      <c r="A1090" s="5" t="s">
        <v>1364</v>
      </c>
      <c r="B1090" s="5" t="e"/>
      <c r="C1090" s="5" t="e"/>
      <c r="D1090" s="5" t="e"/>
      <c r="E1090" s="5" t="e"/>
    </row>
    <row r="1091" ht="44" customHeight="true" s="1" customFormat="true" hidden="true" outlineLevel="3">
      <c r="A1091" s="6" t="s">
        <v>1365</v>
      </c>
      <c r="B1091" s="6" t="s">
        <v>219</v>
      </c>
      <c r="C1091" s="6" t="s">
        <v>51</v>
      </c>
      <c r="D1091" s="6" t="s">
        <v>11</v>
      </c>
      <c r="E1091" s="6" t="e"/>
    </row>
    <row r="1092" ht="22" customHeight="true" s="1" customFormat="true" hidden="true" outlineLevel="3">
      <c r="A1092" s="6" t="s">
        <v>1366</v>
      </c>
      <c r="B1092" s="6" t="s">
        <v>127</v>
      </c>
      <c r="C1092" s="6" t="s">
        <v>62</v>
      </c>
      <c r="D1092" s="6" t="s">
        <v>644</v>
      </c>
      <c r="E1092" s="6" t="e"/>
    </row>
    <row r="1093" ht="22" customHeight="true" s="1" customFormat="true" hidden="true" collapsed="true" outlineLevel="3">
      <c r="A1093" s="6" t="s">
        <v>1367</v>
      </c>
      <c r="B1093" s="6" t="s">
        <v>72</v>
      </c>
      <c r="C1093" s="6" t="s">
        <v>73</v>
      </c>
      <c r="D1093" s="6" t="s">
        <v>26</v>
      </c>
      <c r="E1093" s="6" t="e"/>
    </row>
    <row r="1094" ht="11" customHeight="true" s="1" customFormat="true" hidden="true" collapsed="true" outlineLevel="2">
      <c r="A1094" s="5" t="s">
        <v>1368</v>
      </c>
      <c r="B1094" s="5" t="e"/>
      <c r="C1094" s="5" t="e"/>
      <c r="D1094" s="5" t="e"/>
      <c r="E1094" s="5" t="e"/>
    </row>
    <row r="1095" ht="22" customHeight="true" s="1" customFormat="true" hidden="true" outlineLevel="3">
      <c r="A1095" s="6" t="s">
        <v>1369</v>
      </c>
      <c r="B1095" s="6" t="s">
        <v>219</v>
      </c>
      <c r="C1095" s="6" t="s">
        <v>51</v>
      </c>
      <c r="D1095" s="6" t="s">
        <v>26</v>
      </c>
      <c r="E1095" s="6" t="e"/>
    </row>
    <row r="1096" ht="22" customHeight="true" s="1" customFormat="true" hidden="true" outlineLevel="3">
      <c r="A1096" s="6" t="s">
        <v>1370</v>
      </c>
      <c r="B1096" s="6" t="s">
        <v>219</v>
      </c>
      <c r="C1096" s="6" t="s">
        <v>72</v>
      </c>
      <c r="D1096" s="6" t="s">
        <v>26</v>
      </c>
      <c r="E1096" s="6" t="e"/>
    </row>
    <row r="1097" ht="44" customHeight="true" s="1" customFormat="true" hidden="true" outlineLevel="3">
      <c r="A1097" s="6" t="s">
        <v>1371</v>
      </c>
      <c r="B1097" s="6" t="s">
        <v>1212</v>
      </c>
      <c r="C1097" s="6" t="s">
        <v>430</v>
      </c>
      <c r="D1097" s="6" t="s">
        <v>11</v>
      </c>
      <c r="E1097" s="6" t="e"/>
    </row>
    <row r="1098" ht="22" customHeight="true" s="1" customFormat="true" hidden="true" outlineLevel="3">
      <c r="A1098" s="6" t="s">
        <v>1372</v>
      </c>
      <c r="B1098" s="6" t="s">
        <v>136</v>
      </c>
      <c r="C1098" s="6" t="s">
        <v>219</v>
      </c>
      <c r="D1098" s="6" t="s">
        <v>26</v>
      </c>
      <c r="E1098" s="6" t="e"/>
    </row>
    <row r="1099" ht="11" customHeight="true" s="1" customFormat="true" hidden="true" outlineLevel="3">
      <c r="A1099" s="6" t="s">
        <v>1373</v>
      </c>
      <c r="B1099" s="6" t="s">
        <v>103</v>
      </c>
      <c r="C1099" s="6" t="s">
        <v>127</v>
      </c>
      <c r="D1099" s="6" t="s">
        <v>11</v>
      </c>
      <c r="E1099" s="6" t="e"/>
    </row>
    <row r="1100" ht="22" customHeight="true" s="1" customFormat="true" hidden="true" outlineLevel="3">
      <c r="A1100" s="6" t="s">
        <v>1374</v>
      </c>
      <c r="B1100" s="6" t="s">
        <v>149</v>
      </c>
      <c r="C1100" s="6" t="s">
        <v>219</v>
      </c>
      <c r="D1100" s="6" t="s">
        <v>26</v>
      </c>
      <c r="E1100" s="6" t="e"/>
    </row>
    <row r="1101" ht="22" customHeight="true" s="1" customFormat="true" hidden="true" outlineLevel="3">
      <c r="A1101" s="6" t="s">
        <v>1375</v>
      </c>
      <c r="B1101" s="6" t="s">
        <v>126</v>
      </c>
      <c r="C1101" s="6" t="s">
        <v>127</v>
      </c>
      <c r="D1101" s="6" t="s">
        <v>11</v>
      </c>
      <c r="E1101" s="6" t="e"/>
    </row>
    <row r="1102" ht="22" customHeight="true" s="1" customFormat="true" hidden="true" outlineLevel="3">
      <c r="A1102" s="6" t="s">
        <v>1376</v>
      </c>
      <c r="B1102" s="6" t="s">
        <v>350</v>
      </c>
      <c r="C1102" s="6" t="s">
        <v>62</v>
      </c>
      <c r="D1102" s="6" t="s">
        <v>26</v>
      </c>
      <c r="E1102" s="6" t="e"/>
    </row>
    <row r="1103" ht="22" customHeight="true" s="1" customFormat="true" hidden="true" outlineLevel="3">
      <c r="A1103" s="6" t="s">
        <v>1377</v>
      </c>
      <c r="B1103" s="6" t="s">
        <v>72</v>
      </c>
      <c r="C1103" s="6" t="s">
        <v>235</v>
      </c>
      <c r="D1103" s="6" t="s">
        <v>40</v>
      </c>
      <c r="E1103" s="6" t="e"/>
    </row>
    <row r="1104" ht="22" customHeight="true" s="1" customFormat="true" hidden="true" outlineLevel="3">
      <c r="A1104" s="6" t="s">
        <v>1378</v>
      </c>
      <c r="B1104" s="6" t="s">
        <v>103</v>
      </c>
      <c r="C1104" s="6" t="s">
        <v>127</v>
      </c>
      <c r="D1104" s="6" t="s">
        <v>26</v>
      </c>
      <c r="E1104" s="6" t="e"/>
    </row>
    <row r="1105" ht="33" customHeight="true" s="1" customFormat="true" hidden="true" outlineLevel="3">
      <c r="A1105" s="6" t="s">
        <v>1379</v>
      </c>
      <c r="B1105" s="6" t="s">
        <v>188</v>
      </c>
      <c r="C1105" s="6" t="s">
        <v>50</v>
      </c>
      <c r="D1105" s="6" t="s">
        <v>26</v>
      </c>
      <c r="E1105" s="6" t="e"/>
    </row>
    <row r="1106" ht="22" customHeight="true" s="1" customFormat="true" hidden="true" outlineLevel="3">
      <c r="A1106" s="6" t="s">
        <v>1380</v>
      </c>
      <c r="B1106" s="6" t="s">
        <v>103</v>
      </c>
      <c r="C1106" s="6" t="s">
        <v>127</v>
      </c>
      <c r="D1106" s="6" t="s">
        <v>11</v>
      </c>
      <c r="E1106" s="6" t="e"/>
    </row>
    <row r="1107" ht="33" customHeight="true" s="1" customFormat="true" hidden="true" outlineLevel="3">
      <c r="A1107" s="6" t="s">
        <v>1381</v>
      </c>
      <c r="B1107" s="6" t="s">
        <v>103</v>
      </c>
      <c r="C1107" s="6" t="s">
        <v>127</v>
      </c>
      <c r="D1107" s="6" t="s">
        <v>40</v>
      </c>
      <c r="E1107" s="6" t="e"/>
    </row>
    <row r="1108" ht="22" customHeight="true" s="1" customFormat="true" hidden="true" collapsed="true" outlineLevel="3">
      <c r="A1108" s="6" t="s">
        <v>1382</v>
      </c>
      <c r="B1108" s="6" t="s">
        <v>219</v>
      </c>
      <c r="C1108" s="6" t="s">
        <v>51</v>
      </c>
      <c r="D1108" s="6" t="s">
        <v>40</v>
      </c>
      <c r="E1108" s="6" t="e"/>
    </row>
    <row r="1109" ht="11" customHeight="true" s="1" customFormat="true" hidden="true" collapsed="true" outlineLevel="2">
      <c r="A1109" s="5" t="s">
        <v>1383</v>
      </c>
      <c r="B1109" s="5" t="e"/>
      <c r="C1109" s="5" t="e"/>
      <c r="D1109" s="5" t="e"/>
      <c r="E1109" s="5" t="e"/>
    </row>
    <row r="1110" ht="44" customHeight="true" s="1" customFormat="true" hidden="true" outlineLevel="3">
      <c r="A1110" s="6" t="s">
        <v>1384</v>
      </c>
      <c r="B1110" s="6" t="s">
        <v>302</v>
      </c>
      <c r="C1110" s="6" t="s">
        <v>103</v>
      </c>
      <c r="D1110" s="6" t="s">
        <v>68</v>
      </c>
      <c r="E1110" s="6" t="e"/>
    </row>
    <row r="1111" ht="44" customHeight="true" s="1" customFormat="true" hidden="true" outlineLevel="3">
      <c r="A1111" s="6" t="s">
        <v>1385</v>
      </c>
      <c r="B1111" s="6" t="s">
        <v>141</v>
      </c>
      <c r="C1111" s="6" t="s">
        <v>219</v>
      </c>
      <c r="D1111" s="6" t="s">
        <v>15</v>
      </c>
      <c r="E1111" s="6" t="e"/>
    </row>
    <row r="1112" ht="44" customHeight="true" s="1" customFormat="true" hidden="true" outlineLevel="3">
      <c r="A1112" s="6" t="s">
        <v>1386</v>
      </c>
      <c r="B1112" s="6" t="s">
        <v>126</v>
      </c>
      <c r="C1112" s="6" t="s">
        <v>127</v>
      </c>
      <c r="D1112" s="6" t="s">
        <v>40</v>
      </c>
      <c r="E1112" s="6" t="e"/>
    </row>
    <row r="1113" ht="33" customHeight="true" s="1" customFormat="true" hidden="true" outlineLevel="3">
      <c r="A1113" s="6" t="s">
        <v>1387</v>
      </c>
      <c r="B1113" s="6" t="s">
        <v>136</v>
      </c>
      <c r="C1113" s="6" t="s">
        <v>219</v>
      </c>
      <c r="D1113" s="6" t="s">
        <v>26</v>
      </c>
      <c r="E1113" s="6" t="e"/>
    </row>
    <row r="1114" ht="33" customHeight="true" s="1" customFormat="true" hidden="true" outlineLevel="3">
      <c r="A1114" s="6" t="s">
        <v>1388</v>
      </c>
      <c r="B1114" s="6" t="s">
        <v>478</v>
      </c>
      <c r="C1114" s="6" t="s">
        <v>127</v>
      </c>
      <c r="D1114" s="6" t="s">
        <v>40</v>
      </c>
      <c r="E1114" s="6" t="e"/>
    </row>
    <row r="1115" ht="33" customHeight="true" s="1" customFormat="true" hidden="true" outlineLevel="3">
      <c r="A1115" s="6" t="s">
        <v>1389</v>
      </c>
      <c r="B1115" s="6" t="s">
        <v>149</v>
      </c>
      <c r="C1115" s="6" t="s">
        <v>219</v>
      </c>
      <c r="D1115" s="6" t="s">
        <v>11</v>
      </c>
      <c r="E1115" s="6" t="e"/>
    </row>
    <row r="1116" ht="33" customHeight="true" s="1" customFormat="true" hidden="true" outlineLevel="3">
      <c r="A1116" s="6" t="s">
        <v>1390</v>
      </c>
      <c r="B1116" s="6" t="s">
        <v>1391</v>
      </c>
      <c r="C1116" s="6" t="s">
        <v>103</v>
      </c>
      <c r="D1116" s="6" t="s">
        <v>26</v>
      </c>
      <c r="E1116" s="6" t="e"/>
    </row>
    <row r="1117" ht="33" customHeight="true" s="1" customFormat="true" hidden="true" outlineLevel="3">
      <c r="A1117" s="6" t="s">
        <v>1392</v>
      </c>
      <c r="B1117" s="6" t="s">
        <v>110</v>
      </c>
      <c r="C1117" s="6" t="s">
        <v>72</v>
      </c>
      <c r="D1117" s="6" t="s">
        <v>11</v>
      </c>
      <c r="E1117" s="6" t="e"/>
    </row>
    <row r="1118" ht="33" customHeight="true" s="1" customFormat="true" hidden="true" outlineLevel="3">
      <c r="A1118" s="6" t="s">
        <v>1393</v>
      </c>
      <c r="B1118" s="6" t="s">
        <v>371</v>
      </c>
      <c r="C1118" s="6" t="s">
        <v>72</v>
      </c>
      <c r="D1118" s="6" t="s">
        <v>40</v>
      </c>
      <c r="E1118" s="6" t="e"/>
    </row>
    <row r="1119" ht="33" customHeight="true" s="1" customFormat="true" hidden="true" collapsed="true" outlineLevel="3">
      <c r="A1119" s="6" t="s">
        <v>1394</v>
      </c>
      <c r="B1119" s="6" t="s">
        <v>225</v>
      </c>
      <c r="C1119" s="6" t="s">
        <v>155</v>
      </c>
      <c r="D1119" s="6" t="s">
        <v>15</v>
      </c>
      <c r="E1119" s="6" t="e"/>
    </row>
    <row r="1120" ht="11" customHeight="true" s="1" customFormat="true" hidden="true" collapsed="true" outlineLevel="2">
      <c r="A1120" s="5" t="s">
        <v>1395</v>
      </c>
      <c r="B1120" s="5" t="e"/>
      <c r="C1120" s="5" t="e"/>
      <c r="D1120" s="5" t="e"/>
      <c r="E1120" s="5" t="e"/>
    </row>
    <row r="1121" ht="11" customHeight="true" s="1" customFormat="true" hidden="true" outlineLevel="3">
      <c r="A1121" s="6" t="s">
        <v>1396</v>
      </c>
      <c r="B1121" s="6" t="s">
        <v>225</v>
      </c>
      <c r="C1121" s="6" t="s">
        <v>142</v>
      </c>
      <c r="D1121" s="6" t="s">
        <v>40</v>
      </c>
      <c r="E1121" s="6" t="e"/>
    </row>
    <row r="1122" ht="22" customHeight="true" s="1" customFormat="true" hidden="true" outlineLevel="3">
      <c r="A1122" s="6" t="s">
        <v>1397</v>
      </c>
      <c r="B1122" s="6" t="s">
        <v>1398</v>
      </c>
      <c r="C1122" s="6" t="s">
        <v>103</v>
      </c>
      <c r="D1122" s="6" t="s">
        <v>26</v>
      </c>
      <c r="E1122" s="6" t="e"/>
    </row>
    <row r="1123" ht="11" customHeight="true" s="1" customFormat="true" hidden="true" outlineLevel="3">
      <c r="A1123" s="6" t="s">
        <v>1399</v>
      </c>
      <c r="B1123" s="6" t="s">
        <v>242</v>
      </c>
      <c r="C1123" s="6" t="s">
        <v>99</v>
      </c>
      <c r="D1123" s="6" t="s">
        <v>15</v>
      </c>
      <c r="E1123" s="6" t="e"/>
    </row>
    <row r="1124" ht="11" customHeight="true" s="1" customFormat="true" hidden="true" outlineLevel="3">
      <c r="A1124" s="6" t="s">
        <v>1400</v>
      </c>
      <c r="B1124" s="6" t="s">
        <v>242</v>
      </c>
      <c r="C1124" s="6" t="s">
        <v>103</v>
      </c>
      <c r="D1124" s="6" t="s">
        <v>11</v>
      </c>
      <c r="E1124" s="6" t="e"/>
    </row>
    <row r="1125" ht="22" customHeight="true" s="1" customFormat="true" hidden="true" outlineLevel="3">
      <c r="A1125" s="6" t="s">
        <v>1401</v>
      </c>
      <c r="B1125" s="6" t="s">
        <v>103</v>
      </c>
      <c r="C1125" s="6" t="s">
        <v>127</v>
      </c>
      <c r="D1125" s="6" t="s">
        <v>11</v>
      </c>
      <c r="E1125" s="6" t="e"/>
    </row>
    <row r="1126" ht="22" customHeight="true" s="1" customFormat="true" hidden="true" outlineLevel="3">
      <c r="A1126" s="6" t="s">
        <v>1402</v>
      </c>
      <c r="B1126" s="6" t="s">
        <v>574</v>
      </c>
      <c r="C1126" s="6" t="s">
        <v>225</v>
      </c>
      <c r="D1126" s="6" t="s">
        <v>11</v>
      </c>
      <c r="E1126" s="6" t="e"/>
    </row>
    <row r="1127" ht="22" customHeight="true" s="1" customFormat="true" hidden="true" outlineLevel="3">
      <c r="A1127" s="6" t="s">
        <v>1403</v>
      </c>
      <c r="B1127" s="6" t="s">
        <v>197</v>
      </c>
      <c r="C1127" s="6" t="s">
        <v>149</v>
      </c>
      <c r="D1127" s="6" t="s">
        <v>11</v>
      </c>
      <c r="E1127" s="6" t="e"/>
    </row>
    <row r="1128" ht="11" customHeight="true" s="1" customFormat="true" hidden="true" outlineLevel="3">
      <c r="A1128" s="6" t="s">
        <v>1404</v>
      </c>
      <c r="B1128" s="6" t="s">
        <v>551</v>
      </c>
      <c r="C1128" s="6" t="s">
        <v>149</v>
      </c>
      <c r="D1128" s="6" t="s">
        <v>176</v>
      </c>
      <c r="E1128" s="6" t="e"/>
    </row>
    <row r="1129" ht="22" customHeight="true" s="1" customFormat="true" hidden="true" outlineLevel="3">
      <c r="A1129" s="6" t="s">
        <v>1405</v>
      </c>
      <c r="B1129" s="6" t="s">
        <v>296</v>
      </c>
      <c r="C1129" s="6" t="s">
        <v>149</v>
      </c>
      <c r="D1129" s="6" t="s">
        <v>176</v>
      </c>
      <c r="E1129" s="6" t="e"/>
    </row>
    <row r="1130" ht="22" customHeight="true" s="1" customFormat="true" hidden="true" collapsed="true" outlineLevel="3">
      <c r="A1130" s="6" t="s">
        <v>1406</v>
      </c>
      <c r="B1130" s="6" t="s">
        <v>242</v>
      </c>
      <c r="C1130" s="6" t="s">
        <v>149</v>
      </c>
      <c r="D1130" s="6" t="s">
        <v>572</v>
      </c>
      <c r="E1130" s="6" t="e"/>
    </row>
    <row r="1131" ht="11" customHeight="true" s="1" customFormat="true" hidden="true" collapsed="true" outlineLevel="2">
      <c r="A1131" s="5" t="s">
        <v>1407</v>
      </c>
      <c r="B1131" s="5" t="e"/>
      <c r="C1131" s="5" t="e"/>
      <c r="D1131" s="5" t="e"/>
      <c r="E1131" s="5" t="e"/>
    </row>
    <row r="1132" ht="33" customHeight="true" s="1" customFormat="true" hidden="true" outlineLevel="3">
      <c r="A1132" s="6" t="s">
        <v>1408</v>
      </c>
      <c r="B1132" s="6" t="s">
        <v>300</v>
      </c>
      <c r="C1132" s="6" t="s">
        <v>99</v>
      </c>
      <c r="D1132" s="6" t="s">
        <v>15</v>
      </c>
      <c r="E1132" s="6" t="e"/>
    </row>
    <row r="1133" ht="44" customHeight="true" s="1" customFormat="true" hidden="true" outlineLevel="3">
      <c r="A1133" s="6" t="s">
        <v>1409</v>
      </c>
      <c r="B1133" s="6" t="s">
        <v>308</v>
      </c>
      <c r="C1133" s="6" t="s">
        <v>103</v>
      </c>
      <c r="D1133" s="6" t="s">
        <v>123</v>
      </c>
      <c r="E1133" s="6" t="e"/>
    </row>
    <row r="1134" ht="33" customHeight="true" s="1" customFormat="true" hidden="true" outlineLevel="3">
      <c r="A1134" s="6" t="s">
        <v>1410</v>
      </c>
      <c r="B1134" s="6" t="s">
        <v>172</v>
      </c>
      <c r="C1134" s="6" t="s">
        <v>103</v>
      </c>
      <c r="D1134" s="6" t="s">
        <v>11</v>
      </c>
      <c r="E1134" s="6" t="e"/>
    </row>
    <row r="1135" ht="33" customHeight="true" s="1" customFormat="true" hidden="true" outlineLevel="3">
      <c r="A1135" s="6" t="s">
        <v>1411</v>
      </c>
      <c r="B1135" s="6" t="s">
        <v>99</v>
      </c>
      <c r="C1135" s="6" t="s">
        <v>219</v>
      </c>
      <c r="D1135" s="6" t="s">
        <v>26</v>
      </c>
      <c r="E1135" s="6" t="e"/>
    </row>
    <row r="1136" ht="33" customHeight="true" s="1" customFormat="true" hidden="true" outlineLevel="3">
      <c r="A1136" s="6" t="s">
        <v>1412</v>
      </c>
      <c r="B1136" s="6" t="s">
        <v>131</v>
      </c>
      <c r="C1136" s="6" t="s">
        <v>219</v>
      </c>
      <c r="D1136" s="6" t="s">
        <v>26</v>
      </c>
      <c r="E1136" s="6" t="e"/>
    </row>
    <row r="1137" ht="33" customHeight="true" s="1" customFormat="true" hidden="true" outlineLevel="3">
      <c r="A1137" s="6" t="s">
        <v>1413</v>
      </c>
      <c r="B1137" s="6" t="s">
        <v>172</v>
      </c>
      <c r="C1137" s="6" t="s">
        <v>103</v>
      </c>
      <c r="D1137" s="6" t="s">
        <v>15</v>
      </c>
      <c r="E1137" s="6" t="e"/>
    </row>
    <row r="1138" ht="44" customHeight="true" s="1" customFormat="true" hidden="true" outlineLevel="3">
      <c r="A1138" s="6" t="s">
        <v>1414</v>
      </c>
      <c r="B1138" s="6" t="s">
        <v>1391</v>
      </c>
      <c r="C1138" s="6" t="s">
        <v>142</v>
      </c>
      <c r="D1138" s="6" t="s">
        <v>11</v>
      </c>
      <c r="E1138" s="6" t="e"/>
    </row>
    <row r="1139" ht="44" customHeight="true" s="1" customFormat="true" hidden="true" collapsed="true" outlineLevel="3">
      <c r="A1139" s="6" t="s">
        <v>1415</v>
      </c>
      <c r="B1139" s="6" t="s">
        <v>283</v>
      </c>
      <c r="C1139" s="6" t="s">
        <v>219</v>
      </c>
      <c r="D1139" s="6" t="s">
        <v>11</v>
      </c>
      <c r="E1139" s="6" t="e"/>
    </row>
    <row r="1140" ht="11" customHeight="true" s="1" customFormat="true" hidden="true" collapsed="true" outlineLevel="2">
      <c r="A1140" s="5" t="s">
        <v>1416</v>
      </c>
      <c r="B1140" s="5" t="e"/>
      <c r="C1140" s="5" t="e"/>
      <c r="D1140" s="5" t="e"/>
      <c r="E1140" s="5" t="e"/>
    </row>
    <row r="1141" ht="22" customHeight="true" s="1" customFormat="true" hidden="true" collapsed="true" outlineLevel="3">
      <c r="A1141" s="6" t="s">
        <v>1417</v>
      </c>
      <c r="B1141" s="6" t="s">
        <v>149</v>
      </c>
      <c r="C1141" s="6" t="s">
        <v>219</v>
      </c>
      <c r="D1141" s="6" t="s">
        <v>184</v>
      </c>
      <c r="E1141" s="6" t="e"/>
    </row>
    <row r="1142" ht="11" customHeight="true" s="1" customFormat="true" hidden="true" collapsed="true" outlineLevel="2">
      <c r="A1142" s="5" t="s">
        <v>1418</v>
      </c>
      <c r="B1142" s="5" t="e"/>
      <c r="C1142" s="5" t="e"/>
      <c r="D1142" s="5" t="e"/>
      <c r="E1142" s="5" t="e"/>
    </row>
    <row r="1143" ht="22" customHeight="true" s="1" customFormat="true" hidden="true" outlineLevel="3">
      <c r="A1143" s="6" t="s">
        <v>1419</v>
      </c>
      <c r="B1143" s="6" t="s">
        <v>154</v>
      </c>
      <c r="C1143" s="6" t="s">
        <v>99</v>
      </c>
      <c r="D1143" s="6" t="s">
        <v>11</v>
      </c>
      <c r="E1143" s="6" t="e"/>
    </row>
    <row r="1144" ht="33" customHeight="true" s="1" customFormat="true" hidden="true" outlineLevel="3">
      <c r="A1144" s="6" t="s">
        <v>1420</v>
      </c>
      <c r="B1144" s="6" t="s">
        <v>197</v>
      </c>
      <c r="C1144" s="6" t="s">
        <v>99</v>
      </c>
      <c r="D1144" s="6" t="s">
        <v>184</v>
      </c>
      <c r="E1144" s="6" t="e"/>
    </row>
    <row r="1145" ht="22" customHeight="true" s="1" customFormat="true" hidden="true" outlineLevel="3">
      <c r="A1145" s="6" t="s">
        <v>1421</v>
      </c>
      <c r="B1145" s="6" t="s">
        <v>172</v>
      </c>
      <c r="C1145" s="6" t="s">
        <v>103</v>
      </c>
      <c r="D1145" s="6" t="s">
        <v>11</v>
      </c>
      <c r="E1145" s="6" t="e"/>
    </row>
    <row r="1146" ht="33" customHeight="true" s="1" customFormat="true" hidden="true" outlineLevel="3">
      <c r="A1146" s="6" t="s">
        <v>1422</v>
      </c>
      <c r="B1146" s="6" t="s">
        <v>167</v>
      </c>
      <c r="C1146" s="6" t="s">
        <v>99</v>
      </c>
      <c r="D1146" s="6" t="s">
        <v>446</v>
      </c>
      <c r="E1146" s="6" t="e"/>
    </row>
    <row r="1147" ht="22" customHeight="true" s="1" customFormat="true" hidden="true" outlineLevel="3">
      <c r="A1147" s="6" t="s">
        <v>1423</v>
      </c>
      <c r="B1147" s="6" t="s">
        <v>1424</v>
      </c>
      <c r="C1147" s="6" t="s">
        <v>142</v>
      </c>
      <c r="D1147" s="6" t="s">
        <v>11</v>
      </c>
      <c r="E1147" s="6" t="e"/>
    </row>
    <row r="1148" ht="33" customHeight="true" s="1" customFormat="true" hidden="true" outlineLevel="3">
      <c r="A1148" s="6" t="s">
        <v>1425</v>
      </c>
      <c r="B1148" s="6" t="s">
        <v>1391</v>
      </c>
      <c r="C1148" s="6" t="s">
        <v>103</v>
      </c>
      <c r="D1148" s="6" t="s">
        <v>40</v>
      </c>
      <c r="E1148" s="6" t="e"/>
    </row>
    <row r="1149" ht="22" customHeight="true" s="1" customFormat="true" hidden="true" collapsed="true" outlineLevel="3">
      <c r="A1149" s="6" t="s">
        <v>1426</v>
      </c>
      <c r="B1149" s="6" t="s">
        <v>141</v>
      </c>
      <c r="C1149" s="6" t="s">
        <v>103</v>
      </c>
      <c r="D1149" s="6" t="s">
        <v>26</v>
      </c>
      <c r="E1149" s="6" t="e"/>
    </row>
    <row r="1150" ht="11" customHeight="true" s="1" customFormat="true" hidden="true" collapsed="true" outlineLevel="2">
      <c r="A1150" s="5" t="s">
        <v>1427</v>
      </c>
      <c r="B1150" s="5" t="e"/>
      <c r="C1150" s="5" t="e"/>
      <c r="D1150" s="5" t="e"/>
      <c r="E1150" s="5" t="e"/>
    </row>
    <row r="1151" ht="22" customHeight="true" s="1" customFormat="true" hidden="true" outlineLevel="3">
      <c r="A1151" s="6" t="s">
        <v>1428</v>
      </c>
      <c r="B1151" s="6" t="s">
        <v>225</v>
      </c>
      <c r="C1151" s="6" t="s">
        <v>103</v>
      </c>
      <c r="D1151" s="6" t="s">
        <v>26</v>
      </c>
      <c r="E1151" s="6" t="e"/>
    </row>
    <row r="1152" ht="22" customHeight="true" s="1" customFormat="true" hidden="true" outlineLevel="3">
      <c r="A1152" s="6" t="s">
        <v>1429</v>
      </c>
      <c r="B1152" s="6" t="s">
        <v>167</v>
      </c>
      <c r="C1152" s="6" t="s">
        <v>99</v>
      </c>
      <c r="D1152" s="6" t="s">
        <v>26</v>
      </c>
      <c r="E1152" s="6" t="e"/>
    </row>
    <row r="1153" ht="22" customHeight="true" s="1" customFormat="true" hidden="true" outlineLevel="3">
      <c r="A1153" s="6" t="s">
        <v>1430</v>
      </c>
      <c r="B1153" s="6" t="s">
        <v>302</v>
      </c>
      <c r="C1153" s="6" t="s">
        <v>99</v>
      </c>
      <c r="D1153" s="6" t="s">
        <v>184</v>
      </c>
      <c r="E1153" s="6" t="e"/>
    </row>
    <row r="1154" ht="22" customHeight="true" s="1" customFormat="true" hidden="true" outlineLevel="3">
      <c r="A1154" s="6" t="s">
        <v>1431</v>
      </c>
      <c r="B1154" s="6" t="s">
        <v>300</v>
      </c>
      <c r="C1154" s="6" t="s">
        <v>99</v>
      </c>
      <c r="D1154" s="6" t="s">
        <v>184</v>
      </c>
      <c r="E1154" s="6" t="e"/>
    </row>
    <row r="1155" ht="33" customHeight="true" s="1" customFormat="true" hidden="true" outlineLevel="3">
      <c r="A1155" s="6" t="s">
        <v>1432</v>
      </c>
      <c r="B1155" s="6" t="s">
        <v>225</v>
      </c>
      <c r="C1155" s="6" t="s">
        <v>103</v>
      </c>
      <c r="D1155" s="6" t="s">
        <v>11</v>
      </c>
      <c r="E1155" s="6" t="e"/>
    </row>
    <row r="1156" ht="33" customHeight="true" s="1" customFormat="true" hidden="true" outlineLevel="3">
      <c r="A1156" s="6" t="s">
        <v>1433</v>
      </c>
      <c r="B1156" s="6" t="s">
        <v>149</v>
      </c>
      <c r="C1156" s="6" t="s">
        <v>219</v>
      </c>
      <c r="D1156" s="6" t="s">
        <v>11</v>
      </c>
      <c r="E1156" s="6" t="e"/>
    </row>
    <row r="1157" ht="33" customHeight="true" s="1" customFormat="true" hidden="true" outlineLevel="3">
      <c r="A1157" s="6" t="s">
        <v>1434</v>
      </c>
      <c r="B1157" s="6" t="s">
        <v>61</v>
      </c>
      <c r="C1157" s="6" t="s">
        <v>235</v>
      </c>
      <c r="D1157" s="6" t="s">
        <v>26</v>
      </c>
      <c r="E1157" s="6" t="e"/>
    </row>
    <row r="1158" ht="22" customHeight="true" s="1" customFormat="true" hidden="true" outlineLevel="3">
      <c r="A1158" s="6" t="s">
        <v>1435</v>
      </c>
      <c r="B1158" s="6" t="s">
        <v>99</v>
      </c>
      <c r="C1158" s="6" t="s">
        <v>127</v>
      </c>
      <c r="D1158" s="6" t="s">
        <v>184</v>
      </c>
      <c r="E1158" s="6" t="e"/>
    </row>
    <row r="1159" ht="33" customHeight="true" s="1" customFormat="true" hidden="true" outlineLevel="3">
      <c r="A1159" s="6" t="s">
        <v>1436</v>
      </c>
      <c r="B1159" s="6" t="s">
        <v>99</v>
      </c>
      <c r="C1159" s="6" t="s">
        <v>219</v>
      </c>
      <c r="D1159" s="6" t="s">
        <v>11</v>
      </c>
      <c r="E1159" s="6" t="e"/>
    </row>
    <row r="1160" ht="44" customHeight="true" s="1" customFormat="true" hidden="true" outlineLevel="3">
      <c r="A1160" s="6" t="s">
        <v>1437</v>
      </c>
      <c r="B1160" s="6" t="s">
        <v>1438</v>
      </c>
      <c r="C1160" s="6" t="s">
        <v>62</v>
      </c>
      <c r="D1160" s="6" t="s">
        <v>11</v>
      </c>
      <c r="E1160" s="6" t="e"/>
    </row>
    <row r="1161" ht="33" customHeight="true" s="1" customFormat="true" hidden="true" outlineLevel="3">
      <c r="A1161" s="6" t="s">
        <v>1439</v>
      </c>
      <c r="B1161" s="6" t="s">
        <v>478</v>
      </c>
      <c r="C1161" s="6" t="s">
        <v>127</v>
      </c>
      <c r="D1161" s="6" t="s">
        <v>26</v>
      </c>
      <c r="E1161" s="6" t="e"/>
    </row>
    <row r="1162" ht="44" customHeight="true" s="1" customFormat="true" hidden="true" outlineLevel="3">
      <c r="A1162" s="6" t="s">
        <v>1440</v>
      </c>
      <c r="B1162" s="6" t="s">
        <v>99</v>
      </c>
      <c r="C1162" s="6" t="s">
        <v>127</v>
      </c>
      <c r="D1162" s="6" t="s">
        <v>11</v>
      </c>
      <c r="E1162" s="6" t="e"/>
    </row>
    <row r="1163" ht="44" customHeight="true" s="1" customFormat="true" hidden="true" outlineLevel="3">
      <c r="A1163" s="6" t="s">
        <v>1441</v>
      </c>
      <c r="B1163" s="6" t="s">
        <v>50</v>
      </c>
      <c r="C1163" s="6" t="s">
        <v>62</v>
      </c>
      <c r="D1163" s="6" t="s">
        <v>11</v>
      </c>
      <c r="E1163" s="6" t="e"/>
    </row>
    <row r="1164" ht="44" customHeight="true" s="1" customFormat="true" hidden="true" outlineLevel="3">
      <c r="A1164" s="6" t="s">
        <v>1442</v>
      </c>
      <c r="B1164" s="6" t="s">
        <v>99</v>
      </c>
      <c r="C1164" s="6" t="s">
        <v>50</v>
      </c>
      <c r="D1164" s="6" t="s">
        <v>11</v>
      </c>
      <c r="E1164" s="6" t="e"/>
    </row>
    <row r="1165" ht="44" customHeight="true" s="1" customFormat="true" hidden="true" outlineLevel="3">
      <c r="A1165" s="6" t="s">
        <v>1443</v>
      </c>
      <c r="B1165" s="6" t="s">
        <v>188</v>
      </c>
      <c r="C1165" s="6" t="s">
        <v>72</v>
      </c>
      <c r="D1165" s="6" t="s">
        <v>11</v>
      </c>
      <c r="E1165" s="6" t="e"/>
    </row>
    <row r="1166" ht="44" customHeight="true" s="1" customFormat="true" hidden="true" outlineLevel="3">
      <c r="A1166" s="6" t="s">
        <v>1444</v>
      </c>
      <c r="B1166" s="6" t="s">
        <v>149</v>
      </c>
      <c r="C1166" s="6" t="s">
        <v>219</v>
      </c>
      <c r="D1166" s="6" t="s">
        <v>26</v>
      </c>
      <c r="E1166" s="6" t="e"/>
    </row>
    <row r="1167" ht="44" customHeight="true" s="1" customFormat="true" hidden="true" outlineLevel="3">
      <c r="A1167" s="6" t="s">
        <v>1445</v>
      </c>
      <c r="B1167" s="6" t="s">
        <v>114</v>
      </c>
      <c r="C1167" s="6" t="s">
        <v>51</v>
      </c>
      <c r="D1167" s="6" t="s">
        <v>57</v>
      </c>
      <c r="E1167" s="6" t="e"/>
    </row>
    <row r="1168" ht="44" customHeight="true" s="1" customFormat="true" hidden="true" outlineLevel="3">
      <c r="A1168" s="6" t="s">
        <v>1446</v>
      </c>
      <c r="B1168" s="6" t="s">
        <v>242</v>
      </c>
      <c r="C1168" s="6" t="s">
        <v>103</v>
      </c>
      <c r="D1168" s="6" t="s">
        <v>68</v>
      </c>
      <c r="E1168" s="6" t="e"/>
    </row>
    <row r="1169" ht="33" customHeight="true" s="1" customFormat="true" hidden="true" outlineLevel="3">
      <c r="A1169" s="6" t="s">
        <v>1447</v>
      </c>
      <c r="B1169" s="6" t="s">
        <v>149</v>
      </c>
      <c r="C1169" s="6" t="s">
        <v>127</v>
      </c>
      <c r="D1169" s="6" t="s">
        <v>11</v>
      </c>
      <c r="E1169" s="6" t="e"/>
    </row>
    <row r="1170" ht="33" customHeight="true" s="1" customFormat="true" hidden="true" outlineLevel="3">
      <c r="A1170" s="6" t="s">
        <v>1448</v>
      </c>
      <c r="B1170" s="6" t="s">
        <v>225</v>
      </c>
      <c r="C1170" s="6" t="s">
        <v>103</v>
      </c>
      <c r="D1170" s="6" t="s">
        <v>11</v>
      </c>
      <c r="E1170" s="6" t="e"/>
    </row>
    <row r="1171" ht="44" customHeight="true" s="1" customFormat="true" hidden="true" outlineLevel="3">
      <c r="A1171" s="6" t="s">
        <v>1449</v>
      </c>
      <c r="B1171" s="6" t="s">
        <v>142</v>
      </c>
      <c r="C1171" s="6" t="s">
        <v>51</v>
      </c>
      <c r="D1171" s="6" t="s">
        <v>11</v>
      </c>
      <c r="E1171" s="6" t="e"/>
    </row>
    <row r="1172" ht="22" customHeight="true" s="1" customFormat="true" hidden="true" outlineLevel="3">
      <c r="A1172" s="6" t="s">
        <v>1450</v>
      </c>
      <c r="B1172" s="6" t="s">
        <v>1398</v>
      </c>
      <c r="C1172" s="6" t="s">
        <v>103</v>
      </c>
      <c r="D1172" s="6" t="s">
        <v>11</v>
      </c>
      <c r="E1172" s="6" t="e"/>
    </row>
    <row r="1173" ht="33" customHeight="true" s="1" customFormat="true" hidden="true" outlineLevel="3">
      <c r="A1173" s="6" t="s">
        <v>1451</v>
      </c>
      <c r="B1173" s="6" t="s">
        <v>527</v>
      </c>
      <c r="C1173" s="6" t="s">
        <v>219</v>
      </c>
      <c r="D1173" s="6" t="s">
        <v>40</v>
      </c>
      <c r="E1173" s="6" t="e"/>
    </row>
    <row r="1174" ht="33" customHeight="true" s="1" customFormat="true" hidden="true" outlineLevel="3">
      <c r="A1174" s="6" t="s">
        <v>1452</v>
      </c>
      <c r="B1174" s="6" t="s">
        <v>149</v>
      </c>
      <c r="C1174" s="6" t="s">
        <v>127</v>
      </c>
      <c r="D1174" s="6" t="s">
        <v>11</v>
      </c>
      <c r="E1174" s="6" t="e"/>
    </row>
    <row r="1175" ht="33" customHeight="true" s="1" customFormat="true" hidden="true" outlineLevel="3">
      <c r="A1175" s="6" t="s">
        <v>1453</v>
      </c>
      <c r="B1175" s="6" t="s">
        <v>149</v>
      </c>
      <c r="C1175" s="6" t="s">
        <v>219</v>
      </c>
      <c r="D1175" s="6" t="s">
        <v>11</v>
      </c>
      <c r="E1175" s="6" t="e"/>
    </row>
    <row r="1176" ht="22" customHeight="true" s="1" customFormat="true" hidden="true" outlineLevel="3">
      <c r="A1176" s="6" t="s">
        <v>1454</v>
      </c>
      <c r="B1176" s="6" t="s">
        <v>302</v>
      </c>
      <c r="C1176" s="6" t="s">
        <v>103</v>
      </c>
      <c r="D1176" s="6" t="s">
        <v>26</v>
      </c>
      <c r="E1176" s="6" t="e"/>
    </row>
    <row r="1177" ht="33" customHeight="true" s="1" customFormat="true" hidden="true" outlineLevel="3">
      <c r="A1177" s="6" t="s">
        <v>1455</v>
      </c>
      <c r="B1177" s="6" t="s">
        <v>292</v>
      </c>
      <c r="C1177" s="6" t="s">
        <v>80</v>
      </c>
      <c r="D1177" s="6" t="s">
        <v>26</v>
      </c>
      <c r="E1177" s="6" t="e"/>
    </row>
    <row r="1178" ht="33" customHeight="true" s="1" customFormat="true" hidden="true" outlineLevel="3">
      <c r="A1178" s="6" t="s">
        <v>1456</v>
      </c>
      <c r="B1178" s="6" t="s">
        <v>92</v>
      </c>
      <c r="C1178" s="6" t="s">
        <v>290</v>
      </c>
      <c r="D1178" s="6" t="s">
        <v>11</v>
      </c>
      <c r="E1178" s="6" t="e"/>
    </row>
    <row r="1179" ht="33" customHeight="true" s="1" customFormat="true" hidden="true" outlineLevel="3">
      <c r="A1179" s="6" t="s">
        <v>1457</v>
      </c>
      <c r="B1179" s="6" t="s">
        <v>283</v>
      </c>
      <c r="C1179" s="6" t="s">
        <v>219</v>
      </c>
      <c r="D1179" s="6" t="s">
        <v>11</v>
      </c>
      <c r="E1179" s="6" t="e"/>
    </row>
    <row r="1180" ht="33" customHeight="true" s="1" customFormat="true" hidden="true" outlineLevel="3">
      <c r="A1180" s="6" t="s">
        <v>1458</v>
      </c>
      <c r="B1180" s="6" t="s">
        <v>188</v>
      </c>
      <c r="C1180" s="6" t="s">
        <v>72</v>
      </c>
      <c r="D1180" s="6" t="s">
        <v>123</v>
      </c>
      <c r="E1180" s="6" t="e"/>
    </row>
    <row r="1181" ht="33" customHeight="true" s="1" customFormat="true" hidden="true" outlineLevel="3">
      <c r="A1181" s="6" t="s">
        <v>1459</v>
      </c>
      <c r="B1181" s="6" t="s">
        <v>149</v>
      </c>
      <c r="C1181" s="6" t="s">
        <v>219</v>
      </c>
      <c r="D1181" s="6" t="s">
        <v>68</v>
      </c>
      <c r="E1181" s="6" t="e"/>
    </row>
    <row r="1182" ht="33" customHeight="true" s="1" customFormat="true" hidden="true" outlineLevel="3">
      <c r="A1182" s="6" t="s">
        <v>1460</v>
      </c>
      <c r="B1182" s="6" t="s">
        <v>110</v>
      </c>
      <c r="C1182" s="6" t="s">
        <v>51</v>
      </c>
      <c r="D1182" s="6" t="s">
        <v>11</v>
      </c>
      <c r="E1182" s="6" t="e"/>
    </row>
    <row r="1183" ht="33" customHeight="true" s="1" customFormat="true" hidden="true" outlineLevel="3">
      <c r="A1183" s="6" t="s">
        <v>1461</v>
      </c>
      <c r="B1183" s="6" t="s">
        <v>149</v>
      </c>
      <c r="C1183" s="6" t="s">
        <v>127</v>
      </c>
      <c r="D1183" s="6" t="s">
        <v>40</v>
      </c>
      <c r="E1183" s="6" t="e"/>
    </row>
    <row r="1184" ht="33" customHeight="true" s="1" customFormat="true" hidden="true" outlineLevel="3">
      <c r="A1184" s="6" t="s">
        <v>1462</v>
      </c>
      <c r="B1184" s="6" t="s">
        <v>188</v>
      </c>
      <c r="C1184" s="6" t="s">
        <v>72</v>
      </c>
      <c r="D1184" s="6" t="s">
        <v>40</v>
      </c>
      <c r="E1184" s="6" t="e"/>
    </row>
    <row r="1185" ht="33" customHeight="true" s="1" customFormat="true" hidden="true" outlineLevel="3">
      <c r="A1185" s="6" t="s">
        <v>1463</v>
      </c>
      <c r="B1185" s="6" t="s">
        <v>149</v>
      </c>
      <c r="C1185" s="6" t="s">
        <v>127</v>
      </c>
      <c r="D1185" s="6" t="s">
        <v>11</v>
      </c>
      <c r="E1185" s="6" t="e"/>
    </row>
    <row r="1186" ht="33" customHeight="true" s="1" customFormat="true" hidden="true" outlineLevel="3">
      <c r="A1186" s="6" t="s">
        <v>1464</v>
      </c>
      <c r="B1186" s="6" t="s">
        <v>131</v>
      </c>
      <c r="C1186" s="6" t="s">
        <v>219</v>
      </c>
      <c r="D1186" s="6" t="s">
        <v>26</v>
      </c>
      <c r="E1186" s="6" t="e"/>
    </row>
    <row r="1187" ht="33" customHeight="true" s="1" customFormat="true" hidden="true" outlineLevel="3">
      <c r="A1187" s="6" t="s">
        <v>1465</v>
      </c>
      <c r="B1187" s="6" t="s">
        <v>99</v>
      </c>
      <c r="C1187" s="6" t="s">
        <v>127</v>
      </c>
      <c r="D1187" s="6" t="s">
        <v>184</v>
      </c>
      <c r="E1187" s="6" t="e"/>
    </row>
    <row r="1188" ht="33" customHeight="true" s="1" customFormat="true" hidden="true" outlineLevel="3">
      <c r="A1188" s="6" t="s">
        <v>1466</v>
      </c>
      <c r="B1188" s="6" t="s">
        <v>155</v>
      </c>
      <c r="C1188" s="6" t="s">
        <v>72</v>
      </c>
      <c r="D1188" s="6" t="s">
        <v>40</v>
      </c>
      <c r="E1188" s="6" t="e"/>
    </row>
    <row r="1189" ht="33" customHeight="true" s="1" customFormat="true" hidden="true" outlineLevel="3">
      <c r="A1189" s="6" t="s">
        <v>1467</v>
      </c>
      <c r="B1189" s="6" t="s">
        <v>1391</v>
      </c>
      <c r="C1189" s="6" t="s">
        <v>155</v>
      </c>
      <c r="D1189" s="6" t="s">
        <v>57</v>
      </c>
      <c r="E1189" s="6" t="e"/>
    </row>
    <row r="1190" ht="33" customHeight="true" s="1" customFormat="true" hidden="true" outlineLevel="3">
      <c r="A1190" s="6" t="s">
        <v>1468</v>
      </c>
      <c r="B1190" s="6" t="s">
        <v>519</v>
      </c>
      <c r="C1190" s="6" t="s">
        <v>219</v>
      </c>
      <c r="D1190" s="6" t="s">
        <v>57</v>
      </c>
      <c r="E1190" s="6" t="e"/>
    </row>
    <row r="1191" ht="33" customHeight="true" s="1" customFormat="true" hidden="true" outlineLevel="3">
      <c r="A1191" s="6" t="s">
        <v>1469</v>
      </c>
      <c r="B1191" s="6" t="s">
        <v>494</v>
      </c>
      <c r="C1191" s="6" t="s">
        <v>72</v>
      </c>
      <c r="D1191" s="6" t="s">
        <v>400</v>
      </c>
      <c r="E1191" s="6" t="e"/>
    </row>
    <row r="1192" ht="33" customHeight="true" s="1" customFormat="true" hidden="true" outlineLevel="3">
      <c r="A1192" s="6" t="s">
        <v>1470</v>
      </c>
      <c r="B1192" s="6" t="s">
        <v>141</v>
      </c>
      <c r="C1192" s="6" t="s">
        <v>219</v>
      </c>
      <c r="D1192" s="6" t="s">
        <v>11</v>
      </c>
      <c r="E1192" s="6" t="e"/>
    </row>
    <row r="1193" ht="33" customHeight="true" s="1" customFormat="true" hidden="true" outlineLevel="3">
      <c r="A1193" s="6" t="s">
        <v>1471</v>
      </c>
      <c r="B1193" s="6" t="s">
        <v>136</v>
      </c>
      <c r="C1193" s="6" t="s">
        <v>219</v>
      </c>
      <c r="D1193" s="6" t="s">
        <v>11</v>
      </c>
      <c r="E1193" s="6" t="e"/>
    </row>
    <row r="1194" ht="33" customHeight="true" s="1" customFormat="true" hidden="true" outlineLevel="3">
      <c r="A1194" s="6" t="s">
        <v>1472</v>
      </c>
      <c r="B1194" s="6" t="s">
        <v>136</v>
      </c>
      <c r="C1194" s="6" t="s">
        <v>55</v>
      </c>
      <c r="D1194" s="6" t="s">
        <v>11</v>
      </c>
      <c r="E1194" s="6" t="e"/>
    </row>
    <row r="1195" ht="33" customHeight="true" s="1" customFormat="true" hidden="true" outlineLevel="3">
      <c r="A1195" s="6" t="s">
        <v>1473</v>
      </c>
      <c r="B1195" s="6" t="s">
        <v>99</v>
      </c>
      <c r="C1195" s="6" t="s">
        <v>127</v>
      </c>
      <c r="D1195" s="6" t="s">
        <v>11</v>
      </c>
      <c r="E1195" s="6" t="e"/>
    </row>
    <row r="1196" ht="33" customHeight="true" s="1" customFormat="true" hidden="true" outlineLevel="3">
      <c r="A1196" s="6" t="s">
        <v>1474</v>
      </c>
      <c r="B1196" s="6" t="s">
        <v>172</v>
      </c>
      <c r="C1196" s="6" t="s">
        <v>103</v>
      </c>
      <c r="D1196" s="6" t="s">
        <v>26</v>
      </c>
      <c r="E1196" s="6" t="e"/>
    </row>
    <row r="1197" ht="33" customHeight="true" s="1" customFormat="true" hidden="true" outlineLevel="3">
      <c r="A1197" s="6" t="s">
        <v>1475</v>
      </c>
      <c r="B1197" s="6" t="s">
        <v>302</v>
      </c>
      <c r="C1197" s="6" t="s">
        <v>103</v>
      </c>
      <c r="D1197" s="6" t="s">
        <v>100</v>
      </c>
      <c r="E1197" s="6" t="e"/>
    </row>
    <row r="1198" ht="44" customHeight="true" s="1" customFormat="true" hidden="true" outlineLevel="3">
      <c r="A1198" s="6" t="s">
        <v>1476</v>
      </c>
      <c r="B1198" s="6" t="s">
        <v>478</v>
      </c>
      <c r="C1198" s="6" t="s">
        <v>127</v>
      </c>
      <c r="D1198" s="6" t="s">
        <v>123</v>
      </c>
      <c r="E1198" s="6" t="e"/>
    </row>
    <row r="1199" ht="33" customHeight="true" s="1" customFormat="true" hidden="true" outlineLevel="3">
      <c r="A1199" s="6" t="s">
        <v>1477</v>
      </c>
      <c r="B1199" s="6" t="s">
        <v>126</v>
      </c>
      <c r="C1199" s="6" t="s">
        <v>127</v>
      </c>
      <c r="D1199" s="6" t="s">
        <v>68</v>
      </c>
      <c r="E1199" s="6" t="e"/>
    </row>
    <row r="1200" ht="33" customHeight="true" s="1" customFormat="true" hidden="true" outlineLevel="3">
      <c r="A1200" s="6" t="s">
        <v>1478</v>
      </c>
      <c r="B1200" s="6" t="s">
        <v>283</v>
      </c>
      <c r="C1200" s="6" t="s">
        <v>219</v>
      </c>
      <c r="D1200" s="6" t="s">
        <v>276</v>
      </c>
      <c r="E1200" s="6" t="e"/>
    </row>
    <row r="1201" ht="44" customHeight="true" s="1" customFormat="true" hidden="true" outlineLevel="3">
      <c r="A1201" s="6" t="s">
        <v>1479</v>
      </c>
      <c r="B1201" s="6" t="s">
        <v>99</v>
      </c>
      <c r="C1201" s="6" t="s">
        <v>127</v>
      </c>
      <c r="D1201" s="6" t="s">
        <v>68</v>
      </c>
      <c r="E1201" s="6" t="e"/>
    </row>
    <row r="1202" ht="33" customHeight="true" s="1" customFormat="true" hidden="true" outlineLevel="3">
      <c r="A1202" s="6" t="s">
        <v>1480</v>
      </c>
      <c r="B1202" s="6" t="s">
        <v>1391</v>
      </c>
      <c r="C1202" s="6" t="s">
        <v>142</v>
      </c>
      <c r="D1202" s="6" t="s">
        <v>898</v>
      </c>
      <c r="E1202" s="6" t="e"/>
    </row>
    <row r="1203" ht="22" customHeight="true" s="1" customFormat="true" hidden="true" collapsed="true" outlineLevel="3">
      <c r="A1203" s="6" t="s">
        <v>1481</v>
      </c>
      <c r="B1203" s="6" t="s">
        <v>824</v>
      </c>
      <c r="C1203" s="6" t="s">
        <v>149</v>
      </c>
      <c r="D1203" s="6" t="s">
        <v>276</v>
      </c>
      <c r="E1203" s="6" t="e"/>
    </row>
    <row r="1204" ht="11" customHeight="true" s="1" customFormat="true" hidden="true" collapsed="true" outlineLevel="2">
      <c r="A1204" s="5" t="s">
        <v>1482</v>
      </c>
      <c r="B1204" s="5" t="e"/>
      <c r="C1204" s="5" t="e"/>
      <c r="D1204" s="5" t="e"/>
      <c r="E1204" s="5" t="e"/>
    </row>
    <row r="1205" ht="33" customHeight="true" s="1" customFormat="true" hidden="true" outlineLevel="3">
      <c r="A1205" s="6" t="s">
        <v>1483</v>
      </c>
      <c r="B1205" s="6" t="s">
        <v>149</v>
      </c>
      <c r="C1205" s="6" t="s">
        <v>142</v>
      </c>
      <c r="D1205" s="6" t="s">
        <v>11</v>
      </c>
      <c r="E1205" s="6" t="e"/>
    </row>
    <row r="1206" ht="33" customHeight="true" s="1" customFormat="true" hidden="true" outlineLevel="3">
      <c r="A1206" s="6" t="s">
        <v>1484</v>
      </c>
      <c r="B1206" s="6" t="s">
        <v>551</v>
      </c>
      <c r="C1206" s="6" t="s">
        <v>149</v>
      </c>
      <c r="D1206" s="6" t="s">
        <v>40</v>
      </c>
      <c r="E1206" s="6" t="e"/>
    </row>
    <row r="1207" ht="44" customHeight="true" s="1" customFormat="true" hidden="true" outlineLevel="3">
      <c r="A1207" s="6" t="s">
        <v>1485</v>
      </c>
      <c r="B1207" s="6" t="s">
        <v>283</v>
      </c>
      <c r="C1207" s="6" t="s">
        <v>219</v>
      </c>
      <c r="D1207" s="6" t="s">
        <v>26</v>
      </c>
      <c r="E1207" s="6" t="e"/>
    </row>
    <row r="1208" ht="33" customHeight="true" s="1" customFormat="true" hidden="true" outlineLevel="3">
      <c r="A1208" s="6" t="s">
        <v>1486</v>
      </c>
      <c r="B1208" s="6" t="s">
        <v>155</v>
      </c>
      <c r="C1208" s="6" t="s">
        <v>72</v>
      </c>
      <c r="D1208" s="6" t="s">
        <v>15</v>
      </c>
      <c r="E1208" s="6" t="e"/>
    </row>
    <row r="1209" ht="33" customHeight="true" s="1" customFormat="true" hidden="true" outlineLevel="3">
      <c r="A1209" s="6" t="s">
        <v>1487</v>
      </c>
      <c r="B1209" s="6" t="s">
        <v>283</v>
      </c>
      <c r="C1209" s="6" t="s">
        <v>219</v>
      </c>
      <c r="D1209" s="6" t="s">
        <v>11</v>
      </c>
      <c r="E1209" s="6" t="e"/>
    </row>
    <row r="1210" ht="33" customHeight="true" s="1" customFormat="true" hidden="true" outlineLevel="3">
      <c r="A1210" s="6" t="s">
        <v>1488</v>
      </c>
      <c r="B1210" s="6" t="s">
        <v>142</v>
      </c>
      <c r="C1210" s="6" t="s">
        <v>72</v>
      </c>
      <c r="D1210" s="6" t="s">
        <v>11</v>
      </c>
      <c r="E1210" s="6" t="e"/>
    </row>
    <row r="1211" ht="44" customHeight="true" s="1" customFormat="true" hidden="true" outlineLevel="3">
      <c r="A1211" s="6" t="s">
        <v>1489</v>
      </c>
      <c r="B1211" s="6" t="s">
        <v>103</v>
      </c>
      <c r="C1211" s="6" t="s">
        <v>72</v>
      </c>
      <c r="D1211" s="6" t="s">
        <v>40</v>
      </c>
      <c r="E1211" s="6" t="e"/>
    </row>
    <row r="1212" ht="44" customHeight="true" s="1" customFormat="true" hidden="true" outlineLevel="3">
      <c r="A1212" s="6" t="s">
        <v>1490</v>
      </c>
      <c r="B1212" s="6" t="s">
        <v>129</v>
      </c>
      <c r="C1212" s="6" t="s">
        <v>51</v>
      </c>
      <c r="D1212" s="6" t="s">
        <v>184</v>
      </c>
      <c r="E1212" s="6" t="e"/>
    </row>
    <row r="1213" ht="33" customHeight="true" s="1" customFormat="true" hidden="true" outlineLevel="3">
      <c r="A1213" s="6" t="s">
        <v>1491</v>
      </c>
      <c r="B1213" s="6" t="s">
        <v>283</v>
      </c>
      <c r="C1213" s="6" t="s">
        <v>219</v>
      </c>
      <c r="D1213" s="6" t="s">
        <v>26</v>
      </c>
      <c r="E1213" s="6" t="e"/>
    </row>
    <row r="1214" ht="33" customHeight="true" s="1" customFormat="true" hidden="true" outlineLevel="3">
      <c r="A1214" s="6" t="s">
        <v>1492</v>
      </c>
      <c r="B1214" s="6" t="s">
        <v>141</v>
      </c>
      <c r="C1214" s="6" t="s">
        <v>142</v>
      </c>
      <c r="D1214" s="6" t="s">
        <v>40</v>
      </c>
      <c r="E1214" s="6" t="e"/>
    </row>
    <row r="1215" ht="44" customHeight="true" s="1" customFormat="true" hidden="true" outlineLevel="3">
      <c r="A1215" s="6" t="s">
        <v>1493</v>
      </c>
      <c r="B1215" s="6" t="s">
        <v>188</v>
      </c>
      <c r="C1215" s="6" t="s">
        <v>72</v>
      </c>
      <c r="D1215" s="6" t="s">
        <v>11</v>
      </c>
      <c r="E1215" s="6" t="e"/>
    </row>
    <row r="1216" ht="33" customHeight="true" s="1" customFormat="true" hidden="true" outlineLevel="3">
      <c r="A1216" s="6" t="s">
        <v>1494</v>
      </c>
      <c r="B1216" s="6" t="s">
        <v>197</v>
      </c>
      <c r="C1216" s="6" t="s">
        <v>149</v>
      </c>
      <c r="D1216" s="6" t="s">
        <v>184</v>
      </c>
      <c r="E1216" s="6" t="e"/>
    </row>
    <row r="1217" ht="44" customHeight="true" s="1" customFormat="true" hidden="true" outlineLevel="3">
      <c r="A1217" s="6" t="s">
        <v>1495</v>
      </c>
      <c r="B1217" s="6" t="s">
        <v>120</v>
      </c>
      <c r="C1217" s="6" t="s">
        <v>72</v>
      </c>
      <c r="D1217" s="6" t="s">
        <v>15</v>
      </c>
      <c r="E1217" s="6" t="e"/>
    </row>
    <row r="1218" ht="44" customHeight="true" s="1" customFormat="true" hidden="true" outlineLevel="3">
      <c r="A1218" s="6" t="s">
        <v>1496</v>
      </c>
      <c r="B1218" s="6" t="s">
        <v>188</v>
      </c>
      <c r="C1218" s="6" t="s">
        <v>72</v>
      </c>
      <c r="D1218" s="6" t="s">
        <v>184</v>
      </c>
      <c r="E1218" s="6" t="e"/>
    </row>
    <row r="1219" ht="33" customHeight="true" s="1" customFormat="true" hidden="true" outlineLevel="3">
      <c r="A1219" s="6" t="s">
        <v>1497</v>
      </c>
      <c r="B1219" s="6" t="s">
        <v>308</v>
      </c>
      <c r="C1219" s="6" t="s">
        <v>103</v>
      </c>
      <c r="D1219" s="6" t="s">
        <v>11</v>
      </c>
      <c r="E1219" s="6" t="e"/>
    </row>
    <row r="1220" ht="44" customHeight="true" s="1" customFormat="true" hidden="true" outlineLevel="3">
      <c r="A1220" s="6" t="s">
        <v>1498</v>
      </c>
      <c r="B1220" s="6" t="s">
        <v>308</v>
      </c>
      <c r="C1220" s="6" t="s">
        <v>103</v>
      </c>
      <c r="D1220" s="6" t="s">
        <v>11</v>
      </c>
      <c r="E1220" s="6" t="e"/>
    </row>
    <row r="1221" ht="44" customHeight="true" s="1" customFormat="true" hidden="true" outlineLevel="3">
      <c r="A1221" s="6" t="s">
        <v>1499</v>
      </c>
      <c r="B1221" s="6" t="s">
        <v>1391</v>
      </c>
      <c r="C1221" s="6" t="s">
        <v>219</v>
      </c>
      <c r="D1221" s="6" t="s">
        <v>57</v>
      </c>
      <c r="E1221" s="6" t="e"/>
    </row>
    <row r="1222" ht="33" customHeight="true" s="1" customFormat="true" hidden="true" outlineLevel="3">
      <c r="A1222" s="6" t="s">
        <v>1500</v>
      </c>
      <c r="B1222" s="6" t="s">
        <v>302</v>
      </c>
      <c r="C1222" s="6" t="s">
        <v>103</v>
      </c>
      <c r="D1222" s="6" t="s">
        <v>26</v>
      </c>
      <c r="E1222" s="6" t="e"/>
    </row>
    <row r="1223" ht="44" customHeight="true" s="1" customFormat="true" hidden="true" outlineLevel="3">
      <c r="A1223" s="6" t="s">
        <v>1501</v>
      </c>
      <c r="B1223" s="6" t="s">
        <v>998</v>
      </c>
      <c r="C1223" s="6" t="s">
        <v>219</v>
      </c>
      <c r="D1223" s="6" t="s">
        <v>11</v>
      </c>
      <c r="E1223" s="6" t="e"/>
    </row>
    <row r="1224" ht="33" customHeight="true" s="1" customFormat="true" hidden="true" outlineLevel="3">
      <c r="A1224" s="6" t="s">
        <v>1502</v>
      </c>
      <c r="B1224" s="6" t="s">
        <v>308</v>
      </c>
      <c r="C1224" s="6" t="s">
        <v>103</v>
      </c>
      <c r="D1224" s="6" t="s">
        <v>11</v>
      </c>
      <c r="E1224" s="6" t="e"/>
    </row>
    <row r="1225" ht="33" customHeight="true" s="1" customFormat="true" hidden="true" outlineLevel="3">
      <c r="A1225" s="6" t="s">
        <v>1503</v>
      </c>
      <c r="B1225" s="6" t="s">
        <v>72</v>
      </c>
      <c r="C1225" s="6" t="s">
        <v>235</v>
      </c>
      <c r="D1225" s="6" t="s">
        <v>40</v>
      </c>
      <c r="E1225" s="6" t="e"/>
    </row>
    <row r="1226" ht="33" customHeight="true" s="1" customFormat="true" hidden="true" outlineLevel="3">
      <c r="A1226" s="6" t="s">
        <v>1504</v>
      </c>
      <c r="B1226" s="6" t="s">
        <v>302</v>
      </c>
      <c r="C1226" s="6" t="s">
        <v>103</v>
      </c>
      <c r="D1226" s="6" t="s">
        <v>15</v>
      </c>
      <c r="E1226" s="6" t="e"/>
    </row>
    <row r="1227" ht="33" customHeight="true" s="1" customFormat="true" hidden="true" outlineLevel="3">
      <c r="A1227" s="6" t="s">
        <v>1505</v>
      </c>
      <c r="B1227" s="6" t="s">
        <v>141</v>
      </c>
      <c r="C1227" s="6" t="s">
        <v>219</v>
      </c>
      <c r="D1227" s="6" t="s">
        <v>40</v>
      </c>
      <c r="E1227" s="6" t="e"/>
    </row>
    <row r="1228" ht="33" customHeight="true" s="1" customFormat="true" hidden="true" outlineLevel="3">
      <c r="A1228" s="6" t="s">
        <v>1506</v>
      </c>
      <c r="B1228" s="6" t="s">
        <v>283</v>
      </c>
      <c r="C1228" s="6" t="s">
        <v>219</v>
      </c>
      <c r="D1228" s="6" t="s">
        <v>276</v>
      </c>
      <c r="E1228" s="6" t="e"/>
    </row>
    <row r="1229" ht="33" customHeight="true" s="1" customFormat="true" hidden="true" outlineLevel="3">
      <c r="A1229" s="6" t="s">
        <v>1507</v>
      </c>
      <c r="B1229" s="6" t="s">
        <v>149</v>
      </c>
      <c r="C1229" s="6" t="s">
        <v>219</v>
      </c>
      <c r="D1229" s="6" t="s">
        <v>15</v>
      </c>
      <c r="E1229" s="6" t="e"/>
    </row>
    <row r="1230" ht="44" customHeight="true" s="1" customFormat="true" hidden="true" outlineLevel="3">
      <c r="A1230" s="6" t="s">
        <v>1508</v>
      </c>
      <c r="B1230" s="6" t="s">
        <v>188</v>
      </c>
      <c r="C1230" s="6" t="s">
        <v>72</v>
      </c>
      <c r="D1230" s="6" t="s">
        <v>184</v>
      </c>
      <c r="E1230" s="6" t="e"/>
    </row>
    <row r="1231" ht="33" customHeight="true" s="1" customFormat="true" hidden="true" outlineLevel="3">
      <c r="A1231" s="6" t="s">
        <v>1509</v>
      </c>
      <c r="B1231" s="6" t="s">
        <v>99</v>
      </c>
      <c r="C1231" s="6" t="s">
        <v>127</v>
      </c>
      <c r="D1231" s="6" t="s">
        <v>40</v>
      </c>
      <c r="E1231" s="6" t="e"/>
    </row>
    <row r="1232" ht="33" customHeight="true" s="1" customFormat="true" hidden="true" outlineLevel="3">
      <c r="A1232" s="6" t="s">
        <v>1510</v>
      </c>
      <c r="B1232" s="6" t="s">
        <v>188</v>
      </c>
      <c r="C1232" s="6" t="s">
        <v>72</v>
      </c>
      <c r="D1232" s="6" t="s">
        <v>15</v>
      </c>
      <c r="E1232" s="6" t="e"/>
    </row>
    <row r="1233" ht="33" customHeight="true" s="1" customFormat="true" hidden="true" outlineLevel="3">
      <c r="A1233" s="6" t="s">
        <v>1511</v>
      </c>
      <c r="B1233" s="6" t="s">
        <v>283</v>
      </c>
      <c r="C1233" s="6" t="s">
        <v>219</v>
      </c>
      <c r="D1233" s="6" t="s">
        <v>11</v>
      </c>
      <c r="E1233" s="6" t="e"/>
    </row>
    <row r="1234" ht="33" customHeight="true" s="1" customFormat="true" hidden="true" outlineLevel="3">
      <c r="A1234" s="6" t="s">
        <v>1512</v>
      </c>
      <c r="B1234" s="6" t="s">
        <v>225</v>
      </c>
      <c r="C1234" s="6" t="s">
        <v>103</v>
      </c>
      <c r="D1234" s="6" t="s">
        <v>11</v>
      </c>
      <c r="E1234" s="6" t="e"/>
    </row>
    <row r="1235" ht="33" customHeight="true" s="1" customFormat="true" hidden="true" outlineLevel="3">
      <c r="A1235" s="6" t="s">
        <v>1513</v>
      </c>
      <c r="B1235" s="6" t="s">
        <v>308</v>
      </c>
      <c r="C1235" s="6" t="s">
        <v>103</v>
      </c>
      <c r="D1235" s="6" t="s">
        <v>15</v>
      </c>
      <c r="E1235" s="6" t="e"/>
    </row>
    <row r="1236" ht="33" customHeight="true" s="1" customFormat="true" hidden="true" outlineLevel="3">
      <c r="A1236" s="6" t="s">
        <v>1514</v>
      </c>
      <c r="B1236" s="6" t="s">
        <v>136</v>
      </c>
      <c r="C1236" s="6" t="s">
        <v>219</v>
      </c>
      <c r="D1236" s="6" t="s">
        <v>276</v>
      </c>
      <c r="E1236" s="6" t="e"/>
    </row>
    <row r="1237" ht="33" customHeight="true" s="1" customFormat="true" hidden="true" outlineLevel="3">
      <c r="A1237" s="6" t="s">
        <v>1515</v>
      </c>
      <c r="B1237" s="6" t="s">
        <v>494</v>
      </c>
      <c r="C1237" s="6" t="s">
        <v>72</v>
      </c>
      <c r="D1237" s="6" t="s">
        <v>11</v>
      </c>
      <c r="E1237" s="6" t="e"/>
    </row>
    <row r="1238" ht="33" customHeight="true" s="1" customFormat="true" hidden="true" outlineLevel="3">
      <c r="A1238" s="6" t="s">
        <v>1516</v>
      </c>
      <c r="B1238" s="6" t="s">
        <v>149</v>
      </c>
      <c r="C1238" s="6" t="s">
        <v>219</v>
      </c>
      <c r="D1238" s="6" t="s">
        <v>100</v>
      </c>
      <c r="E1238" s="6" t="e"/>
    </row>
    <row r="1239" ht="44" customHeight="true" s="1" customFormat="true" hidden="true" outlineLevel="3">
      <c r="A1239" s="6" t="s">
        <v>1517</v>
      </c>
      <c r="B1239" s="6" t="s">
        <v>126</v>
      </c>
      <c r="C1239" s="6" t="s">
        <v>72</v>
      </c>
      <c r="D1239" s="6" t="s">
        <v>26</v>
      </c>
      <c r="E1239" s="6" t="e"/>
    </row>
    <row r="1240" ht="33" customHeight="true" s="1" customFormat="true" hidden="true" outlineLevel="3">
      <c r="A1240" s="6" t="s">
        <v>1518</v>
      </c>
      <c r="B1240" s="6" t="s">
        <v>296</v>
      </c>
      <c r="C1240" s="6" t="s">
        <v>149</v>
      </c>
      <c r="D1240" s="6" t="s">
        <v>26</v>
      </c>
      <c r="E1240" s="6" t="e"/>
    </row>
    <row r="1241" ht="33" customHeight="true" s="1" customFormat="true" hidden="true" outlineLevel="3">
      <c r="A1241" s="6" t="s">
        <v>1519</v>
      </c>
      <c r="B1241" s="6" t="s">
        <v>308</v>
      </c>
      <c r="C1241" s="6" t="s">
        <v>103</v>
      </c>
      <c r="D1241" s="6" t="s">
        <v>165</v>
      </c>
      <c r="E1241" s="6" t="e"/>
    </row>
    <row r="1242" ht="44" customHeight="true" s="1" customFormat="true" hidden="true" outlineLevel="3">
      <c r="A1242" s="6" t="s">
        <v>1520</v>
      </c>
      <c r="B1242" s="6" t="s">
        <v>99</v>
      </c>
      <c r="C1242" s="6" t="s">
        <v>127</v>
      </c>
      <c r="D1242" s="6" t="s">
        <v>184</v>
      </c>
      <c r="E1242" s="6" t="e"/>
    </row>
    <row r="1243" ht="33" customHeight="true" s="1" customFormat="true" hidden="true" outlineLevel="3">
      <c r="A1243" s="6" t="s">
        <v>1521</v>
      </c>
      <c r="B1243" s="6" t="s">
        <v>136</v>
      </c>
      <c r="C1243" s="6" t="s">
        <v>127</v>
      </c>
      <c r="D1243" s="6" t="s">
        <v>165</v>
      </c>
      <c r="E1243" s="6" t="e"/>
    </row>
    <row r="1244" ht="33" customHeight="true" s="1" customFormat="true" hidden="true" collapsed="true" outlineLevel="3">
      <c r="A1244" s="6" t="s">
        <v>1522</v>
      </c>
      <c r="B1244" s="6" t="s">
        <v>225</v>
      </c>
      <c r="C1244" s="6" t="s">
        <v>142</v>
      </c>
      <c r="D1244" s="6" t="s">
        <v>1523</v>
      </c>
      <c r="E1244" s="6" t="e"/>
    </row>
    <row r="1245" ht="11" customHeight="true" s="1" customFormat="true" hidden="true" collapsed="true" outlineLevel="2">
      <c r="A1245" s="5" t="s">
        <v>1524</v>
      </c>
      <c r="B1245" s="5" t="e"/>
      <c r="C1245" s="5" t="e"/>
      <c r="D1245" s="5" t="e"/>
      <c r="E1245" s="5" t="e"/>
    </row>
    <row r="1246" ht="11" customHeight="true" s="1" customFormat="true" hidden="true" outlineLevel="3">
      <c r="A1246" s="6" t="s">
        <v>1525</v>
      </c>
      <c r="B1246" s="6" t="e"/>
      <c r="C1246" s="6" t="s">
        <v>142</v>
      </c>
      <c r="D1246" s="6" t="s">
        <v>26</v>
      </c>
      <c r="E1246" s="6" t="e"/>
    </row>
    <row r="1247" ht="11" customHeight="true" s="1" customFormat="true" hidden="true" outlineLevel="3">
      <c r="A1247" s="6" t="s">
        <v>1526</v>
      </c>
      <c r="B1247" s="6" t="s">
        <v>308</v>
      </c>
      <c r="C1247" s="6" t="s">
        <v>149</v>
      </c>
      <c r="D1247" s="6" t="s">
        <v>26</v>
      </c>
      <c r="E1247" s="6" t="e"/>
    </row>
    <row r="1248" ht="22" customHeight="true" s="1" customFormat="true" hidden="true" collapsed="true" outlineLevel="3">
      <c r="A1248" s="6" t="s">
        <v>1527</v>
      </c>
      <c r="B1248" s="6" t="e"/>
      <c r="C1248" s="6" t="s">
        <v>142</v>
      </c>
      <c r="D1248" s="6" t="s">
        <v>11</v>
      </c>
      <c r="E1248" s="6" t="e"/>
    </row>
    <row r="1249" ht="11" customHeight="true" s="1" customFormat="true" hidden="true" collapsed="true" outlineLevel="2">
      <c r="A1249" s="5" t="s">
        <v>1528</v>
      </c>
      <c r="B1249" s="5" t="e"/>
      <c r="C1249" s="5" t="e"/>
      <c r="D1249" s="5" t="e"/>
      <c r="E1249" s="5" t="e"/>
    </row>
    <row r="1250" ht="22" customHeight="true" s="1" customFormat="true" hidden="true" outlineLevel="3">
      <c r="A1250" s="6" t="s">
        <v>1529</v>
      </c>
      <c r="B1250" s="6" t="e"/>
      <c r="C1250" s="6" t="s">
        <v>55</v>
      </c>
      <c r="D1250" s="6" t="s">
        <v>26</v>
      </c>
      <c r="E1250" s="6" t="e"/>
    </row>
    <row r="1251" ht="22" customHeight="true" s="1" customFormat="true" hidden="true" outlineLevel="3">
      <c r="A1251" s="6" t="s">
        <v>1530</v>
      </c>
      <c r="B1251" s="6" t="s">
        <v>478</v>
      </c>
      <c r="C1251" s="6" t="s">
        <v>72</v>
      </c>
      <c r="D1251" s="6" t="s">
        <v>40</v>
      </c>
      <c r="E1251" s="6" t="e"/>
    </row>
    <row r="1252" ht="22" customHeight="true" s="1" customFormat="true" hidden="true" outlineLevel="3">
      <c r="A1252" s="6" t="s">
        <v>1531</v>
      </c>
      <c r="B1252" s="6" t="s">
        <v>478</v>
      </c>
      <c r="C1252" s="6" t="s">
        <v>72</v>
      </c>
      <c r="D1252" s="6" t="s">
        <v>57</v>
      </c>
      <c r="E1252" s="6" t="e"/>
    </row>
    <row r="1253" ht="22" customHeight="true" s="1" customFormat="true" hidden="true" outlineLevel="3">
      <c r="A1253" s="6" t="s">
        <v>1532</v>
      </c>
      <c r="B1253" s="6" t="s">
        <v>141</v>
      </c>
      <c r="C1253" s="6" t="s">
        <v>55</v>
      </c>
      <c r="D1253" s="6" t="s">
        <v>123</v>
      </c>
      <c r="E1253" s="6" t="e"/>
    </row>
    <row r="1254" ht="33" customHeight="true" s="1" customFormat="true" hidden="true" outlineLevel="3">
      <c r="A1254" s="6" t="s">
        <v>1533</v>
      </c>
      <c r="B1254" s="6" t="s">
        <v>300</v>
      </c>
      <c r="C1254" s="6" t="s">
        <v>99</v>
      </c>
      <c r="D1254" s="6" t="s">
        <v>184</v>
      </c>
      <c r="E1254" s="6" t="e"/>
    </row>
    <row r="1255" ht="33" customHeight="true" s="1" customFormat="true" hidden="true" outlineLevel="3">
      <c r="A1255" s="6" t="s">
        <v>1534</v>
      </c>
      <c r="B1255" s="6" t="s">
        <v>225</v>
      </c>
      <c r="C1255" s="6" t="s">
        <v>142</v>
      </c>
      <c r="D1255" s="6" t="s">
        <v>11</v>
      </c>
      <c r="E1255" s="6" t="e"/>
    </row>
    <row r="1256" ht="33" customHeight="true" s="1" customFormat="true" hidden="true" collapsed="true" outlineLevel="3">
      <c r="A1256" s="6" t="s">
        <v>1535</v>
      </c>
      <c r="B1256" s="6" t="s">
        <v>824</v>
      </c>
      <c r="C1256" s="6" t="s">
        <v>99</v>
      </c>
      <c r="D1256" s="6" t="s">
        <v>639</v>
      </c>
      <c r="E1256" s="6" t="e"/>
    </row>
    <row r="1257" ht="11" customHeight="true" s="1" customFormat="true" hidden="true" collapsed="true" outlineLevel="2">
      <c r="A1257" s="5" t="s">
        <v>1536</v>
      </c>
      <c r="B1257" s="5" t="e"/>
      <c r="C1257" s="5" t="e"/>
      <c r="D1257" s="5" t="e"/>
      <c r="E1257" s="5" t="e"/>
    </row>
    <row r="1258" ht="11" customHeight="true" s="1" customFormat="true" hidden="true" collapsed="true" outlineLevel="3">
      <c r="A1258" s="6" t="s">
        <v>1537</v>
      </c>
      <c r="B1258" s="6" t="s">
        <v>1538</v>
      </c>
      <c r="C1258" s="6" t="s">
        <v>142</v>
      </c>
      <c r="D1258" s="6" t="s">
        <v>123</v>
      </c>
      <c r="E1258" s="6" t="e"/>
    </row>
    <row r="1259" ht="11" customHeight="true" s="1" customFormat="true" hidden="true" collapsed="true" outlineLevel="2">
      <c r="A1259" s="5" t="s">
        <v>1539</v>
      </c>
      <c r="B1259" s="5" t="e"/>
      <c r="C1259" s="5" t="e"/>
      <c r="D1259" s="5" t="e"/>
      <c r="E1259" s="5" t="e"/>
    </row>
    <row r="1260" ht="33" customHeight="true" s="1" customFormat="true" hidden="true" outlineLevel="3">
      <c r="A1260" s="6" t="s">
        <v>1540</v>
      </c>
      <c r="B1260" s="6" t="s">
        <v>103</v>
      </c>
      <c r="C1260" s="6" t="s">
        <v>51</v>
      </c>
      <c r="D1260" s="6" t="s">
        <v>15</v>
      </c>
      <c r="E1260" s="6" t="e"/>
    </row>
    <row r="1261" ht="44" customHeight="true" s="1" customFormat="true" hidden="true" outlineLevel="3">
      <c r="A1261" s="6" t="s">
        <v>1541</v>
      </c>
      <c r="B1261" s="6" t="s">
        <v>350</v>
      </c>
      <c r="C1261" s="6" t="s">
        <v>62</v>
      </c>
      <c r="D1261" s="6" t="s">
        <v>40</v>
      </c>
      <c r="E1261" s="6" t="e"/>
    </row>
    <row r="1262" ht="44" customHeight="true" s="1" customFormat="true" hidden="true" outlineLevel="3">
      <c r="A1262" s="6" t="s">
        <v>1542</v>
      </c>
      <c r="B1262" s="6" t="s">
        <v>172</v>
      </c>
      <c r="C1262" s="6" t="s">
        <v>103</v>
      </c>
      <c r="D1262" s="6" t="s">
        <v>26</v>
      </c>
      <c r="E1262" s="6" t="e"/>
    </row>
    <row r="1263" ht="44" customHeight="true" s="1" customFormat="true" hidden="true" outlineLevel="3">
      <c r="A1263" s="6" t="s">
        <v>1543</v>
      </c>
      <c r="B1263" s="6" t="s">
        <v>126</v>
      </c>
      <c r="C1263" s="6" t="s">
        <v>72</v>
      </c>
      <c r="D1263" s="6" t="s">
        <v>26</v>
      </c>
      <c r="E1263" s="6" t="e"/>
    </row>
    <row r="1264" ht="33" customHeight="true" s="1" customFormat="true" hidden="true" outlineLevel="3">
      <c r="A1264" s="6" t="s">
        <v>1544</v>
      </c>
      <c r="B1264" s="6" t="s">
        <v>188</v>
      </c>
      <c r="C1264" s="6" t="s">
        <v>72</v>
      </c>
      <c r="D1264" s="6" t="s">
        <v>40</v>
      </c>
      <c r="E1264" s="6" t="e"/>
    </row>
    <row r="1265" ht="44" customHeight="true" s="1" customFormat="true" hidden="true" outlineLevel="3">
      <c r="A1265" s="6" t="s">
        <v>1545</v>
      </c>
      <c r="B1265" s="6" t="s">
        <v>188</v>
      </c>
      <c r="C1265" s="6" t="s">
        <v>72</v>
      </c>
      <c r="D1265" s="6" t="s">
        <v>15</v>
      </c>
      <c r="E1265" s="6" t="e"/>
    </row>
    <row r="1266" ht="44" customHeight="true" s="1" customFormat="true" hidden="true" outlineLevel="3">
      <c r="A1266" s="6" t="s">
        <v>1546</v>
      </c>
      <c r="B1266" s="6" t="s">
        <v>149</v>
      </c>
      <c r="C1266" s="6" t="s">
        <v>219</v>
      </c>
      <c r="D1266" s="6" t="s">
        <v>11</v>
      </c>
      <c r="E1266" s="6" t="e"/>
    </row>
    <row r="1267" ht="22" customHeight="true" s="1" customFormat="true" hidden="true" outlineLevel="3">
      <c r="A1267" s="6" t="s">
        <v>1547</v>
      </c>
      <c r="B1267" s="6" t="s">
        <v>149</v>
      </c>
      <c r="C1267" s="6" t="s">
        <v>219</v>
      </c>
      <c r="D1267" s="6" t="s">
        <v>57</v>
      </c>
      <c r="E1267" s="6" t="e"/>
    </row>
    <row r="1268" ht="22" customHeight="true" s="1" customFormat="true" hidden="true" outlineLevel="3">
      <c r="A1268" s="6" t="s">
        <v>1548</v>
      </c>
      <c r="B1268" s="6" t="s">
        <v>99</v>
      </c>
      <c r="C1268" s="6" t="s">
        <v>127</v>
      </c>
      <c r="D1268" s="6" t="s">
        <v>26</v>
      </c>
      <c r="E1268" s="6" t="e"/>
    </row>
    <row r="1269" ht="33" customHeight="true" s="1" customFormat="true" hidden="true" outlineLevel="3">
      <c r="A1269" s="6" t="s">
        <v>1549</v>
      </c>
      <c r="B1269" s="6" t="s">
        <v>142</v>
      </c>
      <c r="C1269" s="6" t="s">
        <v>62</v>
      </c>
      <c r="D1269" s="6" t="s">
        <v>26</v>
      </c>
      <c r="E1269" s="6" t="e"/>
    </row>
    <row r="1270" ht="33" customHeight="true" s="1" customFormat="true" hidden="true" outlineLevel="3">
      <c r="A1270" s="6" t="s">
        <v>1550</v>
      </c>
      <c r="B1270" s="6" t="s">
        <v>99</v>
      </c>
      <c r="C1270" s="6" t="s">
        <v>127</v>
      </c>
      <c r="D1270" s="6" t="s">
        <v>26</v>
      </c>
      <c r="E1270" s="6" t="e"/>
    </row>
    <row r="1271" ht="33" customHeight="true" s="1" customFormat="true" hidden="true" outlineLevel="3">
      <c r="A1271" s="6" t="s">
        <v>1551</v>
      </c>
      <c r="B1271" s="6" t="s">
        <v>103</v>
      </c>
      <c r="C1271" s="6" t="s">
        <v>72</v>
      </c>
      <c r="D1271" s="6" t="s">
        <v>40</v>
      </c>
      <c r="E1271" s="6" t="e"/>
    </row>
    <row r="1272" ht="33" customHeight="true" s="1" customFormat="true" hidden="true" outlineLevel="3">
      <c r="A1272" s="6" t="s">
        <v>1552</v>
      </c>
      <c r="B1272" s="6" t="s">
        <v>341</v>
      </c>
      <c r="C1272" s="6" t="s">
        <v>73</v>
      </c>
      <c r="D1272" s="6" t="s">
        <v>40</v>
      </c>
      <c r="E1272" s="6" t="e"/>
    </row>
    <row r="1273" ht="33" customHeight="true" s="1" customFormat="true" hidden="true" outlineLevel="3">
      <c r="A1273" s="6" t="s">
        <v>1553</v>
      </c>
      <c r="B1273" s="6" t="s">
        <v>110</v>
      </c>
      <c r="C1273" s="6" t="s">
        <v>72</v>
      </c>
      <c r="D1273" s="6" t="s">
        <v>57</v>
      </c>
      <c r="E1273" s="6" t="e"/>
    </row>
    <row r="1274" ht="22" customHeight="true" s="1" customFormat="true" hidden="true" outlineLevel="3">
      <c r="A1274" s="6" t="s">
        <v>1554</v>
      </c>
      <c r="B1274" s="6" t="s">
        <v>197</v>
      </c>
      <c r="C1274" s="6" t="s">
        <v>99</v>
      </c>
      <c r="D1274" s="6" t="s">
        <v>26</v>
      </c>
      <c r="E1274" s="6" t="e"/>
    </row>
    <row r="1275" ht="33" customHeight="true" s="1" customFormat="true" hidden="true" outlineLevel="3">
      <c r="A1275" s="6" t="s">
        <v>1555</v>
      </c>
      <c r="B1275" s="6" t="s">
        <v>149</v>
      </c>
      <c r="C1275" s="6" t="s">
        <v>127</v>
      </c>
      <c r="D1275" s="6" t="s">
        <v>123</v>
      </c>
      <c r="E1275" s="6" t="e"/>
    </row>
    <row r="1276" ht="44" customHeight="true" s="1" customFormat="true" hidden="true" outlineLevel="3">
      <c r="A1276" s="6" t="s">
        <v>1556</v>
      </c>
      <c r="B1276" s="6" t="s">
        <v>142</v>
      </c>
      <c r="C1276" s="6" t="s">
        <v>51</v>
      </c>
      <c r="D1276" s="6" t="s">
        <v>26</v>
      </c>
      <c r="E1276" s="6" t="e"/>
    </row>
    <row r="1277" ht="33" customHeight="true" s="1" customFormat="true" hidden="true" outlineLevel="3">
      <c r="A1277" s="6" t="s">
        <v>1557</v>
      </c>
      <c r="B1277" s="6" t="s">
        <v>283</v>
      </c>
      <c r="C1277" s="6" t="s">
        <v>219</v>
      </c>
      <c r="D1277" s="6" t="s">
        <v>11</v>
      </c>
      <c r="E1277" s="6" t="e"/>
    </row>
    <row r="1278" ht="33" customHeight="true" s="1" customFormat="true" hidden="true" outlineLevel="3">
      <c r="A1278" s="6" t="s">
        <v>1558</v>
      </c>
      <c r="B1278" s="6" t="s">
        <v>126</v>
      </c>
      <c r="C1278" s="6" t="s">
        <v>72</v>
      </c>
      <c r="D1278" s="6" t="s">
        <v>26</v>
      </c>
      <c r="E1278" s="6" t="e"/>
    </row>
    <row r="1279" ht="44" customHeight="true" s="1" customFormat="true" hidden="true" outlineLevel="3">
      <c r="A1279" s="6" t="s">
        <v>1559</v>
      </c>
      <c r="B1279" s="6" t="s">
        <v>188</v>
      </c>
      <c r="C1279" s="6" t="s">
        <v>72</v>
      </c>
      <c r="D1279" s="6" t="s">
        <v>26</v>
      </c>
      <c r="E1279" s="6" t="e"/>
    </row>
    <row r="1280" ht="33" customHeight="true" s="1" customFormat="true" hidden="true" outlineLevel="3">
      <c r="A1280" s="6" t="s">
        <v>1560</v>
      </c>
      <c r="B1280" s="6" t="s">
        <v>300</v>
      </c>
      <c r="C1280" s="6" t="s">
        <v>99</v>
      </c>
      <c r="D1280" s="6" t="s">
        <v>184</v>
      </c>
      <c r="E1280" s="6" t="e"/>
    </row>
    <row r="1281" ht="33" customHeight="true" s="1" customFormat="true" hidden="true" outlineLevel="3">
      <c r="A1281" s="6" t="s">
        <v>1561</v>
      </c>
      <c r="B1281" s="6" t="s">
        <v>225</v>
      </c>
      <c r="C1281" s="6" t="s">
        <v>142</v>
      </c>
      <c r="D1281" s="6" t="s">
        <v>11</v>
      </c>
      <c r="E1281" s="6" t="e"/>
    </row>
    <row r="1282" ht="33" customHeight="true" s="1" customFormat="true" hidden="true" outlineLevel="3">
      <c r="A1282" s="6" t="s">
        <v>1562</v>
      </c>
      <c r="B1282" s="6" t="s">
        <v>188</v>
      </c>
      <c r="C1282" s="6" t="s">
        <v>72</v>
      </c>
      <c r="D1282" s="6" t="s">
        <v>11</v>
      </c>
      <c r="E1282" s="6" t="e"/>
    </row>
    <row r="1283" ht="33" customHeight="true" s="1" customFormat="true" hidden="true" outlineLevel="3">
      <c r="A1283" s="6" t="s">
        <v>1563</v>
      </c>
      <c r="B1283" s="6" t="s">
        <v>136</v>
      </c>
      <c r="C1283" s="6" t="s">
        <v>127</v>
      </c>
      <c r="D1283" s="6" t="s">
        <v>100</v>
      </c>
      <c r="E1283" s="6" t="e"/>
    </row>
    <row r="1284" ht="33" customHeight="true" s="1" customFormat="true" hidden="true" outlineLevel="3">
      <c r="A1284" s="6" t="s">
        <v>1564</v>
      </c>
      <c r="B1284" s="6" t="s">
        <v>302</v>
      </c>
      <c r="C1284" s="6" t="s">
        <v>142</v>
      </c>
      <c r="D1284" s="6" t="s">
        <v>26</v>
      </c>
      <c r="E1284" s="6" t="e"/>
    </row>
    <row r="1285" ht="33" customHeight="true" s="1" customFormat="true" hidden="true" outlineLevel="3">
      <c r="A1285" s="6" t="s">
        <v>1565</v>
      </c>
      <c r="B1285" s="6" t="s">
        <v>302</v>
      </c>
      <c r="C1285" s="6" t="s">
        <v>103</v>
      </c>
      <c r="D1285" s="6" t="s">
        <v>11</v>
      </c>
      <c r="E1285" s="6" t="e"/>
    </row>
    <row r="1286" ht="22" customHeight="true" s="1" customFormat="true" hidden="true" outlineLevel="3">
      <c r="A1286" s="6" t="s">
        <v>1566</v>
      </c>
      <c r="B1286" s="6" t="s">
        <v>283</v>
      </c>
      <c r="C1286" s="6" t="s">
        <v>219</v>
      </c>
      <c r="D1286" s="6" t="s">
        <v>11</v>
      </c>
      <c r="E1286" s="6" t="e"/>
    </row>
    <row r="1287" ht="33" customHeight="true" s="1" customFormat="true" hidden="true" outlineLevel="3">
      <c r="A1287" s="6" t="s">
        <v>1567</v>
      </c>
      <c r="B1287" s="6" t="s">
        <v>136</v>
      </c>
      <c r="C1287" s="6" t="s">
        <v>219</v>
      </c>
      <c r="D1287" s="6" t="s">
        <v>184</v>
      </c>
      <c r="E1287" s="6" t="e"/>
    </row>
    <row r="1288" ht="33" customHeight="true" s="1" customFormat="true" hidden="true" outlineLevel="3">
      <c r="A1288" s="6" t="s">
        <v>1568</v>
      </c>
      <c r="B1288" s="6" t="s">
        <v>149</v>
      </c>
      <c r="C1288" s="6" t="s">
        <v>127</v>
      </c>
      <c r="D1288" s="6" t="s">
        <v>184</v>
      </c>
      <c r="E1288" s="6" t="e"/>
    </row>
    <row r="1289" ht="33" customHeight="true" s="1" customFormat="true" hidden="true" outlineLevel="3">
      <c r="A1289" s="6" t="s">
        <v>1569</v>
      </c>
      <c r="B1289" s="6" t="s">
        <v>129</v>
      </c>
      <c r="C1289" s="6" t="s">
        <v>51</v>
      </c>
      <c r="D1289" s="6" t="s">
        <v>40</v>
      </c>
      <c r="E1289" s="6" t="e"/>
    </row>
    <row r="1290" ht="33" customHeight="true" s="1" customFormat="true" hidden="true" outlineLevel="3">
      <c r="A1290" s="6" t="s">
        <v>1570</v>
      </c>
      <c r="B1290" s="6" t="s">
        <v>494</v>
      </c>
      <c r="C1290" s="6" t="s">
        <v>72</v>
      </c>
      <c r="D1290" s="6" t="s">
        <v>57</v>
      </c>
      <c r="E1290" s="6" t="e"/>
    </row>
    <row r="1291" ht="33" customHeight="true" s="1" customFormat="true" hidden="true" outlineLevel="3">
      <c r="A1291" s="6" t="s">
        <v>1571</v>
      </c>
      <c r="B1291" s="6" t="s">
        <v>142</v>
      </c>
      <c r="C1291" s="6" t="s">
        <v>51</v>
      </c>
      <c r="D1291" s="6" t="s">
        <v>68</v>
      </c>
      <c r="E1291" s="6" t="e"/>
    </row>
    <row r="1292" ht="33" customHeight="true" s="1" customFormat="true" hidden="true" outlineLevel="3">
      <c r="A1292" s="6" t="s">
        <v>1572</v>
      </c>
      <c r="B1292" s="6" t="s">
        <v>141</v>
      </c>
      <c r="C1292" s="6" t="s">
        <v>103</v>
      </c>
      <c r="D1292" s="6" t="s">
        <v>40</v>
      </c>
      <c r="E1292" s="6" t="e"/>
    </row>
    <row r="1293" ht="44" customHeight="true" s="1" customFormat="true" hidden="true" outlineLevel="3">
      <c r="A1293" s="6" t="s">
        <v>1573</v>
      </c>
      <c r="B1293" s="6" t="s">
        <v>136</v>
      </c>
      <c r="C1293" s="6" t="s">
        <v>127</v>
      </c>
      <c r="D1293" s="6" t="s">
        <v>40</v>
      </c>
      <c r="E1293" s="6" t="e"/>
    </row>
    <row r="1294" ht="33" customHeight="true" s="1" customFormat="true" hidden="true" outlineLevel="3">
      <c r="A1294" s="6" t="s">
        <v>1574</v>
      </c>
      <c r="B1294" s="6" t="s">
        <v>149</v>
      </c>
      <c r="C1294" s="6" t="s">
        <v>127</v>
      </c>
      <c r="D1294" s="6" t="s">
        <v>276</v>
      </c>
      <c r="E1294" s="6" t="e"/>
    </row>
    <row r="1295" ht="33" customHeight="true" s="1" customFormat="true" hidden="true" outlineLevel="3">
      <c r="A1295" s="6" t="s">
        <v>1575</v>
      </c>
      <c r="B1295" s="6" t="s">
        <v>478</v>
      </c>
      <c r="C1295" s="6" t="s">
        <v>72</v>
      </c>
      <c r="D1295" s="6" t="s">
        <v>40</v>
      </c>
      <c r="E1295" s="6" t="e"/>
    </row>
    <row r="1296" ht="33" customHeight="true" s="1" customFormat="true" hidden="true" outlineLevel="3">
      <c r="A1296" s="6" t="s">
        <v>1576</v>
      </c>
      <c r="B1296" s="6" t="s">
        <v>494</v>
      </c>
      <c r="C1296" s="6" t="s">
        <v>72</v>
      </c>
      <c r="D1296" s="6" t="s">
        <v>26</v>
      </c>
      <c r="E1296" s="6" t="e"/>
    </row>
    <row r="1297" ht="33" customHeight="true" s="1" customFormat="true" hidden="true" outlineLevel="3">
      <c r="A1297" s="6" t="s">
        <v>1577</v>
      </c>
      <c r="B1297" s="6" t="s">
        <v>308</v>
      </c>
      <c r="C1297" s="6" t="s">
        <v>103</v>
      </c>
      <c r="D1297" s="6" t="s">
        <v>26</v>
      </c>
      <c r="E1297" s="6" t="e"/>
    </row>
    <row r="1298" ht="33" customHeight="true" s="1" customFormat="true" hidden="true" outlineLevel="3">
      <c r="A1298" s="6" t="s">
        <v>1578</v>
      </c>
      <c r="B1298" s="6" t="s">
        <v>172</v>
      </c>
      <c r="C1298" s="6" t="s">
        <v>103</v>
      </c>
      <c r="D1298" s="6" t="s">
        <v>123</v>
      </c>
      <c r="E1298" s="6" t="e"/>
    </row>
    <row r="1299" ht="33" customHeight="true" s="1" customFormat="true" hidden="true" outlineLevel="3">
      <c r="A1299" s="6" t="s">
        <v>1579</v>
      </c>
      <c r="B1299" s="6" t="s">
        <v>99</v>
      </c>
      <c r="C1299" s="6" t="s">
        <v>127</v>
      </c>
      <c r="D1299" s="6" t="s">
        <v>165</v>
      </c>
      <c r="E1299" s="6" t="e"/>
    </row>
    <row r="1300" ht="33" customHeight="true" s="1" customFormat="true" hidden="true" outlineLevel="3">
      <c r="A1300" s="6" t="s">
        <v>1580</v>
      </c>
      <c r="B1300" s="6" t="s">
        <v>341</v>
      </c>
      <c r="C1300" s="6" t="s">
        <v>73</v>
      </c>
      <c r="D1300" s="6" t="s">
        <v>40</v>
      </c>
      <c r="E1300" s="6" t="e"/>
    </row>
    <row r="1301" ht="33" customHeight="true" s="1" customFormat="true" hidden="true" outlineLevel="3">
      <c r="A1301" s="6" t="s">
        <v>1581</v>
      </c>
      <c r="B1301" s="6" t="s">
        <v>136</v>
      </c>
      <c r="C1301" s="6" t="s">
        <v>72</v>
      </c>
      <c r="D1301" s="6" t="s">
        <v>100</v>
      </c>
      <c r="E1301" s="6" t="e"/>
    </row>
    <row r="1302" ht="33" customHeight="true" s="1" customFormat="true" hidden="true" outlineLevel="3">
      <c r="A1302" s="6" t="s">
        <v>1582</v>
      </c>
      <c r="B1302" s="6" t="s">
        <v>824</v>
      </c>
      <c r="C1302" s="6" t="s">
        <v>99</v>
      </c>
      <c r="D1302" s="6" t="s">
        <v>26</v>
      </c>
      <c r="E1302" s="6" t="e"/>
    </row>
    <row r="1303" ht="44" customHeight="true" s="1" customFormat="true" hidden="true" outlineLevel="3">
      <c r="A1303" s="6" t="s">
        <v>1583</v>
      </c>
      <c r="B1303" s="6" t="s">
        <v>99</v>
      </c>
      <c r="C1303" s="6" t="s">
        <v>127</v>
      </c>
      <c r="D1303" s="6" t="s">
        <v>15</v>
      </c>
      <c r="E1303" s="6" t="e"/>
    </row>
    <row r="1304" ht="33" customHeight="true" s="1" customFormat="true" hidden="true" outlineLevel="3">
      <c r="A1304" s="6" t="s">
        <v>1584</v>
      </c>
      <c r="B1304" s="6" t="s">
        <v>149</v>
      </c>
      <c r="C1304" s="6" t="s">
        <v>219</v>
      </c>
      <c r="D1304" s="6" t="s">
        <v>57</v>
      </c>
      <c r="E1304" s="6" t="e"/>
    </row>
    <row r="1305" ht="33" customHeight="true" s="1" customFormat="true" hidden="true" collapsed="true" outlineLevel="3">
      <c r="A1305" s="6" t="s">
        <v>1585</v>
      </c>
      <c r="B1305" s="6" t="s">
        <v>1391</v>
      </c>
      <c r="C1305" s="6" t="s">
        <v>142</v>
      </c>
      <c r="D1305" s="6" t="s">
        <v>15</v>
      </c>
      <c r="E1305" s="6" t="e"/>
    </row>
    <row r="1306" ht="11" customHeight="true" s="1" customFormat="true" hidden="true" collapsed="true" outlineLevel="2">
      <c r="A1306" s="5" t="s">
        <v>1586</v>
      </c>
      <c r="B1306" s="5" t="e"/>
      <c r="C1306" s="5" t="e"/>
      <c r="D1306" s="5" t="e"/>
      <c r="E1306" s="5" t="e"/>
    </row>
    <row r="1307" ht="22" customHeight="true" s="1" customFormat="true" hidden="true" outlineLevel="3">
      <c r="A1307" s="6" t="s">
        <v>1587</v>
      </c>
      <c r="B1307" s="6" t="s">
        <v>302</v>
      </c>
      <c r="C1307" s="6" t="s">
        <v>103</v>
      </c>
      <c r="D1307" s="6" t="s">
        <v>40</v>
      </c>
      <c r="E1307" s="6" t="e"/>
    </row>
    <row r="1308" ht="22" customHeight="true" s="1" customFormat="true" hidden="true" outlineLevel="3">
      <c r="A1308" s="6" t="s">
        <v>1588</v>
      </c>
      <c r="B1308" s="6" t="s">
        <v>296</v>
      </c>
      <c r="C1308" s="6" t="s">
        <v>99</v>
      </c>
      <c r="D1308" s="6" t="s">
        <v>11</v>
      </c>
      <c r="E1308" s="6" t="e"/>
    </row>
    <row r="1309" ht="22" customHeight="true" s="1" customFormat="true" hidden="true" outlineLevel="3">
      <c r="A1309" s="6" t="s">
        <v>1589</v>
      </c>
      <c r="B1309" s="6" t="s">
        <v>283</v>
      </c>
      <c r="C1309" s="6" t="s">
        <v>103</v>
      </c>
      <c r="D1309" s="6" t="s">
        <v>11</v>
      </c>
      <c r="E1309" s="6" t="e"/>
    </row>
    <row r="1310" ht="22" customHeight="true" s="1" customFormat="true" hidden="true" collapsed="true" outlineLevel="3">
      <c r="A1310" s="6" t="s">
        <v>1590</v>
      </c>
      <c r="B1310" s="6" t="s">
        <v>188</v>
      </c>
      <c r="C1310" s="6" t="s">
        <v>127</v>
      </c>
      <c r="D1310" s="6" t="s">
        <v>15</v>
      </c>
      <c r="E1310" s="6" t="e"/>
    </row>
    <row r="1311" ht="11" customHeight="true" s="1" customFormat="true" hidden="true" collapsed="true" outlineLevel="2">
      <c r="A1311" s="5" t="s">
        <v>1591</v>
      </c>
      <c r="B1311" s="5" t="e"/>
      <c r="C1311" s="5" t="e"/>
      <c r="D1311" s="5" t="e"/>
      <c r="E1311" s="5" t="e"/>
    </row>
    <row r="1312" ht="33" customHeight="true" s="1" customFormat="true" hidden="true" outlineLevel="3">
      <c r="A1312" s="6" t="s">
        <v>1592</v>
      </c>
      <c r="B1312" s="6" t="s">
        <v>1593</v>
      </c>
      <c r="C1312" s="6" t="s">
        <v>99</v>
      </c>
      <c r="D1312" s="6" t="s">
        <v>11</v>
      </c>
      <c r="E1312" s="6" t="e"/>
    </row>
    <row r="1313" ht="22" customHeight="true" s="1" customFormat="true" hidden="true" collapsed="true" outlineLevel="3">
      <c r="A1313" s="6" t="s">
        <v>1594</v>
      </c>
      <c r="B1313" s="6" t="s">
        <v>551</v>
      </c>
      <c r="C1313" s="6" t="s">
        <v>103</v>
      </c>
      <c r="D1313" s="6" t="s">
        <v>674</v>
      </c>
      <c r="E1313" s="6" t="e"/>
    </row>
    <row r="1314" ht="11" customHeight="true" s="1" customFormat="true" hidden="true" collapsed="true" outlineLevel="2">
      <c r="A1314" s="5" t="s">
        <v>1595</v>
      </c>
      <c r="B1314" s="5" t="e"/>
      <c r="C1314" s="5" t="e"/>
      <c r="D1314" s="5" t="e"/>
      <c r="E1314" s="5" t="e"/>
    </row>
    <row r="1315" ht="22" customHeight="true" s="1" customFormat="true" hidden="true" outlineLevel="3">
      <c r="A1315" s="6" t="s">
        <v>1596</v>
      </c>
      <c r="B1315" s="6" t="s">
        <v>99</v>
      </c>
      <c r="C1315" s="6" t="s">
        <v>219</v>
      </c>
      <c r="D1315" s="6" t="s">
        <v>11</v>
      </c>
      <c r="E1315" s="6" t="e"/>
    </row>
    <row r="1316" ht="33" customHeight="true" s="1" customFormat="true" hidden="true" outlineLevel="3">
      <c r="A1316" s="6" t="s">
        <v>1597</v>
      </c>
      <c r="B1316" s="6" t="s">
        <v>1391</v>
      </c>
      <c r="C1316" s="6" t="s">
        <v>142</v>
      </c>
      <c r="D1316" s="6" t="s">
        <v>40</v>
      </c>
      <c r="E1316" s="6" t="e"/>
    </row>
    <row r="1317" ht="33" customHeight="true" s="1" customFormat="true" hidden="true" collapsed="true" outlineLevel="3">
      <c r="A1317" s="6" t="s">
        <v>1598</v>
      </c>
      <c r="B1317" s="6" t="s">
        <v>283</v>
      </c>
      <c r="C1317" s="6" t="s">
        <v>219</v>
      </c>
      <c r="D1317" s="6" t="s">
        <v>57</v>
      </c>
      <c r="E1317" s="6" t="e"/>
    </row>
    <row r="1318" ht="11" customHeight="true" s="1" customFormat="true" hidden="true" collapsed="true" outlineLevel="2">
      <c r="A1318" s="5" t="s">
        <v>1599</v>
      </c>
      <c r="B1318" s="5" t="e"/>
      <c r="C1318" s="5" t="e"/>
      <c r="D1318" s="5" t="e"/>
      <c r="E1318" s="5" t="e"/>
    </row>
    <row r="1319" ht="33" customHeight="true" s="1" customFormat="true" hidden="true" collapsed="true" outlineLevel="3">
      <c r="A1319" s="6" t="s">
        <v>1600</v>
      </c>
      <c r="B1319" s="6" t="s">
        <v>118</v>
      </c>
      <c r="C1319" s="6" t="s">
        <v>391</v>
      </c>
      <c r="D1319" s="6" t="s">
        <v>26</v>
      </c>
      <c r="E1319" s="6" t="e"/>
    </row>
    <row r="1320" ht="11" customHeight="true" s="1" customFormat="true" hidden="true" collapsed="true" outlineLevel="2">
      <c r="A1320" s="5" t="s">
        <v>1601</v>
      </c>
      <c r="B1320" s="5" t="e"/>
      <c r="C1320" s="5" t="e"/>
      <c r="D1320" s="5" t="e"/>
      <c r="E1320" s="5" t="e"/>
    </row>
    <row r="1321" ht="33" customHeight="true" s="1" customFormat="true" hidden="true" outlineLevel="3">
      <c r="A1321" s="6" t="s">
        <v>1602</v>
      </c>
      <c r="B1321" s="6" t="s">
        <v>21</v>
      </c>
      <c r="C1321" s="6" t="s">
        <v>80</v>
      </c>
      <c r="D1321" s="6" t="s">
        <v>11</v>
      </c>
      <c r="E1321" s="6" t="e"/>
    </row>
    <row r="1322" ht="44" customHeight="true" s="1" customFormat="true" hidden="true" outlineLevel="3">
      <c r="A1322" s="6" t="s">
        <v>1603</v>
      </c>
      <c r="B1322" s="6" t="s">
        <v>235</v>
      </c>
      <c r="C1322" s="6" t="s">
        <v>325</v>
      </c>
      <c r="D1322" s="6" t="s">
        <v>26</v>
      </c>
      <c r="E1322" s="6" t="e"/>
    </row>
    <row r="1323" ht="44" customHeight="true" s="1" customFormat="true" hidden="true" outlineLevel="3">
      <c r="A1323" s="6" t="s">
        <v>1604</v>
      </c>
      <c r="B1323" s="6" t="s">
        <v>302</v>
      </c>
      <c r="C1323" s="6" t="s">
        <v>142</v>
      </c>
      <c r="D1323" s="6" t="s">
        <v>276</v>
      </c>
      <c r="E1323" s="6" t="e"/>
    </row>
    <row r="1324" ht="44" customHeight="true" s="1" customFormat="true" hidden="true" outlineLevel="3">
      <c r="A1324" s="6" t="s">
        <v>1605</v>
      </c>
      <c r="B1324" s="6" t="s">
        <v>302</v>
      </c>
      <c r="C1324" s="6" t="s">
        <v>142</v>
      </c>
      <c r="D1324" s="6" t="s">
        <v>184</v>
      </c>
      <c r="E1324" s="6" t="e"/>
    </row>
    <row r="1325" ht="44" customHeight="true" s="1" customFormat="true" hidden="true" outlineLevel="3">
      <c r="A1325" s="6" t="s">
        <v>1606</v>
      </c>
      <c r="B1325" s="6" t="s">
        <v>1391</v>
      </c>
      <c r="C1325" s="6" t="s">
        <v>219</v>
      </c>
      <c r="D1325" s="6" t="s">
        <v>123</v>
      </c>
      <c r="E1325" s="6" t="e"/>
    </row>
    <row r="1326" ht="44" customHeight="true" s="1" customFormat="true" hidden="true" outlineLevel="3">
      <c r="A1326" s="6" t="s">
        <v>1607</v>
      </c>
      <c r="B1326" s="6" t="s">
        <v>141</v>
      </c>
      <c r="C1326" s="6" t="s">
        <v>219</v>
      </c>
      <c r="D1326" s="6" t="s">
        <v>40</v>
      </c>
      <c r="E1326" s="6" t="e"/>
    </row>
    <row r="1327" ht="44" customHeight="true" s="1" customFormat="true" hidden="true" collapsed="true" outlineLevel="3">
      <c r="A1327" s="6" t="s">
        <v>1608</v>
      </c>
      <c r="B1327" s="6" t="s">
        <v>364</v>
      </c>
      <c r="C1327" s="6" t="s">
        <v>62</v>
      </c>
      <c r="D1327" s="6" t="s">
        <v>15</v>
      </c>
      <c r="E1327" s="6" t="e"/>
    </row>
    <row r="1328" ht="11" customHeight="true" s="1" customFormat="true" hidden="true" collapsed="true" outlineLevel="2">
      <c r="A1328" s="5" t="s">
        <v>1609</v>
      </c>
      <c r="B1328" s="5" t="e"/>
      <c r="C1328" s="5" t="e"/>
      <c r="D1328" s="5" t="e"/>
      <c r="E1328" s="5" t="e"/>
    </row>
    <row r="1329" ht="22" customHeight="true" s="1" customFormat="true" hidden="true" outlineLevel="3">
      <c r="A1329" s="6" t="s">
        <v>1610</v>
      </c>
      <c r="B1329" s="6" t="s">
        <v>62</v>
      </c>
      <c r="C1329" s="6" t="s">
        <v>80</v>
      </c>
      <c r="D1329" s="6" t="s">
        <v>11</v>
      </c>
      <c r="E1329" s="6" t="e"/>
    </row>
    <row r="1330" ht="33" customHeight="true" s="1" customFormat="true" hidden="true" collapsed="true" outlineLevel="3">
      <c r="A1330" s="6" t="s">
        <v>1611</v>
      </c>
      <c r="B1330" s="6" t="s">
        <v>302</v>
      </c>
      <c r="C1330" s="6" t="s">
        <v>103</v>
      </c>
      <c r="D1330" s="6" t="s">
        <v>100</v>
      </c>
      <c r="E1330" s="6" t="e"/>
    </row>
    <row r="1331" ht="11" customHeight="true" s="1" customFormat="true" hidden="true" collapsed="true" outlineLevel="2">
      <c r="A1331" s="5" t="s">
        <v>1612</v>
      </c>
      <c r="B1331" s="5" t="e"/>
      <c r="C1331" s="5" t="e"/>
      <c r="D1331" s="5" t="e"/>
      <c r="E1331" s="5" t="e"/>
    </row>
    <row r="1332" ht="33" customHeight="true" s="1" customFormat="true" hidden="true" collapsed="true" outlineLevel="3">
      <c r="A1332" s="6" t="s">
        <v>1613</v>
      </c>
      <c r="B1332" s="6" t="s">
        <v>219</v>
      </c>
      <c r="C1332" s="6" t="s">
        <v>72</v>
      </c>
      <c r="D1332" s="6" t="s">
        <v>11</v>
      </c>
      <c r="E1332" s="6" t="e"/>
    </row>
    <row r="1333" ht="11" customHeight="true" s="1" customFormat="true" hidden="true" collapsed="true" outlineLevel="2">
      <c r="A1333" s="5" t="s">
        <v>1614</v>
      </c>
      <c r="B1333" s="5" t="e"/>
      <c r="C1333" s="5" t="e"/>
      <c r="D1333" s="5" t="e"/>
      <c r="E1333" s="5" t="e"/>
    </row>
    <row r="1334" ht="22" customHeight="true" s="1" customFormat="true" hidden="true" outlineLevel="3">
      <c r="A1334" s="6" t="s">
        <v>1615</v>
      </c>
      <c r="B1334" s="6" t="s">
        <v>322</v>
      </c>
      <c r="C1334" s="6" t="s">
        <v>149</v>
      </c>
      <c r="D1334" s="6" t="s">
        <v>15</v>
      </c>
      <c r="E1334" s="6" t="e"/>
    </row>
    <row r="1335" ht="33" customHeight="true" s="1" customFormat="true" hidden="true" outlineLevel="3">
      <c r="A1335" s="6" t="s">
        <v>1616</v>
      </c>
      <c r="B1335" s="6" t="s">
        <v>1320</v>
      </c>
      <c r="C1335" s="6" t="s">
        <v>103</v>
      </c>
      <c r="D1335" s="6" t="s">
        <v>11</v>
      </c>
      <c r="E1335" s="6" t="e"/>
    </row>
    <row r="1336" ht="33" customHeight="true" s="1" customFormat="true" hidden="true" outlineLevel="3">
      <c r="A1336" s="6" t="s">
        <v>1617</v>
      </c>
      <c r="B1336" s="6" t="s">
        <v>141</v>
      </c>
      <c r="C1336" s="6" t="s">
        <v>103</v>
      </c>
      <c r="D1336" s="6" t="s">
        <v>15</v>
      </c>
      <c r="E1336" s="6" t="e"/>
    </row>
    <row r="1337" ht="33" customHeight="true" s="1" customFormat="true" hidden="true" outlineLevel="3">
      <c r="A1337" s="6" t="s">
        <v>1618</v>
      </c>
      <c r="B1337" s="6" t="s">
        <v>519</v>
      </c>
      <c r="C1337" s="6" t="s">
        <v>219</v>
      </c>
      <c r="D1337" s="6" t="s">
        <v>11</v>
      </c>
      <c r="E1337" s="6" t="e"/>
    </row>
    <row r="1338" ht="22" customHeight="true" s="1" customFormat="true" hidden="true" outlineLevel="3">
      <c r="A1338" s="6" t="s">
        <v>1619</v>
      </c>
      <c r="B1338" s="6" t="s">
        <v>551</v>
      </c>
      <c r="C1338" s="6" t="s">
        <v>149</v>
      </c>
      <c r="D1338" s="6" t="s">
        <v>15</v>
      </c>
      <c r="E1338" s="6" t="e"/>
    </row>
    <row r="1339" ht="33" customHeight="true" s="1" customFormat="true" hidden="true" outlineLevel="3">
      <c r="A1339" s="6" t="s">
        <v>1620</v>
      </c>
      <c r="B1339" s="6" t="s">
        <v>664</v>
      </c>
      <c r="C1339" s="6" t="s">
        <v>149</v>
      </c>
      <c r="D1339" s="6" t="s">
        <v>11</v>
      </c>
      <c r="E1339" s="6" t="e"/>
    </row>
    <row r="1340" ht="33" customHeight="true" s="1" customFormat="true" hidden="true" collapsed="true" outlineLevel="3">
      <c r="A1340" s="6" t="s">
        <v>1621</v>
      </c>
      <c r="B1340" s="6" t="s">
        <v>225</v>
      </c>
      <c r="C1340" s="6" t="s">
        <v>103</v>
      </c>
      <c r="D1340" s="6" t="s">
        <v>11</v>
      </c>
      <c r="E1340" s="6" t="e"/>
    </row>
    <row r="1341" ht="11" customHeight="true" s="1" customFormat="true" hidden="true" collapsed="true" outlineLevel="2">
      <c r="A1341" s="5" t="s">
        <v>1622</v>
      </c>
      <c r="B1341" s="5" t="e"/>
      <c r="C1341" s="5" t="e"/>
      <c r="D1341" s="5" t="e"/>
      <c r="E1341" s="5" t="e"/>
    </row>
    <row r="1342" ht="22" customHeight="true" s="1" customFormat="true" hidden="true" outlineLevel="3">
      <c r="A1342" s="6" t="s">
        <v>1623</v>
      </c>
      <c r="B1342" s="6" t="s">
        <v>149</v>
      </c>
      <c r="C1342" s="6" t="s">
        <v>142</v>
      </c>
      <c r="D1342" s="6" t="s">
        <v>26</v>
      </c>
      <c r="E1342" s="6" t="e"/>
    </row>
    <row r="1343" ht="22" customHeight="true" s="1" customFormat="true" hidden="true" outlineLevel="3">
      <c r="A1343" s="6" t="s">
        <v>1624</v>
      </c>
      <c r="B1343" s="6" t="s">
        <v>149</v>
      </c>
      <c r="C1343" s="6" t="s">
        <v>219</v>
      </c>
      <c r="D1343" s="6" t="s">
        <v>26</v>
      </c>
      <c r="E1343" s="6" t="e"/>
    </row>
    <row r="1344" ht="22" customHeight="true" s="1" customFormat="true" hidden="true" collapsed="true" outlineLevel="3">
      <c r="A1344" s="6" t="s">
        <v>1625</v>
      </c>
      <c r="B1344" s="6" t="s">
        <v>141</v>
      </c>
      <c r="C1344" s="6" t="s">
        <v>103</v>
      </c>
      <c r="D1344" s="6" t="s">
        <v>400</v>
      </c>
      <c r="E1344" s="6" t="e"/>
    </row>
    <row r="1345" ht="11" customHeight="true" s="1" customFormat="true" hidden="true" collapsed="true" outlineLevel="2">
      <c r="A1345" s="5" t="s">
        <v>1626</v>
      </c>
      <c r="B1345" s="5" t="e"/>
      <c r="C1345" s="5" t="e"/>
      <c r="D1345" s="5" t="e"/>
      <c r="E1345" s="5" t="e"/>
    </row>
    <row r="1346" ht="22" customHeight="true" s="1" customFormat="true" hidden="true" outlineLevel="3">
      <c r="A1346" s="6" t="s">
        <v>1627</v>
      </c>
      <c r="B1346" s="6" t="s">
        <v>1200</v>
      </c>
      <c r="C1346" s="6" t="s">
        <v>142</v>
      </c>
      <c r="D1346" s="6" t="s">
        <v>11</v>
      </c>
      <c r="E1346" s="6" t="e"/>
    </row>
    <row r="1347" ht="22" customHeight="true" s="1" customFormat="true" hidden="true" outlineLevel="3">
      <c r="A1347" s="6" t="s">
        <v>1628</v>
      </c>
      <c r="B1347" s="6" t="s">
        <v>174</v>
      </c>
      <c r="C1347" s="6" t="s">
        <v>127</v>
      </c>
      <c r="D1347" s="6" t="s">
        <v>68</v>
      </c>
      <c r="E1347" s="6" t="e"/>
    </row>
    <row r="1348" ht="22" customHeight="true" s="1" customFormat="true" hidden="true" outlineLevel="3">
      <c r="A1348" s="6" t="s">
        <v>1629</v>
      </c>
      <c r="B1348" s="6" t="s">
        <v>99</v>
      </c>
      <c r="C1348" s="6" t="s">
        <v>219</v>
      </c>
      <c r="D1348" s="6" t="s">
        <v>26</v>
      </c>
      <c r="E1348" s="6" t="e"/>
    </row>
    <row r="1349" ht="22" customHeight="true" s="1" customFormat="true" hidden="true" outlineLevel="3">
      <c r="A1349" s="6" t="s">
        <v>1630</v>
      </c>
      <c r="B1349" s="6" t="s">
        <v>136</v>
      </c>
      <c r="C1349" s="6" t="s">
        <v>219</v>
      </c>
      <c r="D1349" s="6" t="s">
        <v>57</v>
      </c>
      <c r="E1349" s="6" t="e"/>
    </row>
    <row r="1350" ht="33" customHeight="true" s="1" customFormat="true" hidden="true" outlineLevel="3">
      <c r="A1350" s="6" t="s">
        <v>1631</v>
      </c>
      <c r="B1350" s="6" t="s">
        <v>120</v>
      </c>
      <c r="C1350" s="6" t="s">
        <v>72</v>
      </c>
      <c r="D1350" s="6" t="s">
        <v>40</v>
      </c>
      <c r="E1350" s="6" t="e"/>
    </row>
    <row r="1351" ht="33" customHeight="true" s="1" customFormat="true" hidden="true" outlineLevel="3">
      <c r="A1351" s="6" t="s">
        <v>1632</v>
      </c>
      <c r="B1351" s="6" t="s">
        <v>99</v>
      </c>
      <c r="C1351" s="6" t="s">
        <v>219</v>
      </c>
      <c r="D1351" s="6" t="s">
        <v>26</v>
      </c>
      <c r="E1351" s="6" t="e"/>
    </row>
    <row r="1352" ht="22" customHeight="true" s="1" customFormat="true" hidden="true" outlineLevel="3">
      <c r="A1352" s="6" t="s">
        <v>1633</v>
      </c>
      <c r="B1352" s="6" t="s">
        <v>242</v>
      </c>
      <c r="C1352" s="6" t="s">
        <v>99</v>
      </c>
      <c r="D1352" s="6" t="s">
        <v>15</v>
      </c>
      <c r="E1352" s="6" t="e"/>
    </row>
    <row r="1353" ht="22" customHeight="true" s="1" customFormat="true" hidden="true" outlineLevel="3">
      <c r="A1353" s="6" t="s">
        <v>1634</v>
      </c>
      <c r="B1353" s="6" t="s">
        <v>242</v>
      </c>
      <c r="C1353" s="6" t="s">
        <v>99</v>
      </c>
      <c r="D1353" s="6" t="s">
        <v>15</v>
      </c>
      <c r="E1353" s="6" t="e"/>
    </row>
    <row r="1354" ht="22" customHeight="true" s="1" customFormat="true" hidden="true" outlineLevel="3">
      <c r="A1354" s="6" t="s">
        <v>1635</v>
      </c>
      <c r="B1354" s="6" t="e"/>
      <c r="C1354" s="6" t="s">
        <v>55</v>
      </c>
      <c r="D1354" s="6" t="s">
        <v>11</v>
      </c>
      <c r="E1354" s="6" t="e"/>
    </row>
    <row r="1355" ht="22" customHeight="true" s="1" customFormat="true" hidden="true" collapsed="true" outlineLevel="3">
      <c r="A1355" s="6" t="s">
        <v>1636</v>
      </c>
      <c r="B1355" s="6" t="s">
        <v>136</v>
      </c>
      <c r="C1355" s="6" t="s">
        <v>219</v>
      </c>
      <c r="D1355" s="6" t="s">
        <v>11</v>
      </c>
      <c r="E1355" s="6" t="e"/>
    </row>
    <row r="1356" ht="11" customHeight="true" s="1" customFormat="true" hidden="true" collapsed="true" outlineLevel="2">
      <c r="A1356" s="5" t="s">
        <v>1637</v>
      </c>
      <c r="B1356" s="5" t="e"/>
      <c r="C1356" s="5" t="e"/>
      <c r="D1356" s="5" t="e"/>
      <c r="E1356" s="5" t="e"/>
    </row>
    <row r="1357" ht="33" customHeight="true" s="1" customFormat="true" hidden="true" outlineLevel="3">
      <c r="A1357" s="6" t="s">
        <v>1638</v>
      </c>
      <c r="B1357" s="6" t="s">
        <v>318</v>
      </c>
      <c r="C1357" s="6" t="s">
        <v>103</v>
      </c>
      <c r="D1357" s="6" t="s">
        <v>68</v>
      </c>
      <c r="E1357" s="6" t="e"/>
    </row>
    <row r="1358" ht="33" customHeight="true" s="1" customFormat="true" hidden="true" outlineLevel="3">
      <c r="A1358" s="6" t="s">
        <v>1639</v>
      </c>
      <c r="B1358" s="6" t="s">
        <v>300</v>
      </c>
      <c r="C1358" s="6" t="s">
        <v>99</v>
      </c>
      <c r="D1358" s="6" t="s">
        <v>276</v>
      </c>
      <c r="E1358" s="6" t="e"/>
    </row>
    <row r="1359" ht="44" customHeight="true" s="1" customFormat="true" hidden="true" outlineLevel="3">
      <c r="A1359" s="6" t="s">
        <v>1640</v>
      </c>
      <c r="B1359" s="6" t="s">
        <v>300</v>
      </c>
      <c r="C1359" s="6" t="s">
        <v>149</v>
      </c>
      <c r="D1359" s="6" t="s">
        <v>11</v>
      </c>
      <c r="E1359" s="6" t="e"/>
    </row>
    <row r="1360" ht="33" customHeight="true" s="1" customFormat="true" hidden="true" outlineLevel="3">
      <c r="A1360" s="6" t="s">
        <v>1641</v>
      </c>
      <c r="B1360" s="6" t="s">
        <v>300</v>
      </c>
      <c r="C1360" s="6" t="s">
        <v>126</v>
      </c>
      <c r="D1360" s="6" t="s">
        <v>15</v>
      </c>
      <c r="E1360" s="6" t="e"/>
    </row>
    <row r="1361" ht="11" customHeight="true" collapsed="true" outlineLevel="1">
      <c r="A1361" s="5" t="s">
        <v>1642</v>
      </c>
      <c r="B1361" s="5" t="e"/>
      <c r="C1361" s="5" t="e"/>
      <c r="D1361" s="5" t="e"/>
      <c r="E1361" s="5" t="e"/>
    </row>
    <row r="1362" ht="11" customHeight="true" s="1" customFormat="true" hidden="true" collapsed="true" outlineLevel="2">
      <c r="A1362" s="5" t="s">
        <v>1643</v>
      </c>
      <c r="B1362" s="5" t="e"/>
      <c r="C1362" s="5" t="e"/>
      <c r="D1362" s="5" t="e"/>
      <c r="E1362" s="5" t="e"/>
    </row>
    <row r="1363" ht="44" customHeight="true" s="1" customFormat="true" hidden="true" collapsed="true" outlineLevel="3">
      <c r="A1363" s="6" t="s">
        <v>1644</v>
      </c>
      <c r="B1363" s="6" t="s">
        <v>1301</v>
      </c>
      <c r="C1363" s="6" t="s">
        <v>1645</v>
      </c>
      <c r="D1363" s="6" t="s">
        <v>11</v>
      </c>
      <c r="E1363" s="6" t="e"/>
    </row>
    <row r="1364" ht="11" customHeight="true" s="1" customFormat="true" hidden="true" collapsed="true" outlineLevel="2">
      <c r="A1364" s="5" t="s">
        <v>1646</v>
      </c>
      <c r="B1364" s="5" t="e"/>
      <c r="C1364" s="5" t="e"/>
      <c r="D1364" s="5" t="e"/>
      <c r="E1364" s="5" t="e"/>
    </row>
    <row r="1365" ht="44" customHeight="true" s="1" customFormat="true" hidden="true" outlineLevel="3">
      <c r="A1365" s="6" t="s">
        <v>1647</v>
      </c>
      <c r="B1365" s="6" t="e"/>
      <c r="C1365" s="6" t="s">
        <v>1648</v>
      </c>
      <c r="D1365" s="6" t="s">
        <v>11</v>
      </c>
      <c r="E1365" s="6" t="e"/>
    </row>
    <row r="1366" ht="11" customHeight="true" collapsed="true" outlineLevel="1">
      <c r="A1366" s="5" t="s">
        <v>1649</v>
      </c>
      <c r="B1366" s="5" t="e"/>
      <c r="C1366" s="5" t="e"/>
      <c r="D1366" s="5" t="e"/>
      <c r="E1366" s="5" t="e"/>
    </row>
    <row r="1367" ht="11" customHeight="true" s="1" customFormat="true" hidden="true" collapsed="true" outlineLevel="2">
      <c r="A1367" s="5" t="s">
        <v>1650</v>
      </c>
      <c r="B1367" s="5" t="e"/>
      <c r="C1367" s="5" t="e"/>
      <c r="D1367" s="5" t="e"/>
      <c r="E1367" s="5" t="e"/>
    </row>
    <row r="1368" ht="11" customHeight="true" s="1" customFormat="true" hidden="true" outlineLevel="3">
      <c r="A1368" s="6" t="s">
        <v>1651</v>
      </c>
      <c r="B1368" s="6" t="e"/>
      <c r="C1368" s="6" t="s">
        <v>18</v>
      </c>
      <c r="D1368" s="6" t="s">
        <v>11</v>
      </c>
      <c r="E1368" s="6" t="e"/>
    </row>
    <row r="1369" ht="22" customHeight="true" s="1" customFormat="true" hidden="true" collapsed="true" outlineLevel="3">
      <c r="A1369" s="6" t="s">
        <v>1652</v>
      </c>
      <c r="B1369" s="6" t="s">
        <v>219</v>
      </c>
      <c r="C1369" s="6" t="s">
        <v>72</v>
      </c>
      <c r="D1369" s="6" t="s">
        <v>11</v>
      </c>
      <c r="E1369" s="6" t="e"/>
    </row>
    <row r="1370" ht="11" customHeight="true" s="1" customFormat="true" hidden="true" collapsed="true" outlineLevel="2">
      <c r="A1370" s="5" t="s">
        <v>1653</v>
      </c>
      <c r="B1370" s="5" t="e"/>
      <c r="C1370" s="5" t="e"/>
      <c r="D1370" s="5" t="e"/>
      <c r="E1370" s="5" t="e"/>
    </row>
    <row r="1371" ht="44" customHeight="true" s="1" customFormat="true" hidden="true" outlineLevel="3">
      <c r="A1371" s="6" t="s">
        <v>1654</v>
      </c>
      <c r="B1371" s="6" t="s">
        <v>1655</v>
      </c>
      <c r="C1371" s="6" t="s">
        <v>272</v>
      </c>
      <c r="D1371" s="6" t="s">
        <v>11</v>
      </c>
      <c r="E1371" s="6" t="e"/>
    </row>
    <row r="1372" ht="67" customHeight="true" s="1" customFormat="true" hidden="true" collapsed="true" outlineLevel="3">
      <c r="A1372" s="6" t="s">
        <v>1656</v>
      </c>
      <c r="B1372" s="6" t="s">
        <v>9</v>
      </c>
      <c r="C1372" s="6" t="s">
        <v>279</v>
      </c>
      <c r="D1372" s="6" t="s">
        <v>40</v>
      </c>
      <c r="E1372" s="6" t="e"/>
    </row>
    <row r="1373" ht="11" customHeight="true" s="1" customFormat="true" hidden="true" collapsed="true" outlineLevel="2">
      <c r="A1373" s="5" t="s">
        <v>1657</v>
      </c>
      <c r="B1373" s="5" t="e"/>
      <c r="C1373" s="5" t="e"/>
      <c r="D1373" s="5" t="e"/>
      <c r="E1373" s="5" t="e"/>
    </row>
    <row r="1374" ht="44" customHeight="true" s="1" customFormat="true" hidden="true" collapsed="true" outlineLevel="3">
      <c r="A1374" s="6" t="s">
        <v>1658</v>
      </c>
      <c r="B1374" s="6" t="s">
        <v>116</v>
      </c>
      <c r="C1374" s="6" t="s">
        <v>73</v>
      </c>
      <c r="D1374" s="6" t="s">
        <v>276</v>
      </c>
      <c r="E1374" s="6" t="e"/>
    </row>
    <row r="1375" ht="11" customHeight="true" s="1" customFormat="true" hidden="true" collapsed="true" outlineLevel="2">
      <c r="A1375" s="5" t="s">
        <v>1659</v>
      </c>
      <c r="B1375" s="5" t="e"/>
      <c r="C1375" s="5" t="e"/>
      <c r="D1375" s="5" t="e"/>
      <c r="E1375" s="5" t="e"/>
    </row>
    <row r="1376" ht="22" customHeight="true" s="1" customFormat="true" hidden="true" outlineLevel="3">
      <c r="A1376" s="6" t="s">
        <v>1660</v>
      </c>
      <c r="B1376" s="6" t="s">
        <v>103</v>
      </c>
      <c r="C1376" s="6" t="s">
        <v>127</v>
      </c>
      <c r="D1376" s="6" t="s">
        <v>40</v>
      </c>
      <c r="E1376" s="6" t="e"/>
    </row>
    <row r="1377" ht="33" customHeight="true" s="1" customFormat="true" hidden="true" outlineLevel="3">
      <c r="A1377" s="6" t="s">
        <v>1661</v>
      </c>
      <c r="B1377" s="6" t="s">
        <v>103</v>
      </c>
      <c r="C1377" s="6" t="s">
        <v>72</v>
      </c>
      <c r="D1377" s="6" t="s">
        <v>11</v>
      </c>
      <c r="E1377" s="6" t="e"/>
    </row>
    <row r="1378" ht="33" customHeight="true" s="1" customFormat="true" hidden="true" outlineLevel="3">
      <c r="A1378" s="6" t="s">
        <v>1662</v>
      </c>
      <c r="B1378" s="6" t="s">
        <v>103</v>
      </c>
      <c r="C1378" s="6" t="s">
        <v>127</v>
      </c>
      <c r="D1378" s="6" t="s">
        <v>68</v>
      </c>
      <c r="E1378" s="6" t="e"/>
    </row>
    <row r="1379" ht="33" customHeight="true" s="1" customFormat="true" hidden="true" collapsed="true" outlineLevel="3">
      <c r="A1379" s="6" t="s">
        <v>1663</v>
      </c>
      <c r="B1379" s="6" t="s">
        <v>103</v>
      </c>
      <c r="C1379" s="6" t="s">
        <v>72</v>
      </c>
      <c r="D1379" s="6" t="s">
        <v>11</v>
      </c>
      <c r="E1379" s="6" t="e"/>
    </row>
    <row r="1380" ht="11" customHeight="true" s="1" customFormat="true" hidden="true" collapsed="true" outlineLevel="2">
      <c r="A1380" s="5" t="s">
        <v>1664</v>
      </c>
      <c r="B1380" s="5" t="e"/>
      <c r="C1380" s="5" t="e"/>
      <c r="D1380" s="5" t="e"/>
      <c r="E1380" s="5" t="e"/>
    </row>
    <row r="1381" ht="56" customHeight="true" s="1" customFormat="true" hidden="true" outlineLevel="3">
      <c r="A1381" s="6" t="s">
        <v>1665</v>
      </c>
      <c r="B1381" s="6" t="s">
        <v>78</v>
      </c>
      <c r="C1381" s="6" t="s">
        <v>325</v>
      </c>
      <c r="D1381" s="6" t="s">
        <v>26</v>
      </c>
      <c r="E1381" s="6" t="e"/>
    </row>
    <row r="1382" ht="33" customHeight="true" s="1" customFormat="true" hidden="true" outlineLevel="3">
      <c r="A1382" s="6" t="s">
        <v>1666</v>
      </c>
      <c r="B1382" s="6" t="s">
        <v>112</v>
      </c>
      <c r="C1382" s="6" t="s">
        <v>235</v>
      </c>
      <c r="D1382" s="6" t="s">
        <v>26</v>
      </c>
      <c r="E1382" s="6" t="e"/>
    </row>
    <row r="1383" ht="44" customHeight="true" s="1" customFormat="true" hidden="true" collapsed="true" outlineLevel="3">
      <c r="A1383" s="6" t="s">
        <v>1667</v>
      </c>
      <c r="B1383" s="6" t="s">
        <v>379</v>
      </c>
      <c r="C1383" s="6" t="s">
        <v>78</v>
      </c>
      <c r="D1383" s="6" t="s">
        <v>40</v>
      </c>
      <c r="E1383" s="6" t="e"/>
    </row>
    <row r="1384" ht="11" customHeight="true" s="1" customFormat="true" hidden="true" collapsed="true" outlineLevel="2">
      <c r="A1384" s="5" t="s">
        <v>1668</v>
      </c>
      <c r="B1384" s="5" t="e"/>
      <c r="C1384" s="5" t="e"/>
      <c r="D1384" s="5" t="e"/>
      <c r="E1384" s="5" t="e"/>
    </row>
    <row r="1385" ht="33" customHeight="true" s="1" customFormat="true" hidden="true" outlineLevel="3">
      <c r="A1385" s="6" t="s">
        <v>1669</v>
      </c>
      <c r="B1385" s="6" t="s">
        <v>122</v>
      </c>
      <c r="C1385" s="6" t="s">
        <v>379</v>
      </c>
      <c r="D1385" s="6" t="s">
        <v>11</v>
      </c>
      <c r="E1385" s="6" t="e"/>
    </row>
    <row r="1386" ht="44" customHeight="true" s="1" customFormat="true" hidden="true" outlineLevel="3">
      <c r="A1386" s="6" t="s">
        <v>1670</v>
      </c>
      <c r="B1386" s="6" t="s">
        <v>142</v>
      </c>
      <c r="C1386" s="6" t="s">
        <v>51</v>
      </c>
      <c r="D1386" s="6" t="s">
        <v>11</v>
      </c>
      <c r="E1386" s="6" t="e"/>
    </row>
    <row r="1387" ht="33" customHeight="true" s="1" customFormat="true" hidden="true" outlineLevel="3">
      <c r="A1387" s="6" t="s">
        <v>1671</v>
      </c>
      <c r="B1387" s="6" t="s">
        <v>129</v>
      </c>
      <c r="C1387" s="6" t="s">
        <v>379</v>
      </c>
      <c r="D1387" s="6" t="s">
        <v>276</v>
      </c>
      <c r="E1387" s="6" t="e"/>
    </row>
    <row r="1388" ht="33" customHeight="true" s="1" customFormat="true" hidden="true" collapsed="true" outlineLevel="3">
      <c r="A1388" s="6" t="s">
        <v>1672</v>
      </c>
      <c r="B1388" s="6" t="s">
        <v>122</v>
      </c>
      <c r="C1388" s="6" t="s">
        <v>72</v>
      </c>
      <c r="D1388" s="6" t="s">
        <v>11</v>
      </c>
      <c r="E1388" s="6" t="e"/>
    </row>
    <row r="1389" ht="11" customHeight="true" s="1" customFormat="true" hidden="true" collapsed="true" outlineLevel="2">
      <c r="A1389" s="5" t="s">
        <v>1673</v>
      </c>
      <c r="B1389" s="5" t="e"/>
      <c r="C1389" s="5" t="e"/>
      <c r="D1389" s="5" t="e"/>
      <c r="E1389" s="5" t="e"/>
    </row>
    <row r="1390" ht="33" customHeight="true" s="1" customFormat="true" hidden="true" outlineLevel="3">
      <c r="A1390" s="6" t="s">
        <v>1674</v>
      </c>
      <c r="B1390" s="6" t="s">
        <v>80</v>
      </c>
      <c r="C1390" s="6" t="s">
        <v>421</v>
      </c>
      <c r="D1390" s="6" t="s">
        <v>40</v>
      </c>
      <c r="E1390" s="6" t="e"/>
    </row>
    <row r="1391" ht="33" customHeight="true" s="1" customFormat="true" hidden="true" outlineLevel="3">
      <c r="A1391" s="6" t="s">
        <v>1675</v>
      </c>
      <c r="B1391" s="6" t="s">
        <v>80</v>
      </c>
      <c r="C1391" s="6" t="s">
        <v>430</v>
      </c>
      <c r="D1391" s="6" t="s">
        <v>40</v>
      </c>
      <c r="E1391" s="6" t="e"/>
    </row>
    <row r="1392" ht="44" customHeight="true" s="1" customFormat="true" hidden="true" collapsed="true" outlineLevel="3">
      <c r="A1392" s="6" t="s">
        <v>1676</v>
      </c>
      <c r="B1392" s="6" t="s">
        <v>85</v>
      </c>
      <c r="C1392" s="6" t="s">
        <v>13</v>
      </c>
      <c r="D1392" s="6" t="s">
        <v>15</v>
      </c>
      <c r="E1392" s="6" t="e"/>
    </row>
    <row r="1393" ht="11" customHeight="true" s="1" customFormat="true" hidden="true" collapsed="true" outlineLevel="2">
      <c r="A1393" s="5" t="s">
        <v>1677</v>
      </c>
      <c r="B1393" s="5" t="e"/>
      <c r="C1393" s="5" t="e"/>
      <c r="D1393" s="5" t="e"/>
      <c r="E1393" s="5" t="e"/>
    </row>
    <row r="1394" ht="33" customHeight="true" s="1" customFormat="true" hidden="true" outlineLevel="3">
      <c r="A1394" s="6" t="s">
        <v>1678</v>
      </c>
      <c r="B1394" s="6" t="s">
        <v>116</v>
      </c>
      <c r="C1394" s="6" t="s">
        <v>62</v>
      </c>
      <c r="D1394" s="6" t="s">
        <v>100</v>
      </c>
      <c r="E1394" s="6" t="e"/>
    </row>
    <row r="1395" ht="33" customHeight="true" s="1" customFormat="true" hidden="true" collapsed="true" outlineLevel="3">
      <c r="A1395" s="6" t="s">
        <v>1679</v>
      </c>
      <c r="B1395" s="6" t="s">
        <v>53</v>
      </c>
      <c r="C1395" s="6" t="s">
        <v>289</v>
      </c>
      <c r="D1395" s="6" t="s">
        <v>26</v>
      </c>
      <c r="E1395" s="6" t="e"/>
    </row>
    <row r="1396" ht="11" customHeight="true" s="1" customFormat="true" hidden="true" collapsed="true" outlineLevel="2">
      <c r="A1396" s="5" t="s">
        <v>1680</v>
      </c>
      <c r="B1396" s="5" t="e"/>
      <c r="C1396" s="5" t="e"/>
      <c r="D1396" s="5" t="e"/>
      <c r="E1396" s="5" t="e"/>
    </row>
    <row r="1397" ht="22" customHeight="true" s="1" customFormat="true" hidden="true" outlineLevel="3">
      <c r="A1397" s="6" t="s">
        <v>1681</v>
      </c>
      <c r="B1397" s="6" t="s">
        <v>62</v>
      </c>
      <c r="C1397" s="6" t="s">
        <v>78</v>
      </c>
      <c r="D1397" s="6" t="s">
        <v>11</v>
      </c>
      <c r="E1397" s="6" t="e"/>
    </row>
    <row r="1398" ht="33" customHeight="true" s="1" customFormat="true" hidden="true" outlineLevel="3">
      <c r="A1398" s="6" t="s">
        <v>1682</v>
      </c>
      <c r="B1398" s="6" t="s">
        <v>21</v>
      </c>
      <c r="C1398" s="6" t="s">
        <v>47</v>
      </c>
      <c r="D1398" s="6" t="s">
        <v>11</v>
      </c>
      <c r="E1398" s="6" t="e"/>
    </row>
    <row r="1399" ht="22" customHeight="true" s="1" customFormat="true" hidden="true" collapsed="true" outlineLevel="3">
      <c r="A1399" s="6" t="s">
        <v>1683</v>
      </c>
      <c r="B1399" s="6" t="s">
        <v>78</v>
      </c>
      <c r="C1399" s="6" t="s">
        <v>83</v>
      </c>
      <c r="D1399" s="6" t="s">
        <v>11</v>
      </c>
      <c r="E1399" s="6" t="e"/>
    </row>
    <row r="1400" ht="11" customHeight="true" s="1" customFormat="true" hidden="true" collapsed="true" outlineLevel="2">
      <c r="A1400" s="5" t="s">
        <v>1684</v>
      </c>
      <c r="B1400" s="5" t="e"/>
      <c r="C1400" s="5" t="e"/>
      <c r="D1400" s="5" t="e"/>
      <c r="E1400" s="5" t="e"/>
    </row>
    <row r="1401" ht="33" customHeight="true" s="1" customFormat="true" hidden="true" outlineLevel="3">
      <c r="A1401" s="6" t="s">
        <v>1685</v>
      </c>
      <c r="B1401" s="6" t="s">
        <v>308</v>
      </c>
      <c r="C1401" s="6" t="s">
        <v>99</v>
      </c>
      <c r="D1401" s="6" t="s">
        <v>26</v>
      </c>
      <c r="E1401" s="6" t="e"/>
    </row>
    <row r="1402" ht="33" customHeight="true" s="1" customFormat="true" hidden="true" outlineLevel="3">
      <c r="A1402" s="6" t="s">
        <v>1686</v>
      </c>
      <c r="B1402" s="6" t="s">
        <v>300</v>
      </c>
      <c r="C1402" s="6" t="s">
        <v>149</v>
      </c>
      <c r="D1402" s="6" t="s">
        <v>11</v>
      </c>
      <c r="E1402" s="6" t="e"/>
    </row>
    <row r="1403" ht="11" customHeight="true" collapsed="true" outlineLevel="1">
      <c r="A1403" s="5" t="s">
        <v>1687</v>
      </c>
      <c r="B1403" s="5" t="e"/>
      <c r="C1403" s="5" t="e"/>
      <c r="D1403" s="5" t="e"/>
      <c r="E1403" s="5" t="e"/>
    </row>
    <row r="1404" ht="22" customHeight="true" s="1" customFormat="true" hidden="true" outlineLevel="2">
      <c r="A1404" s="6" t="s">
        <v>1688</v>
      </c>
      <c r="B1404" s="6" t="e"/>
      <c r="C1404" s="6" t="s">
        <v>1187</v>
      </c>
      <c r="D1404" s="6" t="s">
        <v>11</v>
      </c>
      <c r="E1404" s="6" t="e"/>
    </row>
    <row r="1405" ht="11" customHeight="true" s="1" customFormat="true" hidden="true" outlineLevel="2">
      <c r="A1405" s="6" t="s">
        <v>1689</v>
      </c>
      <c r="B1405" s="6" t="s">
        <v>62</v>
      </c>
      <c r="C1405" s="6" t="s">
        <v>80</v>
      </c>
      <c r="D1405" s="6" t="s">
        <v>11</v>
      </c>
      <c r="E1405" s="6" t="e"/>
    </row>
    <row r="1406" ht="11" customHeight="true" s="1" customFormat="true" hidden="true" outlineLevel="2">
      <c r="A1406" s="6" t="s">
        <v>1690</v>
      </c>
      <c r="B1406" s="6" t="e"/>
      <c r="C1406" s="6" t="s">
        <v>73</v>
      </c>
      <c r="D1406" s="6" t="s">
        <v>11</v>
      </c>
      <c r="E1406" s="6" t="e"/>
    </row>
    <row r="1407" ht="11" customHeight="true" s="1" customFormat="true" hidden="true" collapsed="true" outlineLevel="2">
      <c r="A1407" s="5" t="s">
        <v>1691</v>
      </c>
      <c r="B1407" s="5" t="e"/>
      <c r="C1407" s="5" t="e"/>
      <c r="D1407" s="5" t="e"/>
      <c r="E1407" s="5" t="e"/>
    </row>
    <row r="1408" ht="44" customHeight="true" s="1" customFormat="true" hidden="true" outlineLevel="3">
      <c r="A1408" s="6" t="s">
        <v>1692</v>
      </c>
      <c r="B1408" s="6" t="s">
        <v>1693</v>
      </c>
      <c r="C1408" s="6" t="s">
        <v>1694</v>
      </c>
      <c r="D1408" s="6" t="s">
        <v>11</v>
      </c>
      <c r="E1408" s="6" t="e"/>
    </row>
    <row r="1409" ht="44" customHeight="true" s="1" customFormat="true" hidden="true" outlineLevel="3">
      <c r="A1409" s="6" t="s">
        <v>1695</v>
      </c>
      <c r="B1409" s="6" t="s">
        <v>13</v>
      </c>
      <c r="C1409" s="6" t="s">
        <v>279</v>
      </c>
      <c r="D1409" s="6" t="s">
        <v>40</v>
      </c>
      <c r="E1409" s="6" t="e"/>
    </row>
    <row r="1410" ht="44" customHeight="true" s="1" customFormat="true" hidden="true" outlineLevel="3">
      <c r="A1410" s="6" t="s">
        <v>1696</v>
      </c>
      <c r="B1410" s="6" t="s">
        <v>316</v>
      </c>
      <c r="C1410" s="6" t="s">
        <v>36</v>
      </c>
      <c r="D1410" s="6" t="s">
        <v>40</v>
      </c>
      <c r="E1410" s="6" t="e"/>
    </row>
    <row r="1411" ht="44" customHeight="true" s="1" customFormat="true" hidden="true" outlineLevel="3">
      <c r="A1411" s="6" t="s">
        <v>1697</v>
      </c>
      <c r="B1411" s="6" t="s">
        <v>13</v>
      </c>
      <c r="C1411" s="6" t="s">
        <v>14</v>
      </c>
      <c r="D1411" s="6" t="s">
        <v>26</v>
      </c>
      <c r="E1411" s="6" t="e"/>
    </row>
    <row r="1412" ht="44" customHeight="true" s="1" customFormat="true" hidden="true" outlineLevel="3">
      <c r="A1412" s="6" t="s">
        <v>1698</v>
      </c>
      <c r="B1412" s="6" t="s">
        <v>80</v>
      </c>
      <c r="C1412" s="6" t="s">
        <v>430</v>
      </c>
      <c r="D1412" s="6" t="s">
        <v>11</v>
      </c>
      <c r="E1412" s="6" t="e"/>
    </row>
    <row r="1413" ht="33" customHeight="true" s="1" customFormat="true" hidden="true" outlineLevel="3">
      <c r="A1413" s="6" t="s">
        <v>1699</v>
      </c>
      <c r="B1413" s="6" t="s">
        <v>1700</v>
      </c>
      <c r="C1413" s="6" t="s">
        <v>421</v>
      </c>
      <c r="D1413" s="6" t="s">
        <v>11</v>
      </c>
      <c r="E1413" s="6" t="e"/>
    </row>
    <row r="1414" ht="44" customHeight="true" s="1" customFormat="true" hidden="true" outlineLevel="3">
      <c r="A1414" s="6" t="s">
        <v>1701</v>
      </c>
      <c r="B1414" s="6" t="s">
        <v>1702</v>
      </c>
      <c r="C1414" s="6" t="s">
        <v>36</v>
      </c>
      <c r="D1414" s="6" t="s">
        <v>11</v>
      </c>
      <c r="E1414" s="6" t="e"/>
    </row>
    <row r="1415" ht="33" customHeight="true" s="1" customFormat="true" hidden="true" outlineLevel="3">
      <c r="A1415" s="6" t="s">
        <v>1703</v>
      </c>
      <c r="B1415" s="6" t="s">
        <v>235</v>
      </c>
      <c r="C1415" s="6" t="s">
        <v>325</v>
      </c>
      <c r="D1415" s="6" t="s">
        <v>11</v>
      </c>
      <c r="E1415" s="6" t="e"/>
    </row>
    <row r="1416" ht="44" customHeight="true" s="1" customFormat="true" hidden="true" outlineLevel="3">
      <c r="A1416" s="6" t="s">
        <v>1704</v>
      </c>
      <c r="B1416" s="6" t="s">
        <v>47</v>
      </c>
      <c r="C1416" s="6" t="s">
        <v>36</v>
      </c>
      <c r="D1416" s="6" t="s">
        <v>26</v>
      </c>
      <c r="E1416" s="6" t="e"/>
    </row>
    <row r="1417" ht="44" customHeight="true" s="1" customFormat="true" hidden="true" outlineLevel="3">
      <c r="A1417" s="6" t="s">
        <v>1705</v>
      </c>
      <c r="B1417" s="6" t="s">
        <v>430</v>
      </c>
      <c r="C1417" s="6" t="s">
        <v>1706</v>
      </c>
      <c r="D1417" s="6" t="s">
        <v>26</v>
      </c>
      <c r="E1417" s="6" t="e"/>
    </row>
    <row r="1418" ht="44" customHeight="true" s="1" customFormat="true" hidden="true" outlineLevel="3">
      <c r="A1418" s="6" t="s">
        <v>1707</v>
      </c>
      <c r="B1418" s="6" t="s">
        <v>325</v>
      </c>
      <c r="C1418" s="6" t="s">
        <v>28</v>
      </c>
      <c r="D1418" s="6" t="s">
        <v>11</v>
      </c>
      <c r="E1418" s="6" t="e"/>
    </row>
    <row r="1419" ht="44" customHeight="true" s="1" customFormat="true" hidden="true" outlineLevel="3">
      <c r="A1419" s="6" t="s">
        <v>1708</v>
      </c>
      <c r="B1419" s="6" t="s">
        <v>325</v>
      </c>
      <c r="C1419" s="6" t="s">
        <v>279</v>
      </c>
      <c r="D1419" s="6" t="s">
        <v>11</v>
      </c>
      <c r="E1419" s="6" t="e"/>
    </row>
    <row r="1420" ht="44" customHeight="true" s="1" customFormat="true" hidden="true" outlineLevel="3">
      <c r="A1420" s="6" t="s">
        <v>1709</v>
      </c>
      <c r="B1420" s="6" t="s">
        <v>28</v>
      </c>
      <c r="C1420" s="6" t="s">
        <v>34</v>
      </c>
      <c r="D1420" s="6" t="s">
        <v>11</v>
      </c>
      <c r="E1420" s="6" t="e"/>
    </row>
    <row r="1421" ht="44" customHeight="true" s="1" customFormat="true" hidden="true" outlineLevel="3">
      <c r="A1421" s="6" t="s">
        <v>1710</v>
      </c>
      <c r="B1421" s="6" t="s">
        <v>421</v>
      </c>
      <c r="C1421" s="6" t="s">
        <v>36</v>
      </c>
      <c r="D1421" s="6" t="s">
        <v>26</v>
      </c>
      <c r="E1421" s="6" t="e"/>
    </row>
    <row r="1422" ht="44" customHeight="true" s="1" customFormat="true" hidden="true" outlineLevel="3">
      <c r="A1422" s="6" t="s">
        <v>1711</v>
      </c>
      <c r="B1422" s="6" t="s">
        <v>1712</v>
      </c>
      <c r="C1422" s="6" t="s">
        <v>14</v>
      </c>
      <c r="D1422" s="6" t="s">
        <v>26</v>
      </c>
      <c r="E1422" s="6" t="e"/>
    </row>
    <row r="1423" ht="44" customHeight="true" s="1" customFormat="true" hidden="true" outlineLevel="3">
      <c r="A1423" s="6" t="s">
        <v>1713</v>
      </c>
      <c r="B1423" s="6" t="s">
        <v>1187</v>
      </c>
      <c r="C1423" s="6" t="s">
        <v>272</v>
      </c>
      <c r="D1423" s="6" t="s">
        <v>26</v>
      </c>
      <c r="E1423" s="6" t="e"/>
    </row>
    <row r="1424" ht="44" customHeight="true" s="1" customFormat="true" hidden="true" outlineLevel="3">
      <c r="A1424" s="6" t="s">
        <v>1714</v>
      </c>
      <c r="B1424" s="6" t="s">
        <v>935</v>
      </c>
      <c r="C1424" s="6" t="s">
        <v>272</v>
      </c>
      <c r="D1424" s="6" t="s">
        <v>11</v>
      </c>
      <c r="E1424" s="6" t="e"/>
    </row>
    <row r="1425" ht="44" customHeight="true" s="1" customFormat="true" hidden="true" outlineLevel="3">
      <c r="A1425" s="6" t="s">
        <v>1715</v>
      </c>
      <c r="B1425" s="6" t="e"/>
      <c r="C1425" s="6" t="s">
        <v>36</v>
      </c>
      <c r="D1425" s="6" t="s">
        <v>11</v>
      </c>
      <c r="E1425" s="6" t="e"/>
    </row>
    <row r="1426" ht="44" customHeight="true" s="1" customFormat="true" hidden="true" outlineLevel="3">
      <c r="A1426" s="6" t="s">
        <v>1716</v>
      </c>
      <c r="B1426" s="6" t="s">
        <v>290</v>
      </c>
      <c r="C1426" s="6" t="s">
        <v>14</v>
      </c>
      <c r="D1426" s="6" t="s">
        <v>26</v>
      </c>
      <c r="E1426" s="6" t="e"/>
    </row>
    <row r="1427" ht="44" customHeight="true" s="1" customFormat="true" hidden="true" outlineLevel="3">
      <c r="A1427" s="6" t="s">
        <v>1717</v>
      </c>
      <c r="B1427" s="6" t="s">
        <v>290</v>
      </c>
      <c r="C1427" s="6" t="s">
        <v>14</v>
      </c>
      <c r="D1427" s="6" t="s">
        <v>11</v>
      </c>
      <c r="E1427" s="6" t="e"/>
    </row>
    <row r="1428" ht="56" customHeight="true" s="1" customFormat="true" hidden="true" outlineLevel="3">
      <c r="A1428" s="6" t="s">
        <v>1718</v>
      </c>
      <c r="B1428" s="6" t="s">
        <v>1719</v>
      </c>
      <c r="C1428" s="6" t="s">
        <v>1305</v>
      </c>
      <c r="D1428" s="6" t="s">
        <v>11</v>
      </c>
      <c r="E1428" s="6" t="e"/>
    </row>
    <row r="1429" ht="44" customHeight="true" s="1" customFormat="true" hidden="true" outlineLevel="3">
      <c r="A1429" s="6" t="s">
        <v>1720</v>
      </c>
      <c r="B1429" s="6" t="s">
        <v>267</v>
      </c>
      <c r="C1429" s="6" t="s">
        <v>1721</v>
      </c>
      <c r="D1429" s="6" t="s">
        <v>15</v>
      </c>
      <c r="E1429" s="6" t="e"/>
    </row>
    <row r="1430" ht="44" customHeight="true" s="1" customFormat="true" hidden="true" outlineLevel="3">
      <c r="A1430" s="6" t="s">
        <v>1722</v>
      </c>
      <c r="B1430" s="6" t="s">
        <v>374</v>
      </c>
      <c r="C1430" s="6" t="s">
        <v>1706</v>
      </c>
      <c r="D1430" s="6" t="s">
        <v>11</v>
      </c>
      <c r="E1430" s="6" t="e"/>
    </row>
    <row r="1431" ht="11" customHeight="true" collapsed="true" outlineLevel="1">
      <c r="A1431" s="5" t="s">
        <v>1723</v>
      </c>
      <c r="B1431" s="5" t="e"/>
      <c r="C1431" s="5" t="e"/>
      <c r="D1431" s="5" t="e"/>
      <c r="E1431" s="5" t="e"/>
    </row>
    <row r="1432" ht="11" customHeight="true" s="1" customFormat="true" hidden="true" collapsed="true" outlineLevel="2">
      <c r="A1432" s="5" t="s">
        <v>1724</v>
      </c>
      <c r="B1432" s="5" t="e"/>
      <c r="C1432" s="5" t="e"/>
      <c r="D1432" s="5" t="e"/>
      <c r="E1432" s="5" t="e"/>
    </row>
    <row r="1433" ht="33" customHeight="true" s="1" customFormat="true" hidden="true" collapsed="true" outlineLevel="3">
      <c r="A1433" s="6" t="s">
        <v>1725</v>
      </c>
      <c r="B1433" s="6" t="s">
        <v>114</v>
      </c>
      <c r="C1433" s="6" t="s">
        <v>72</v>
      </c>
      <c r="D1433" s="6" t="s">
        <v>40</v>
      </c>
      <c r="E1433" s="6" t="e"/>
    </row>
    <row r="1434" ht="11" customHeight="true" s="1" customFormat="true" hidden="true" collapsed="true" outlineLevel="2">
      <c r="A1434" s="5" t="s">
        <v>1726</v>
      </c>
      <c r="B1434" s="5" t="e"/>
      <c r="C1434" s="5" t="e"/>
      <c r="D1434" s="5" t="e"/>
      <c r="E1434" s="5" t="e"/>
    </row>
    <row r="1435" ht="22" customHeight="true" s="1" customFormat="true" hidden="true" collapsed="true" outlineLevel="3">
      <c r="A1435" s="6" t="s">
        <v>1727</v>
      </c>
      <c r="B1435" s="6" t="e"/>
      <c r="C1435" s="6" t="s">
        <v>1728</v>
      </c>
      <c r="D1435" s="6" t="s">
        <v>11</v>
      </c>
      <c r="E1435" s="6" t="e"/>
    </row>
    <row r="1436" ht="11" customHeight="true" s="1" customFormat="true" hidden="true" collapsed="true" outlineLevel="2">
      <c r="A1436" s="5" t="s">
        <v>1729</v>
      </c>
      <c r="B1436" s="5" t="e"/>
      <c r="C1436" s="5" t="e"/>
      <c r="D1436" s="5" t="e"/>
      <c r="E1436" s="5" t="e"/>
    </row>
    <row r="1437" ht="33" customHeight="true" s="1" customFormat="true" hidden="true" collapsed="true" outlineLevel="3">
      <c r="A1437" s="6" t="s">
        <v>1730</v>
      </c>
      <c r="B1437" s="6" t="e"/>
      <c r="C1437" s="6" t="s">
        <v>1706</v>
      </c>
      <c r="D1437" s="6" t="s">
        <v>11</v>
      </c>
      <c r="E1437" s="6" t="e"/>
    </row>
    <row r="1438" ht="11" customHeight="true" s="1" customFormat="true" hidden="true" collapsed="true" outlineLevel="2">
      <c r="A1438" s="5" t="s">
        <v>1731</v>
      </c>
      <c r="B1438" s="5" t="e"/>
      <c r="C1438" s="5" t="e"/>
      <c r="D1438" s="5" t="e"/>
      <c r="E1438" s="5" t="e"/>
    </row>
    <row r="1439" ht="22" customHeight="true" s="1" customFormat="true" hidden="true" outlineLevel="3">
      <c r="A1439" s="6" t="s">
        <v>1732</v>
      </c>
      <c r="B1439" s="6" t="s">
        <v>343</v>
      </c>
      <c r="C1439" s="6" t="s">
        <v>21</v>
      </c>
      <c r="D1439" s="6" t="s">
        <v>40</v>
      </c>
      <c r="E1439" s="6" t="e"/>
    </row>
    <row r="1440" ht="44" customHeight="true" s="1" customFormat="true" hidden="true" outlineLevel="3">
      <c r="A1440" s="6" t="s">
        <v>1733</v>
      </c>
      <c r="B1440" s="6" t="s">
        <v>364</v>
      </c>
      <c r="C1440" s="6" t="s">
        <v>62</v>
      </c>
      <c r="D1440" s="6" t="s">
        <v>57</v>
      </c>
      <c r="E1440" s="6" t="e"/>
    </row>
    <row r="1441" ht="44" customHeight="true" s="1" customFormat="true" hidden="true" outlineLevel="3">
      <c r="A1441" s="6" t="s">
        <v>1734</v>
      </c>
      <c r="B1441" s="6" t="s">
        <v>388</v>
      </c>
      <c r="C1441" s="6" t="s">
        <v>230</v>
      </c>
      <c r="D1441" s="6" t="s">
        <v>26</v>
      </c>
      <c r="E1441" s="6" t="e"/>
    </row>
    <row r="1442" ht="44" customHeight="true" s="1" customFormat="true" hidden="true" outlineLevel="3">
      <c r="A1442" s="6" t="s">
        <v>1735</v>
      </c>
      <c r="B1442" s="6" t="s">
        <v>1152</v>
      </c>
      <c r="C1442" s="6" t="s">
        <v>21</v>
      </c>
      <c r="D1442" s="6" t="s">
        <v>11</v>
      </c>
      <c r="E1442" s="6" t="e"/>
    </row>
    <row r="1443" ht="44" customHeight="true" s="1" customFormat="true" hidden="true" outlineLevel="3">
      <c r="A1443" s="6" t="s">
        <v>1736</v>
      </c>
      <c r="B1443" s="6" t="s">
        <v>364</v>
      </c>
      <c r="C1443" s="6" t="s">
        <v>62</v>
      </c>
      <c r="D1443" s="6" t="s">
        <v>11</v>
      </c>
      <c r="E1443" s="6" t="e"/>
    </row>
    <row r="1444" ht="44" customHeight="true" s="1" customFormat="true" hidden="true" outlineLevel="3">
      <c r="A1444" s="6" t="s">
        <v>1737</v>
      </c>
      <c r="B1444" s="6" t="s">
        <v>103</v>
      </c>
      <c r="C1444" s="6" t="s">
        <v>72</v>
      </c>
      <c r="D1444" s="6" t="s">
        <v>15</v>
      </c>
      <c r="E1444" s="6" t="e"/>
    </row>
    <row r="1445" ht="44" customHeight="true" s="1" customFormat="true" hidden="true" outlineLevel="3">
      <c r="A1445" s="6" t="s">
        <v>1738</v>
      </c>
      <c r="B1445" s="6" t="s">
        <v>403</v>
      </c>
      <c r="C1445" s="6" t="s">
        <v>72</v>
      </c>
      <c r="D1445" s="6" t="s">
        <v>26</v>
      </c>
      <c r="E1445" s="6" t="e"/>
    </row>
    <row r="1446" ht="44" customHeight="true" s="1" customFormat="true" hidden="true" outlineLevel="3">
      <c r="A1446" s="6" t="s">
        <v>1739</v>
      </c>
      <c r="B1446" s="6" t="s">
        <v>1740</v>
      </c>
      <c r="C1446" s="6" t="s">
        <v>62</v>
      </c>
      <c r="D1446" s="6" t="s">
        <v>40</v>
      </c>
      <c r="E1446" s="6" t="e"/>
    </row>
    <row r="1447" ht="56" customHeight="true" s="1" customFormat="true" hidden="true" outlineLevel="3">
      <c r="A1447" s="6" t="s">
        <v>1741</v>
      </c>
      <c r="B1447" s="6" t="s">
        <v>364</v>
      </c>
      <c r="C1447" s="6" t="s">
        <v>51</v>
      </c>
      <c r="D1447" s="6" t="s">
        <v>40</v>
      </c>
      <c r="E1447" s="6" t="e"/>
    </row>
    <row r="1448" ht="56" customHeight="true" s="1" customFormat="true" hidden="true" outlineLevel="3">
      <c r="A1448" s="6" t="s">
        <v>1742</v>
      </c>
      <c r="B1448" s="6" t="s">
        <v>103</v>
      </c>
      <c r="C1448" s="6" t="s">
        <v>72</v>
      </c>
      <c r="D1448" s="6" t="s">
        <v>184</v>
      </c>
      <c r="E1448" s="6" t="e"/>
    </row>
    <row r="1449" ht="56" customHeight="true" s="1" customFormat="true" hidden="true" outlineLevel="3">
      <c r="A1449" s="6" t="s">
        <v>1743</v>
      </c>
      <c r="B1449" s="6" t="s">
        <v>114</v>
      </c>
      <c r="C1449" s="6" t="s">
        <v>51</v>
      </c>
      <c r="D1449" s="6" t="s">
        <v>123</v>
      </c>
      <c r="E1449" s="6" t="e"/>
    </row>
    <row r="1450" ht="56" customHeight="true" s="1" customFormat="true" hidden="true" outlineLevel="3">
      <c r="A1450" s="6" t="s">
        <v>1744</v>
      </c>
      <c r="B1450" s="6" t="s">
        <v>403</v>
      </c>
      <c r="C1450" s="6" t="s">
        <v>51</v>
      </c>
      <c r="D1450" s="6" t="s">
        <v>40</v>
      </c>
      <c r="E1450" s="6" t="e"/>
    </row>
    <row r="1451" ht="44" customHeight="true" s="1" customFormat="true" hidden="true" outlineLevel="3">
      <c r="A1451" s="6" t="s">
        <v>1745</v>
      </c>
      <c r="B1451" s="6" t="s">
        <v>364</v>
      </c>
      <c r="C1451" s="6" t="s">
        <v>62</v>
      </c>
      <c r="D1451" s="6" t="s">
        <v>15</v>
      </c>
      <c r="E1451" s="6" t="e"/>
    </row>
    <row r="1452" ht="44" customHeight="true" s="1" customFormat="true" hidden="true" outlineLevel="3">
      <c r="A1452" s="6" t="s">
        <v>1746</v>
      </c>
      <c r="B1452" s="6" t="s">
        <v>364</v>
      </c>
      <c r="C1452" s="6" t="s">
        <v>62</v>
      </c>
      <c r="D1452" s="6" t="s">
        <v>15</v>
      </c>
      <c r="E1452" s="6" t="e"/>
    </row>
    <row r="1453" ht="44" customHeight="true" s="1" customFormat="true" hidden="true" outlineLevel="3">
      <c r="A1453" s="6" t="s">
        <v>1747</v>
      </c>
      <c r="B1453" s="6" t="s">
        <v>219</v>
      </c>
      <c r="C1453" s="6" t="s">
        <v>62</v>
      </c>
      <c r="D1453" s="6" t="s">
        <v>40</v>
      </c>
      <c r="E1453" s="6" t="e"/>
    </row>
    <row r="1454" ht="56" customHeight="true" s="1" customFormat="true" hidden="true" outlineLevel="3">
      <c r="A1454" s="6" t="s">
        <v>1748</v>
      </c>
      <c r="B1454" s="6" t="s">
        <v>155</v>
      </c>
      <c r="C1454" s="6" t="s">
        <v>72</v>
      </c>
      <c r="D1454" s="6" t="s">
        <v>40</v>
      </c>
      <c r="E1454" s="6" t="e"/>
    </row>
    <row r="1455" ht="67" customHeight="true" s="1" customFormat="true" hidden="true" outlineLevel="3">
      <c r="A1455" s="6" t="s">
        <v>1749</v>
      </c>
      <c r="B1455" s="6" t="s">
        <v>364</v>
      </c>
      <c r="C1455" s="6" t="s">
        <v>51</v>
      </c>
      <c r="D1455" s="6" t="s">
        <v>57</v>
      </c>
      <c r="E1455" s="6" t="e"/>
    </row>
    <row r="1456" ht="56" customHeight="true" s="1" customFormat="true" hidden="true" outlineLevel="3">
      <c r="A1456" s="6" t="s">
        <v>1750</v>
      </c>
      <c r="B1456" s="6" t="s">
        <v>155</v>
      </c>
      <c r="C1456" s="6" t="s">
        <v>72</v>
      </c>
      <c r="D1456" s="6" t="s">
        <v>26</v>
      </c>
      <c r="E1456" s="6" t="e"/>
    </row>
    <row r="1457" ht="44" customHeight="true" s="1" customFormat="true" hidden="true" outlineLevel="3">
      <c r="A1457" s="6" t="s">
        <v>1751</v>
      </c>
      <c r="B1457" s="6" t="s">
        <v>122</v>
      </c>
      <c r="C1457" s="6" t="s">
        <v>51</v>
      </c>
      <c r="D1457" s="6" t="s">
        <v>184</v>
      </c>
      <c r="E1457" s="6" t="e"/>
    </row>
    <row r="1458" ht="67" customHeight="true" s="1" customFormat="true" hidden="true" outlineLevel="3">
      <c r="A1458" s="6" t="s">
        <v>1752</v>
      </c>
      <c r="B1458" s="6" t="s">
        <v>122</v>
      </c>
      <c r="C1458" s="6" t="s">
        <v>51</v>
      </c>
      <c r="D1458" s="6" t="s">
        <v>11</v>
      </c>
      <c r="E1458" s="6" t="e"/>
    </row>
    <row r="1459" ht="67" customHeight="true" s="1" customFormat="true" hidden="true" outlineLevel="3">
      <c r="A1459" s="6" t="s">
        <v>1753</v>
      </c>
      <c r="B1459" s="6" t="s">
        <v>142</v>
      </c>
      <c r="C1459" s="6" t="s">
        <v>51</v>
      </c>
      <c r="D1459" s="6" t="s">
        <v>40</v>
      </c>
      <c r="E1459" s="6" t="e"/>
    </row>
    <row r="1460" ht="56" customHeight="true" s="1" customFormat="true" hidden="true" outlineLevel="3">
      <c r="A1460" s="6" t="s">
        <v>1754</v>
      </c>
      <c r="B1460" s="6" t="s">
        <v>188</v>
      </c>
      <c r="C1460" s="6" t="s">
        <v>72</v>
      </c>
      <c r="D1460" s="6" t="s">
        <v>40</v>
      </c>
      <c r="E1460" s="6" t="e"/>
    </row>
    <row r="1461" ht="67" customHeight="true" s="1" customFormat="true" hidden="true" outlineLevel="3">
      <c r="A1461" s="6" t="s">
        <v>1755</v>
      </c>
      <c r="B1461" s="6" t="s">
        <v>103</v>
      </c>
      <c r="C1461" s="6" t="s">
        <v>72</v>
      </c>
      <c r="D1461" s="6" t="s">
        <v>40</v>
      </c>
      <c r="E1461" s="6" t="e"/>
    </row>
    <row r="1462" ht="78" customHeight="true" s="1" customFormat="true" hidden="true" outlineLevel="3">
      <c r="A1462" s="6" t="s">
        <v>1756</v>
      </c>
      <c r="B1462" s="6" t="s">
        <v>188</v>
      </c>
      <c r="C1462" s="6" t="s">
        <v>72</v>
      </c>
      <c r="D1462" s="6" t="s">
        <v>26</v>
      </c>
      <c r="E1462" s="6" t="e"/>
    </row>
    <row r="1463" ht="44" customHeight="true" s="1" customFormat="true" hidden="true" outlineLevel="3">
      <c r="A1463" s="6" t="s">
        <v>1757</v>
      </c>
      <c r="B1463" s="6" t="s">
        <v>364</v>
      </c>
      <c r="C1463" s="6" t="s">
        <v>51</v>
      </c>
      <c r="D1463" s="6" t="s">
        <v>11</v>
      </c>
      <c r="E1463" s="6" t="e"/>
    </row>
    <row r="1464" ht="44" customHeight="true" s="1" customFormat="true" hidden="true" outlineLevel="3">
      <c r="A1464" s="6" t="s">
        <v>1758</v>
      </c>
      <c r="B1464" s="6" t="s">
        <v>103</v>
      </c>
      <c r="C1464" s="6" t="s">
        <v>72</v>
      </c>
      <c r="D1464" s="6" t="s">
        <v>15</v>
      </c>
      <c r="E1464" s="6" t="e"/>
    </row>
    <row r="1465" ht="44" customHeight="true" s="1" customFormat="true" hidden="true" outlineLevel="3">
      <c r="A1465" s="6" t="s">
        <v>1759</v>
      </c>
      <c r="B1465" s="6" t="s">
        <v>350</v>
      </c>
      <c r="C1465" s="6" t="s">
        <v>62</v>
      </c>
      <c r="D1465" s="6" t="s">
        <v>11</v>
      </c>
      <c r="E1465" s="6" t="e"/>
    </row>
    <row r="1466" ht="56" customHeight="true" s="1" customFormat="true" hidden="true" outlineLevel="3">
      <c r="A1466" s="6" t="s">
        <v>1760</v>
      </c>
      <c r="B1466" s="6" t="s">
        <v>122</v>
      </c>
      <c r="C1466" s="6" t="s">
        <v>62</v>
      </c>
      <c r="D1466" s="6" t="s">
        <v>26</v>
      </c>
      <c r="E1466" s="6" t="e"/>
    </row>
    <row r="1467" ht="56" customHeight="true" s="1" customFormat="true" hidden="true" outlineLevel="3">
      <c r="A1467" s="6" t="s">
        <v>1761</v>
      </c>
      <c r="B1467" s="6" t="s">
        <v>364</v>
      </c>
      <c r="C1467" s="6" t="s">
        <v>62</v>
      </c>
      <c r="D1467" s="6" t="s">
        <v>26</v>
      </c>
      <c r="E1467" s="6" t="e"/>
    </row>
    <row r="1468" ht="33" customHeight="true" s="1" customFormat="true" hidden="true" collapsed="true" outlineLevel="3">
      <c r="A1468" s="6" t="s">
        <v>1762</v>
      </c>
      <c r="B1468" s="6" t="s">
        <v>364</v>
      </c>
      <c r="C1468" s="6" t="s">
        <v>62</v>
      </c>
      <c r="D1468" s="6" t="s">
        <v>26</v>
      </c>
      <c r="E1468" s="6" t="e"/>
    </row>
    <row r="1469" ht="11" customHeight="true" s="1" customFormat="true" hidden="true" collapsed="true" outlineLevel="2">
      <c r="A1469" s="5" t="s">
        <v>1763</v>
      </c>
      <c r="B1469" s="5" t="e"/>
      <c r="C1469" s="5" t="e"/>
      <c r="D1469" s="5" t="e"/>
      <c r="E1469" s="5" t="e"/>
    </row>
    <row r="1470" ht="44" customHeight="true" s="1" customFormat="true" hidden="true" outlineLevel="3">
      <c r="A1470" s="6" t="s">
        <v>1764</v>
      </c>
      <c r="B1470" s="6" t="s">
        <v>1765</v>
      </c>
      <c r="C1470" s="6" t="s">
        <v>1766</v>
      </c>
      <c r="D1470" s="6" t="s">
        <v>11</v>
      </c>
      <c r="E1470" s="6" t="e"/>
    </row>
    <row r="1471" ht="33" customHeight="true" s="1" customFormat="true" hidden="true" outlineLevel="3">
      <c r="A1471" s="6" t="s">
        <v>1767</v>
      </c>
      <c r="B1471" s="6" t="s">
        <v>1181</v>
      </c>
      <c r="C1471" s="6" t="s">
        <v>325</v>
      </c>
      <c r="D1471" s="6" t="s">
        <v>123</v>
      </c>
      <c r="E1471" s="6" t="e"/>
    </row>
    <row r="1472" ht="56" customHeight="true" s="1" customFormat="true" hidden="true" outlineLevel="3">
      <c r="A1472" s="6" t="s">
        <v>1768</v>
      </c>
      <c r="B1472" s="6" t="s">
        <v>1769</v>
      </c>
      <c r="C1472" s="6" t="s">
        <v>1770</v>
      </c>
      <c r="D1472" s="6" t="s">
        <v>11</v>
      </c>
      <c r="E1472" s="6" t="e"/>
    </row>
    <row r="1473" ht="33" customHeight="true" s="1" customFormat="true" hidden="true" outlineLevel="3">
      <c r="A1473" s="6" t="s">
        <v>1771</v>
      </c>
      <c r="B1473" s="6" t="s">
        <v>939</v>
      </c>
      <c r="C1473" s="6" t="s">
        <v>279</v>
      </c>
      <c r="D1473" s="6" t="s">
        <v>57</v>
      </c>
      <c r="E1473" s="6" t="e"/>
    </row>
    <row r="1474" ht="22" customHeight="true" s="1" customFormat="true" hidden="true" outlineLevel="3">
      <c r="A1474" s="6" t="s">
        <v>1772</v>
      </c>
      <c r="B1474" s="6" t="s">
        <v>13</v>
      </c>
      <c r="C1474" s="6" t="s">
        <v>430</v>
      </c>
      <c r="D1474" s="6" t="s">
        <v>11</v>
      </c>
      <c r="E1474" s="6" t="e"/>
    </row>
    <row r="1475" ht="11" customHeight="true" s="1" customFormat="true" hidden="true" outlineLevel="3">
      <c r="A1475" s="6" t="s">
        <v>1773</v>
      </c>
      <c r="B1475" s="6" t="s">
        <v>73</v>
      </c>
      <c r="C1475" s="6" t="s">
        <v>83</v>
      </c>
      <c r="D1475" s="6" t="s">
        <v>15</v>
      </c>
      <c r="E1475" s="6" t="e"/>
    </row>
    <row r="1476" ht="22" customHeight="true" s="1" customFormat="true" hidden="true" outlineLevel="3">
      <c r="A1476" s="6" t="s">
        <v>1774</v>
      </c>
      <c r="B1476" s="6" t="s">
        <v>939</v>
      </c>
      <c r="C1476" s="6" t="s">
        <v>10</v>
      </c>
      <c r="D1476" s="6" t="s">
        <v>11</v>
      </c>
      <c r="E1476" s="6" t="e"/>
    </row>
    <row r="1477" ht="33" customHeight="true" s="1" customFormat="true" hidden="true" collapsed="true" outlineLevel="3">
      <c r="A1477" s="6" t="s">
        <v>1775</v>
      </c>
      <c r="B1477" s="6" t="s">
        <v>939</v>
      </c>
      <c r="C1477" s="6" t="s">
        <v>10</v>
      </c>
      <c r="D1477" s="6" t="s">
        <v>26</v>
      </c>
      <c r="E1477" s="6" t="e"/>
    </row>
    <row r="1478" ht="11" customHeight="true" s="1" customFormat="true" hidden="true" collapsed="true" outlineLevel="2">
      <c r="A1478" s="5" t="s">
        <v>1776</v>
      </c>
      <c r="B1478" s="5" t="e"/>
      <c r="C1478" s="5" t="e"/>
      <c r="D1478" s="5" t="e"/>
      <c r="E1478" s="5" t="e"/>
    </row>
    <row r="1479" ht="11" customHeight="true" s="1" customFormat="true" hidden="true" outlineLevel="3">
      <c r="A1479" s="6" t="s">
        <v>1777</v>
      </c>
      <c r="B1479" s="6" t="s">
        <v>55</v>
      </c>
      <c r="C1479" s="6" t="s">
        <v>62</v>
      </c>
      <c r="D1479" s="6" t="s">
        <v>26</v>
      </c>
      <c r="E1479" s="6" t="e"/>
    </row>
    <row r="1480" ht="11" customHeight="true" s="1" customFormat="true" hidden="true" collapsed="true" outlineLevel="3">
      <c r="A1480" s="6" t="s">
        <v>1778</v>
      </c>
      <c r="B1480" s="6" t="s">
        <v>172</v>
      </c>
      <c r="C1480" s="6" t="s">
        <v>103</v>
      </c>
      <c r="D1480" s="6" t="s">
        <v>11</v>
      </c>
      <c r="E1480" s="6" t="e"/>
    </row>
    <row r="1481" ht="11" customHeight="true" s="1" customFormat="true" hidden="true" collapsed="true" outlineLevel="2">
      <c r="A1481" s="5" t="s">
        <v>1779</v>
      </c>
      <c r="B1481" s="5" t="e"/>
      <c r="C1481" s="5" t="e"/>
      <c r="D1481" s="5" t="e"/>
      <c r="E1481" s="5" t="e"/>
    </row>
    <row r="1482" ht="44" customHeight="true" s="1" customFormat="true" hidden="true" collapsed="true" outlineLevel="3">
      <c r="A1482" s="6" t="s">
        <v>1780</v>
      </c>
      <c r="B1482" s="6" t="s">
        <v>1187</v>
      </c>
      <c r="C1482" s="6" t="s">
        <v>272</v>
      </c>
      <c r="D1482" s="6" t="s">
        <v>184</v>
      </c>
      <c r="E1482" s="6" t="e"/>
    </row>
    <row r="1483" ht="11" customHeight="true" s="1" customFormat="true" hidden="true" collapsed="true" outlineLevel="2">
      <c r="A1483" s="5" t="s">
        <v>1781</v>
      </c>
      <c r="B1483" s="5" t="e"/>
      <c r="C1483" s="5" t="e"/>
      <c r="D1483" s="5" t="e"/>
      <c r="E1483" s="5" t="e"/>
    </row>
    <row r="1484" ht="22" customHeight="true" s="1" customFormat="true" hidden="true" outlineLevel="3">
      <c r="A1484" s="6" t="s">
        <v>1782</v>
      </c>
      <c r="B1484" s="6" t="s">
        <v>129</v>
      </c>
      <c r="C1484" s="6" t="s">
        <v>72</v>
      </c>
      <c r="D1484" s="6" t="s">
        <v>57</v>
      </c>
      <c r="E1484" s="6" t="e"/>
    </row>
    <row r="1485" ht="22" customHeight="true" s="1" customFormat="true" hidden="true" outlineLevel="3">
      <c r="A1485" s="6" t="s">
        <v>1783</v>
      </c>
      <c r="B1485" s="6" t="s">
        <v>219</v>
      </c>
      <c r="C1485" s="6" t="s">
        <v>51</v>
      </c>
      <c r="D1485" s="6" t="s">
        <v>11</v>
      </c>
      <c r="E1485" s="6" t="e"/>
    </row>
    <row r="1486" ht="22" customHeight="true" s="1" customFormat="true" hidden="true" outlineLevel="3">
      <c r="A1486" s="6" t="s">
        <v>1784</v>
      </c>
      <c r="B1486" s="6" t="s">
        <v>33</v>
      </c>
      <c r="C1486" s="6" t="s">
        <v>274</v>
      </c>
      <c r="D1486" s="6" t="s">
        <v>15</v>
      </c>
      <c r="E1486" s="6" t="e"/>
    </row>
    <row r="1487" ht="11" customHeight="true" collapsed="true" outlineLevel="1">
      <c r="A1487" s="5" t="s">
        <v>1785</v>
      </c>
      <c r="B1487" s="5" t="e"/>
      <c r="C1487" s="5" t="e"/>
      <c r="D1487" s="5" t="e"/>
      <c r="E1487" s="5" t="e"/>
    </row>
    <row r="1488" ht="11" customHeight="true" s="1" customFormat="true" hidden="true" collapsed="true" outlineLevel="2">
      <c r="A1488" s="5" t="s">
        <v>1786</v>
      </c>
      <c r="B1488" s="5" t="e"/>
      <c r="C1488" s="5" t="e"/>
      <c r="D1488" s="5" t="e"/>
      <c r="E1488" s="5" t="e"/>
    </row>
    <row r="1489" ht="22" customHeight="true" s="1" customFormat="true" hidden="true" outlineLevel="3">
      <c r="A1489" s="6" t="s">
        <v>1787</v>
      </c>
      <c r="B1489" s="6" t="s">
        <v>149</v>
      </c>
      <c r="C1489" s="6" t="s">
        <v>50</v>
      </c>
      <c r="D1489" s="6" t="s">
        <v>123</v>
      </c>
      <c r="E1489" s="6" t="e"/>
    </row>
    <row r="1490" ht="22" customHeight="true" s="1" customFormat="true" hidden="true" outlineLevel="3">
      <c r="A1490" s="6" t="s">
        <v>1788</v>
      </c>
      <c r="B1490" s="6" t="s">
        <v>149</v>
      </c>
      <c r="C1490" s="6" t="s">
        <v>50</v>
      </c>
      <c r="D1490" s="6" t="s">
        <v>11</v>
      </c>
      <c r="E1490" s="6" t="e"/>
    </row>
    <row r="1491" ht="33" customHeight="true" s="1" customFormat="true" hidden="true" outlineLevel="3">
      <c r="A1491" s="6" t="s">
        <v>1789</v>
      </c>
      <c r="B1491" s="6" t="s">
        <v>149</v>
      </c>
      <c r="C1491" s="6" t="s">
        <v>219</v>
      </c>
      <c r="D1491" s="6" t="s">
        <v>26</v>
      </c>
      <c r="E1491" s="6" t="e"/>
    </row>
    <row r="1492" ht="33" customHeight="true" s="1" customFormat="true" hidden="true" outlineLevel="3">
      <c r="A1492" s="6" t="s">
        <v>1790</v>
      </c>
      <c r="B1492" s="6" t="s">
        <v>283</v>
      </c>
      <c r="C1492" s="6" t="s">
        <v>219</v>
      </c>
      <c r="D1492" s="6" t="s">
        <v>11</v>
      </c>
      <c r="E1492" s="6" t="e"/>
    </row>
    <row r="1493" ht="22" customHeight="true" s="1" customFormat="true" hidden="true" outlineLevel="3">
      <c r="A1493" s="6" t="s">
        <v>1791</v>
      </c>
      <c r="B1493" s="6" t="s">
        <v>149</v>
      </c>
      <c r="C1493" s="6" t="s">
        <v>219</v>
      </c>
      <c r="D1493" s="6" t="s">
        <v>26</v>
      </c>
      <c r="E1493" s="6" t="e"/>
    </row>
    <row r="1494" ht="22" customHeight="true" s="1" customFormat="true" hidden="true" outlineLevel="3">
      <c r="A1494" s="6" t="s">
        <v>1792</v>
      </c>
      <c r="B1494" s="6" t="s">
        <v>149</v>
      </c>
      <c r="C1494" s="6" t="s">
        <v>219</v>
      </c>
      <c r="D1494" s="6" t="s">
        <v>11</v>
      </c>
      <c r="E1494" s="6" t="e"/>
    </row>
    <row r="1495" ht="22" customHeight="true" s="1" customFormat="true" hidden="true" outlineLevel="3">
      <c r="A1495" s="6" t="s">
        <v>1793</v>
      </c>
      <c r="B1495" s="6" t="s">
        <v>141</v>
      </c>
      <c r="C1495" s="6" t="s">
        <v>219</v>
      </c>
      <c r="D1495" s="6" t="s">
        <v>40</v>
      </c>
      <c r="E1495" s="6" t="e"/>
    </row>
    <row r="1496" ht="22" customHeight="true" s="1" customFormat="true" hidden="true" outlineLevel="3">
      <c r="A1496" s="6" t="s">
        <v>1794</v>
      </c>
      <c r="B1496" s="6" t="s">
        <v>149</v>
      </c>
      <c r="C1496" s="6" t="s">
        <v>50</v>
      </c>
      <c r="D1496" s="6" t="s">
        <v>40</v>
      </c>
      <c r="E1496" s="6" t="e"/>
    </row>
    <row r="1497" ht="22" customHeight="true" s="1" customFormat="true" hidden="true" collapsed="true" outlineLevel="3">
      <c r="A1497" s="6" t="s">
        <v>1795</v>
      </c>
      <c r="B1497" s="6" t="s">
        <v>149</v>
      </c>
      <c r="C1497" s="6" t="s">
        <v>219</v>
      </c>
      <c r="D1497" s="6" t="s">
        <v>57</v>
      </c>
      <c r="E1497" s="6" t="e"/>
    </row>
    <row r="1498" ht="11" customHeight="true" s="1" customFormat="true" hidden="true" collapsed="true" outlineLevel="2">
      <c r="A1498" s="5" t="s">
        <v>1796</v>
      </c>
      <c r="B1498" s="5" t="e"/>
      <c r="C1498" s="5" t="e"/>
      <c r="D1498" s="5" t="e"/>
      <c r="E1498" s="5" t="e"/>
    </row>
    <row r="1499" ht="22" customHeight="true" s="1" customFormat="true" hidden="true" outlineLevel="3">
      <c r="A1499" s="6" t="s">
        <v>1797</v>
      </c>
      <c r="B1499" s="6" t="s">
        <v>532</v>
      </c>
      <c r="C1499" s="6" t="s">
        <v>99</v>
      </c>
      <c r="D1499" s="6" t="s">
        <v>11</v>
      </c>
      <c r="E1499" s="6" t="e"/>
    </row>
    <row r="1500" ht="33" customHeight="true" s="1" customFormat="true" hidden="true" collapsed="true" outlineLevel="3">
      <c r="A1500" s="6" t="s">
        <v>1798</v>
      </c>
      <c r="B1500" s="6" t="s">
        <v>290</v>
      </c>
      <c r="C1500" s="6" t="s">
        <v>14</v>
      </c>
      <c r="D1500" s="6" t="s">
        <v>57</v>
      </c>
      <c r="E1500" s="6" t="e"/>
    </row>
    <row r="1501" ht="11" customHeight="true" s="1" customFormat="true" hidden="true" collapsed="true" outlineLevel="2">
      <c r="A1501" s="5" t="s">
        <v>1799</v>
      </c>
      <c r="B1501" s="5" t="e"/>
      <c r="C1501" s="5" t="e"/>
      <c r="D1501" s="5" t="e"/>
      <c r="E1501" s="5" t="e"/>
    </row>
    <row r="1502" ht="22" customHeight="true" s="1" customFormat="true" hidden="true" outlineLevel="3">
      <c r="A1502" s="6" t="s">
        <v>1800</v>
      </c>
      <c r="B1502" s="6" t="s">
        <v>172</v>
      </c>
      <c r="C1502" s="6" t="s">
        <v>103</v>
      </c>
      <c r="D1502" s="6" t="s">
        <v>11</v>
      </c>
      <c r="E1502" s="6" t="e"/>
    </row>
    <row r="1503" ht="22" customHeight="true" s="1" customFormat="true" hidden="true" outlineLevel="3">
      <c r="A1503" s="6" t="s">
        <v>1801</v>
      </c>
      <c r="B1503" s="6" t="s">
        <v>302</v>
      </c>
      <c r="C1503" s="6" t="s">
        <v>103</v>
      </c>
      <c r="D1503" s="6" t="s">
        <v>40</v>
      </c>
      <c r="E1503" s="6" t="e"/>
    </row>
    <row r="1504" ht="22" customHeight="true" s="1" customFormat="true" hidden="true" outlineLevel="3">
      <c r="A1504" s="6" t="s">
        <v>1802</v>
      </c>
      <c r="B1504" s="6" t="s">
        <v>302</v>
      </c>
      <c r="C1504" s="6" t="s">
        <v>103</v>
      </c>
      <c r="D1504" s="6" t="s">
        <v>11</v>
      </c>
      <c r="E1504" s="6" t="e"/>
    </row>
    <row r="1505" ht="22" customHeight="true" s="1" customFormat="true" hidden="true" outlineLevel="3">
      <c r="A1505" s="6" t="s">
        <v>1803</v>
      </c>
      <c r="B1505" s="6" t="s">
        <v>302</v>
      </c>
      <c r="C1505" s="6" t="s">
        <v>103</v>
      </c>
      <c r="D1505" s="6" t="s">
        <v>123</v>
      </c>
      <c r="E1505" s="6" t="e"/>
    </row>
    <row r="1506" ht="22" customHeight="true" s="1" customFormat="true" hidden="true" outlineLevel="3">
      <c r="A1506" s="6" t="s">
        <v>1804</v>
      </c>
      <c r="B1506" s="6" t="s">
        <v>302</v>
      </c>
      <c r="C1506" s="6" t="s">
        <v>103</v>
      </c>
      <c r="D1506" s="6" t="s">
        <v>15</v>
      </c>
      <c r="E1506" s="6" t="e"/>
    </row>
    <row r="1507" ht="22" customHeight="true" s="1" customFormat="true" hidden="true" outlineLevel="3">
      <c r="A1507" s="6" t="s">
        <v>1805</v>
      </c>
      <c r="B1507" s="6" t="s">
        <v>141</v>
      </c>
      <c r="C1507" s="6" t="s">
        <v>142</v>
      </c>
      <c r="D1507" s="6" t="s">
        <v>11</v>
      </c>
      <c r="E1507" s="6" t="e"/>
    </row>
    <row r="1508" ht="22" customHeight="true" s="1" customFormat="true" hidden="true" outlineLevel="3">
      <c r="A1508" s="6" t="s">
        <v>1806</v>
      </c>
      <c r="B1508" s="6" t="s">
        <v>302</v>
      </c>
      <c r="C1508" s="6" t="s">
        <v>103</v>
      </c>
      <c r="D1508" s="6" t="s">
        <v>57</v>
      </c>
      <c r="E1508" s="6" t="e"/>
    </row>
    <row r="1509" ht="22" customHeight="true" s="1" customFormat="true" hidden="true" collapsed="true" outlineLevel="3">
      <c r="A1509" s="6" t="s">
        <v>1807</v>
      </c>
      <c r="B1509" s="6" t="s">
        <v>302</v>
      </c>
      <c r="C1509" s="6" t="s">
        <v>103</v>
      </c>
      <c r="D1509" s="6" t="s">
        <v>11</v>
      </c>
      <c r="E1509" s="6" t="e"/>
    </row>
    <row r="1510" ht="11" customHeight="true" s="1" customFormat="true" hidden="true" collapsed="true" outlineLevel="2">
      <c r="A1510" s="5" t="s">
        <v>1808</v>
      </c>
      <c r="B1510" s="5" t="e"/>
      <c r="C1510" s="5" t="e"/>
      <c r="D1510" s="5" t="e"/>
      <c r="E1510" s="5" t="e"/>
    </row>
    <row r="1511" ht="33" customHeight="true" s="1" customFormat="true" hidden="true" collapsed="true" outlineLevel="3">
      <c r="A1511" s="6" t="s">
        <v>1809</v>
      </c>
      <c r="B1511" s="6" t="s">
        <v>62</v>
      </c>
      <c r="C1511" s="6" t="s">
        <v>80</v>
      </c>
      <c r="D1511" s="6" t="s">
        <v>11</v>
      </c>
      <c r="E1511" s="6" t="e"/>
    </row>
    <row r="1512" ht="11" customHeight="true" s="1" customFormat="true" hidden="true" collapsed="true" outlineLevel="2">
      <c r="A1512" s="5" t="s">
        <v>1810</v>
      </c>
      <c r="B1512" s="5" t="e"/>
      <c r="C1512" s="5" t="e"/>
      <c r="D1512" s="5" t="e"/>
      <c r="E1512" s="5" t="e"/>
    </row>
    <row r="1513" ht="22" customHeight="true" s="1" customFormat="true" hidden="true" outlineLevel="3">
      <c r="A1513" s="6" t="s">
        <v>1811</v>
      </c>
      <c r="B1513" s="6" t="s">
        <v>55</v>
      </c>
      <c r="C1513" s="6" t="s">
        <v>62</v>
      </c>
      <c r="D1513" s="6" t="s">
        <v>11</v>
      </c>
      <c r="E1513" s="6" t="e"/>
    </row>
    <row r="1514" ht="33" customHeight="true" s="1" customFormat="true" hidden="true" outlineLevel="3">
      <c r="A1514" s="6" t="s">
        <v>1812</v>
      </c>
      <c r="B1514" s="6" t="s">
        <v>1813</v>
      </c>
      <c r="C1514" s="6" t="s">
        <v>14</v>
      </c>
      <c r="D1514" s="6" t="s">
        <v>15</v>
      </c>
      <c r="E1514" s="6" t="e"/>
    </row>
    <row r="1515" ht="33" customHeight="true" s="1" customFormat="true" hidden="true" collapsed="true" outlineLevel="3">
      <c r="A1515" s="6" t="s">
        <v>1814</v>
      </c>
      <c r="B1515" s="6" t="s">
        <v>1815</v>
      </c>
      <c r="C1515" s="6" t="s">
        <v>430</v>
      </c>
      <c r="D1515" s="6" t="s">
        <v>11</v>
      </c>
      <c r="E1515" s="6" t="e"/>
    </row>
    <row r="1516" ht="11" customHeight="true" s="1" customFormat="true" hidden="true" collapsed="true" outlineLevel="2">
      <c r="A1516" s="5" t="s">
        <v>1816</v>
      </c>
      <c r="B1516" s="5" t="e"/>
      <c r="C1516" s="5" t="e"/>
      <c r="D1516" s="5" t="e"/>
      <c r="E1516" s="5" t="e"/>
    </row>
    <row r="1517" ht="22" customHeight="true" s="1" customFormat="true" hidden="true" outlineLevel="3">
      <c r="A1517" s="6" t="s">
        <v>1817</v>
      </c>
      <c r="B1517" s="6" t="s">
        <v>155</v>
      </c>
      <c r="C1517" s="6" t="s">
        <v>51</v>
      </c>
      <c r="D1517" s="6" t="s">
        <v>68</v>
      </c>
      <c r="E1517" s="6" t="e"/>
    </row>
    <row r="1518" ht="22" customHeight="true" s="1" customFormat="true" hidden="true" outlineLevel="3">
      <c r="A1518" s="6" t="s">
        <v>1818</v>
      </c>
      <c r="B1518" s="6" t="s">
        <v>103</v>
      </c>
      <c r="C1518" s="6" t="s">
        <v>72</v>
      </c>
      <c r="D1518" s="6" t="s">
        <v>11</v>
      </c>
      <c r="E1518" s="6" t="e"/>
    </row>
    <row r="1519" ht="22" customHeight="true" s="1" customFormat="true" hidden="true" outlineLevel="3">
      <c r="A1519" s="6" t="s">
        <v>1819</v>
      </c>
      <c r="B1519" s="6" t="s">
        <v>103</v>
      </c>
      <c r="C1519" s="6" t="s">
        <v>72</v>
      </c>
      <c r="D1519" s="6" t="s">
        <v>26</v>
      </c>
      <c r="E1519" s="6" t="e"/>
    </row>
    <row r="1520" ht="22" customHeight="true" s="1" customFormat="true" hidden="true" outlineLevel="3">
      <c r="A1520" s="6" t="s">
        <v>1820</v>
      </c>
      <c r="B1520" s="6" t="s">
        <v>103</v>
      </c>
      <c r="C1520" s="6" t="s">
        <v>72</v>
      </c>
      <c r="D1520" s="6" t="s">
        <v>40</v>
      </c>
      <c r="E1520" s="6" t="e"/>
    </row>
    <row r="1521" ht="22" customHeight="true" s="1" customFormat="true" hidden="true" outlineLevel="3">
      <c r="A1521" s="6" t="s">
        <v>1821</v>
      </c>
      <c r="B1521" s="6" t="s">
        <v>103</v>
      </c>
      <c r="C1521" s="6" t="s">
        <v>72</v>
      </c>
      <c r="D1521" s="6" t="s">
        <v>26</v>
      </c>
      <c r="E1521" s="6" t="e"/>
    </row>
    <row r="1522" ht="22" customHeight="true" s="1" customFormat="true" hidden="true" outlineLevel="3">
      <c r="A1522" s="6" t="s">
        <v>1822</v>
      </c>
      <c r="B1522" s="6" t="s">
        <v>103</v>
      </c>
      <c r="C1522" s="6" t="s">
        <v>72</v>
      </c>
      <c r="D1522" s="6" t="s">
        <v>26</v>
      </c>
      <c r="E1522" s="6" t="e"/>
    </row>
    <row r="1523" ht="33" customHeight="true" s="1" customFormat="true" hidden="true" outlineLevel="3">
      <c r="A1523" s="6" t="s">
        <v>1823</v>
      </c>
      <c r="B1523" s="6" t="s">
        <v>155</v>
      </c>
      <c r="C1523" s="6" t="s">
        <v>72</v>
      </c>
      <c r="D1523" s="6" t="s">
        <v>11</v>
      </c>
      <c r="E1523" s="6" t="e"/>
    </row>
    <row r="1524" ht="22" customHeight="true" s="1" customFormat="true" hidden="true" collapsed="true" outlineLevel="3">
      <c r="A1524" s="6" t="s">
        <v>1824</v>
      </c>
      <c r="B1524" s="6" t="s">
        <v>219</v>
      </c>
      <c r="C1524" s="6" t="s">
        <v>62</v>
      </c>
      <c r="D1524" s="6" t="s">
        <v>11</v>
      </c>
      <c r="E1524" s="6" t="e"/>
    </row>
    <row r="1525" ht="22" customHeight="true" s="1" customFormat="true" hidden="true" outlineLevel="2">
      <c r="A1525" s="6" t="s">
        <v>1825</v>
      </c>
      <c r="B1525" s="6" t="s">
        <v>127</v>
      </c>
      <c r="C1525" s="6" t="s">
        <v>73</v>
      </c>
      <c r="D1525" s="6" t="s">
        <v>11</v>
      </c>
      <c r="E1525" s="6" t="e"/>
    </row>
    <row r="1526" ht="11" customHeight="true" s="1" customFormat="true" hidden="true" collapsed="true" outlineLevel="2">
      <c r="A1526" s="5" t="s">
        <v>1826</v>
      </c>
      <c r="B1526" s="5" t="e"/>
      <c r="C1526" s="5" t="e"/>
      <c r="D1526" s="5" t="e"/>
      <c r="E1526" s="5" t="e"/>
    </row>
    <row r="1527" ht="33" customHeight="true" s="1" customFormat="true" hidden="true" outlineLevel="3">
      <c r="A1527" s="6" t="s">
        <v>1827</v>
      </c>
      <c r="B1527" s="6" t="s">
        <v>446</v>
      </c>
      <c r="C1527" s="6" t="s">
        <v>296</v>
      </c>
      <c r="D1527" s="6" t="s">
        <v>644</v>
      </c>
      <c r="E1527" s="6" t="e"/>
    </row>
    <row r="1528" ht="56" customHeight="true" s="1" customFormat="true" hidden="true" outlineLevel="3">
      <c r="A1528" s="6" t="s">
        <v>1828</v>
      </c>
      <c r="B1528" s="6" t="s">
        <v>242</v>
      </c>
      <c r="C1528" s="6" t="s">
        <v>149</v>
      </c>
      <c r="D1528" s="6" t="s">
        <v>11</v>
      </c>
      <c r="E1528" s="6" t="e"/>
    </row>
    <row r="1529" ht="11" customHeight="true" collapsed="true" outlineLevel="1">
      <c r="A1529" s="5" t="s">
        <v>1829</v>
      </c>
      <c r="B1529" s="5" t="e"/>
      <c r="C1529" s="5" t="e"/>
      <c r="D1529" s="5" t="e"/>
      <c r="E1529" s="5" t="e"/>
    </row>
    <row r="1530" ht="11" customHeight="true" s="1" customFormat="true" hidden="true" outlineLevel="2">
      <c r="A1530" s="6" t="s">
        <v>1830</v>
      </c>
      <c r="B1530" s="6" t="s">
        <v>197</v>
      </c>
      <c r="C1530" s="6" t="s">
        <v>296</v>
      </c>
      <c r="D1530" s="6" t="s">
        <v>674</v>
      </c>
      <c r="E1530" s="6" t="e"/>
    </row>
    <row r="1531" ht="11" customHeight="true" s="1" customFormat="true" hidden="true" outlineLevel="2">
      <c r="A1531" s="6" t="s">
        <v>1831</v>
      </c>
      <c r="B1531" s="6" t="s">
        <v>176</v>
      </c>
      <c r="C1531" s="6" t="s">
        <v>167</v>
      </c>
      <c r="D1531" s="6" t="s">
        <v>11</v>
      </c>
      <c r="E1531" s="6" t="e"/>
    </row>
    <row r="1532" ht="11" customHeight="true" s="1" customFormat="true" hidden="true" collapsed="true" outlineLevel="2">
      <c r="A1532" s="5" t="s">
        <v>1832</v>
      </c>
      <c r="B1532" s="5" t="e"/>
      <c r="C1532" s="5" t="e"/>
      <c r="D1532" s="5" t="e"/>
      <c r="E1532" s="5" t="e"/>
    </row>
    <row r="1533" ht="44" customHeight="true" s="1" customFormat="true" hidden="true" outlineLevel="3">
      <c r="A1533" s="6" t="s">
        <v>1833</v>
      </c>
      <c r="B1533" s="6" t="s">
        <v>343</v>
      </c>
      <c r="C1533" s="6" t="s">
        <v>62</v>
      </c>
      <c r="D1533" s="6" t="s">
        <v>11</v>
      </c>
      <c r="E1533" s="6" t="e"/>
    </row>
    <row r="1534" ht="33" customHeight="true" s="1" customFormat="true" hidden="true" outlineLevel="3">
      <c r="A1534" s="6" t="s">
        <v>1834</v>
      </c>
      <c r="B1534" s="6" t="s">
        <v>325</v>
      </c>
      <c r="C1534" s="6" t="s">
        <v>272</v>
      </c>
      <c r="D1534" s="6" t="s">
        <v>11</v>
      </c>
      <c r="E1534" s="6" t="e"/>
    </row>
    <row r="1535" ht="33" customHeight="true" s="1" customFormat="true" hidden="true" outlineLevel="3">
      <c r="A1535" s="6" t="s">
        <v>1835</v>
      </c>
      <c r="B1535" s="6" t="s">
        <v>325</v>
      </c>
      <c r="C1535" s="6" t="s">
        <v>272</v>
      </c>
      <c r="D1535" s="6" t="s">
        <v>26</v>
      </c>
      <c r="E1535" s="6" t="e"/>
    </row>
    <row r="1536" ht="56" customHeight="true" s="1" customFormat="true" hidden="true" outlineLevel="3">
      <c r="A1536" s="6" t="s">
        <v>1836</v>
      </c>
      <c r="B1536" s="6" t="s">
        <v>118</v>
      </c>
      <c r="C1536" s="6" t="s">
        <v>78</v>
      </c>
      <c r="D1536" s="6" t="s">
        <v>11</v>
      </c>
      <c r="E1536" s="6" t="e"/>
    </row>
    <row r="1537" ht="44" customHeight="true" s="1" customFormat="true" hidden="true" outlineLevel="3">
      <c r="A1537" s="6" t="s">
        <v>1837</v>
      </c>
      <c r="B1537" s="6" t="s">
        <v>428</v>
      </c>
      <c r="C1537" s="6" t="s">
        <v>13</v>
      </c>
      <c r="D1537" s="6" t="s">
        <v>11</v>
      </c>
      <c r="E1537" s="6" t="e"/>
    </row>
    <row r="1538" ht="44" customHeight="true" s="1" customFormat="true" hidden="true" outlineLevel="3">
      <c r="A1538" s="6" t="s">
        <v>1838</v>
      </c>
      <c r="B1538" s="6" t="s">
        <v>428</v>
      </c>
      <c r="C1538" s="6" t="s">
        <v>13</v>
      </c>
      <c r="D1538" s="6" t="s">
        <v>15</v>
      </c>
      <c r="E1538" s="6" t="e"/>
    </row>
    <row r="1539" ht="44" customHeight="true" s="1" customFormat="true" hidden="true" outlineLevel="3">
      <c r="A1539" s="6" t="s">
        <v>1839</v>
      </c>
      <c r="B1539" s="6" t="s">
        <v>428</v>
      </c>
      <c r="C1539" s="6" t="s">
        <v>13</v>
      </c>
      <c r="D1539" s="6" t="s">
        <v>26</v>
      </c>
      <c r="E1539" s="6" t="e"/>
    </row>
    <row r="1540" ht="44" customHeight="true" s="1" customFormat="true" hidden="true" outlineLevel="3">
      <c r="A1540" s="6" t="s">
        <v>1840</v>
      </c>
      <c r="B1540" s="6" t="s">
        <v>103</v>
      </c>
      <c r="C1540" s="6" t="s">
        <v>127</v>
      </c>
      <c r="D1540" s="6" t="s">
        <v>11</v>
      </c>
      <c r="E1540" s="6" t="e"/>
    </row>
    <row r="1541" ht="44" customHeight="true" s="1" customFormat="true" hidden="true" outlineLevel="3">
      <c r="A1541" s="6" t="s">
        <v>1841</v>
      </c>
      <c r="B1541" s="6" t="s">
        <v>350</v>
      </c>
      <c r="C1541" s="6" t="s">
        <v>51</v>
      </c>
      <c r="D1541" s="6" t="s">
        <v>176</v>
      </c>
      <c r="E1541" s="6" t="e"/>
    </row>
    <row r="1542" ht="33" customHeight="true" s="1" customFormat="true" hidden="true" outlineLevel="3">
      <c r="A1542" s="6" t="s">
        <v>1842</v>
      </c>
      <c r="B1542" s="6" t="s">
        <v>126</v>
      </c>
      <c r="C1542" s="6" t="s">
        <v>127</v>
      </c>
      <c r="D1542" s="6" t="s">
        <v>68</v>
      </c>
      <c r="E1542" s="6" t="e"/>
    </row>
    <row r="1543" ht="33" customHeight="true" s="1" customFormat="true" hidden="true" outlineLevel="3">
      <c r="A1543" s="6" t="s">
        <v>1843</v>
      </c>
      <c r="B1543" s="6" t="s">
        <v>126</v>
      </c>
      <c r="C1543" s="6" t="s">
        <v>127</v>
      </c>
      <c r="D1543" s="6" t="s">
        <v>40</v>
      </c>
      <c r="E1543" s="6" t="e"/>
    </row>
    <row r="1544" ht="33" customHeight="true" s="1" customFormat="true" hidden="true" outlineLevel="3">
      <c r="A1544" s="6" t="s">
        <v>1844</v>
      </c>
      <c r="B1544" s="6" t="s">
        <v>136</v>
      </c>
      <c r="C1544" s="6" t="s">
        <v>50</v>
      </c>
      <c r="D1544" s="6" t="s">
        <v>184</v>
      </c>
      <c r="E1544" s="6" t="e"/>
    </row>
    <row r="1545" ht="44" customHeight="true" s="1" customFormat="true" hidden="true" outlineLevel="3">
      <c r="A1545" s="6" t="s">
        <v>1845</v>
      </c>
      <c r="B1545" s="6" t="s">
        <v>136</v>
      </c>
      <c r="C1545" s="6" t="s">
        <v>50</v>
      </c>
      <c r="D1545" s="6" t="s">
        <v>40</v>
      </c>
      <c r="E1545" s="6" t="e"/>
    </row>
    <row r="1546" ht="33" customHeight="true" s="1" customFormat="true" hidden="true" outlineLevel="3">
      <c r="A1546" s="6" t="s">
        <v>1846</v>
      </c>
      <c r="B1546" s="6" t="s">
        <v>136</v>
      </c>
      <c r="C1546" s="6" t="s">
        <v>50</v>
      </c>
      <c r="D1546" s="6" t="s">
        <v>184</v>
      </c>
      <c r="E1546" s="6" t="e"/>
    </row>
    <row r="1547" ht="33" customHeight="true" s="1" customFormat="true" hidden="true" outlineLevel="3">
      <c r="A1547" s="6" t="s">
        <v>1847</v>
      </c>
      <c r="B1547" s="6" t="s">
        <v>61</v>
      </c>
      <c r="C1547" s="6" t="s">
        <v>73</v>
      </c>
      <c r="D1547" s="6" t="s">
        <v>123</v>
      </c>
      <c r="E1547" s="6" t="e"/>
    </row>
    <row r="1548" ht="22" customHeight="true" s="1" customFormat="true" hidden="true" outlineLevel="3">
      <c r="A1548" s="6" t="s">
        <v>1848</v>
      </c>
      <c r="B1548" s="6" t="s">
        <v>1168</v>
      </c>
      <c r="C1548" s="6" t="s">
        <v>421</v>
      </c>
      <c r="D1548" s="6" t="s">
        <v>11</v>
      </c>
      <c r="E1548" s="6" t="e"/>
    </row>
    <row r="1549" ht="22" customHeight="true" s="1" customFormat="true" hidden="true" outlineLevel="3">
      <c r="A1549" s="6" t="s">
        <v>1849</v>
      </c>
      <c r="B1549" s="6" t="s">
        <v>1168</v>
      </c>
      <c r="C1549" s="6" t="s">
        <v>421</v>
      </c>
      <c r="D1549" s="6" t="s">
        <v>11</v>
      </c>
      <c r="E1549" s="6" t="e"/>
    </row>
    <row r="1550" ht="44" customHeight="true" s="1" customFormat="true" hidden="true" outlineLevel="3">
      <c r="A1550" s="6" t="s">
        <v>1850</v>
      </c>
      <c r="B1550" s="6" t="s">
        <v>1719</v>
      </c>
      <c r="C1550" s="6" t="s">
        <v>24</v>
      </c>
      <c r="D1550" s="6" t="s">
        <v>26</v>
      </c>
      <c r="E1550" s="6" t="e"/>
    </row>
    <row r="1551" ht="44" customHeight="true" s="1" customFormat="true" hidden="true" outlineLevel="3">
      <c r="A1551" s="6" t="s">
        <v>1851</v>
      </c>
      <c r="B1551" s="6" t="s">
        <v>1740</v>
      </c>
      <c r="C1551" s="6" t="s">
        <v>51</v>
      </c>
      <c r="D1551" s="6" t="s">
        <v>11</v>
      </c>
      <c r="E1551" s="6" t="e"/>
    </row>
    <row r="1552" ht="44" customHeight="true" s="1" customFormat="true" hidden="true" outlineLevel="3">
      <c r="A1552" s="6" t="s">
        <v>1852</v>
      </c>
      <c r="B1552" s="6" t="s">
        <v>1740</v>
      </c>
      <c r="C1552" s="6" t="s">
        <v>51</v>
      </c>
      <c r="D1552" s="6" t="s">
        <v>11</v>
      </c>
      <c r="E1552" s="6" t="e"/>
    </row>
    <row r="1553" ht="44" customHeight="true" s="1" customFormat="true" hidden="true" outlineLevel="3">
      <c r="A1553" s="6" t="s">
        <v>1853</v>
      </c>
      <c r="B1553" s="6" t="s">
        <v>18</v>
      </c>
      <c r="C1553" s="6" t="s">
        <v>421</v>
      </c>
      <c r="D1553" s="6" t="s">
        <v>15</v>
      </c>
      <c r="E1553" s="6" t="e"/>
    </row>
    <row r="1554" ht="44" customHeight="true" s="1" customFormat="true" hidden="true" outlineLevel="3">
      <c r="A1554" s="6" t="s">
        <v>1854</v>
      </c>
      <c r="B1554" s="6" t="s">
        <v>18</v>
      </c>
      <c r="C1554" s="6" t="s">
        <v>421</v>
      </c>
      <c r="D1554" s="6" t="s">
        <v>11</v>
      </c>
      <c r="E1554" s="6" t="e"/>
    </row>
    <row r="1555" ht="44" customHeight="true" s="1" customFormat="true" hidden="true" collapsed="true" outlineLevel="3">
      <c r="A1555" s="6" t="s">
        <v>1855</v>
      </c>
      <c r="B1555" s="6" t="s">
        <v>574</v>
      </c>
      <c r="C1555" s="6" t="s">
        <v>242</v>
      </c>
      <c r="D1555" s="6" t="s">
        <v>40</v>
      </c>
      <c r="E1555" s="6" t="e"/>
    </row>
    <row r="1556" ht="22" customHeight="true" s="1" customFormat="true" hidden="true" outlineLevel="2">
      <c r="A1556" s="6" t="s">
        <v>1856</v>
      </c>
      <c r="B1556" s="6" t="s">
        <v>154</v>
      </c>
      <c r="C1556" s="6" t="s">
        <v>225</v>
      </c>
      <c r="D1556" s="6" t="s">
        <v>674</v>
      </c>
      <c r="E1556" s="6" t="e"/>
    </row>
    <row r="1557" ht="22" customHeight="true" s="1" customFormat="true" hidden="true" outlineLevel="2">
      <c r="A1557" s="6" t="s">
        <v>1857</v>
      </c>
      <c r="B1557" s="6" t="s">
        <v>197</v>
      </c>
      <c r="C1557" s="6" t="s">
        <v>149</v>
      </c>
      <c r="D1557" s="6" t="s">
        <v>11</v>
      </c>
      <c r="E1557" s="6" t="e"/>
    </row>
    <row r="1558" ht="22" customHeight="true" s="1" customFormat="true" hidden="true" outlineLevel="2">
      <c r="A1558" s="6" t="s">
        <v>1858</v>
      </c>
      <c r="B1558" s="6" t="s">
        <v>1859</v>
      </c>
      <c r="C1558" s="6" t="s">
        <v>1860</v>
      </c>
      <c r="D1558" s="6" t="s">
        <v>11</v>
      </c>
      <c r="E1558" s="6" t="e"/>
    </row>
    <row r="1559" ht="11" customHeight="true" s="1" customFormat="true" hidden="true" outlineLevel="2">
      <c r="A1559" s="6" t="s">
        <v>1861</v>
      </c>
      <c r="B1559" s="6" t="s">
        <v>148</v>
      </c>
      <c r="C1559" s="6" t="s">
        <v>296</v>
      </c>
      <c r="D1559" s="6" t="s">
        <v>11</v>
      </c>
      <c r="E1559" s="6" t="e"/>
    </row>
    <row r="1560" ht="44" customHeight="true" s="1" customFormat="true" hidden="true" outlineLevel="2">
      <c r="A1560" s="6" t="s">
        <v>1862</v>
      </c>
      <c r="B1560" s="6" t="s">
        <v>1863</v>
      </c>
      <c r="C1560" s="6" t="s">
        <v>83</v>
      </c>
      <c r="D1560" s="6" t="s">
        <v>11</v>
      </c>
      <c r="E1560" s="6" t="e"/>
    </row>
    <row r="1561" ht="11" customHeight="true" collapsed="true" outlineLevel="1">
      <c r="A1561" s="5" t="s">
        <v>1864</v>
      </c>
      <c r="B1561" s="5" t="e"/>
      <c r="C1561" s="5" t="e"/>
      <c r="D1561" s="5" t="e"/>
      <c r="E1561" s="5" t="e"/>
    </row>
    <row r="1562" ht="11" customHeight="true" s="1" customFormat="true" hidden="true" outlineLevel="2">
      <c r="A1562" s="6" t="s">
        <v>1865</v>
      </c>
      <c r="B1562" s="6" t="s">
        <v>163</v>
      </c>
      <c r="C1562" s="6" t="s">
        <v>55</v>
      </c>
      <c r="D1562" s="6" t="s">
        <v>26</v>
      </c>
      <c r="E1562" s="6" t="e"/>
    </row>
    <row r="1563" ht="22" customHeight="true" s="1" customFormat="true" hidden="true" outlineLevel="2">
      <c r="A1563" s="6" t="s">
        <v>1866</v>
      </c>
      <c r="B1563" s="6" t="s">
        <v>47</v>
      </c>
      <c r="C1563" s="6" t="s">
        <v>219</v>
      </c>
      <c r="D1563" s="6" t="s">
        <v>11</v>
      </c>
      <c r="E1563" s="6" t="e"/>
    </row>
    <row r="1564" ht="11" customHeight="true" s="1" customFormat="true" hidden="true" outlineLevel="2">
      <c r="A1564" s="6" t="s">
        <v>1867</v>
      </c>
      <c r="B1564" s="6" t="s">
        <v>242</v>
      </c>
      <c r="C1564" s="6" t="s">
        <v>103</v>
      </c>
      <c r="D1564" s="6" t="s">
        <v>40</v>
      </c>
      <c r="E1564" s="6" t="e"/>
    </row>
    <row r="1565" ht="22" customHeight="true" s="1" customFormat="true" hidden="true" outlineLevel="2">
      <c r="A1565" s="6" t="s">
        <v>1868</v>
      </c>
      <c r="B1565" s="6" t="s">
        <v>1869</v>
      </c>
      <c r="C1565" s="6" t="s">
        <v>219</v>
      </c>
      <c r="D1565" s="6" t="s">
        <v>57</v>
      </c>
      <c r="E1565" s="6" t="e"/>
    </row>
    <row r="1566" ht="22" customHeight="true" s="1" customFormat="true" hidden="true" outlineLevel="2">
      <c r="A1566" s="6" t="s">
        <v>1870</v>
      </c>
      <c r="B1566" s="6" t="s">
        <v>525</v>
      </c>
      <c r="C1566" s="6" t="s">
        <v>142</v>
      </c>
      <c r="D1566" s="6" t="s">
        <v>11</v>
      </c>
      <c r="E1566" s="6" t="e"/>
    </row>
    <row r="1567" ht="22" customHeight="true" s="1" customFormat="true" hidden="true" outlineLevel="2">
      <c r="A1567" s="6" t="s">
        <v>1871</v>
      </c>
      <c r="B1567" s="6" t="s">
        <v>525</v>
      </c>
      <c r="C1567" s="6" t="s">
        <v>142</v>
      </c>
      <c r="D1567" s="6" t="s">
        <v>11</v>
      </c>
      <c r="E1567" s="6" t="e"/>
    </row>
    <row r="1568" ht="22" customHeight="true" s="1" customFormat="true" hidden="true" outlineLevel="2">
      <c r="A1568" s="6" t="s">
        <v>1872</v>
      </c>
      <c r="B1568" s="6" t="s">
        <v>379</v>
      </c>
      <c r="C1568" s="6" t="s">
        <v>80</v>
      </c>
      <c r="D1568" s="6" t="s">
        <v>15</v>
      </c>
      <c r="E1568" s="6" t="e"/>
    </row>
    <row r="1569" ht="22" customHeight="true" s="1" customFormat="true" hidden="true" outlineLevel="2">
      <c r="A1569" s="6" t="s">
        <v>1873</v>
      </c>
      <c r="B1569" s="6" t="s">
        <v>501</v>
      </c>
      <c r="C1569" s="6" t="s">
        <v>73</v>
      </c>
      <c r="D1569" s="6" t="s">
        <v>40</v>
      </c>
      <c r="E1569" s="6" t="e"/>
    </row>
    <row r="1570" ht="44" customHeight="true" s="1" customFormat="true" hidden="true" outlineLevel="2">
      <c r="A1570" s="6" t="s">
        <v>1874</v>
      </c>
      <c r="B1570" s="6" t="s">
        <v>1875</v>
      </c>
      <c r="C1570" s="6" t="s">
        <v>142</v>
      </c>
      <c r="D1570" s="6" t="s">
        <v>11</v>
      </c>
      <c r="E1570" s="6" t="e"/>
    </row>
    <row r="1571" ht="33" customHeight="true" s="1" customFormat="true" hidden="true" outlineLevel="2">
      <c r="A1571" s="6" t="s">
        <v>1876</v>
      </c>
      <c r="B1571" s="6" t="s">
        <v>169</v>
      </c>
      <c r="C1571" s="6" t="s">
        <v>99</v>
      </c>
      <c r="D1571" s="6" t="s">
        <v>40</v>
      </c>
      <c r="E1571" s="6" t="e"/>
    </row>
    <row r="1572" ht="44" customHeight="true" s="1" customFormat="true" hidden="true" outlineLevel="2">
      <c r="A1572" s="6" t="s">
        <v>1877</v>
      </c>
      <c r="B1572" s="6" t="s">
        <v>451</v>
      </c>
      <c r="C1572" s="6" t="s">
        <v>155</v>
      </c>
      <c r="D1572" s="6" t="s">
        <v>11</v>
      </c>
      <c r="E1572" s="6" t="e"/>
    </row>
    <row r="1573" ht="33" customHeight="true" s="1" customFormat="true" hidden="true" outlineLevel="2">
      <c r="A1573" s="6" t="s">
        <v>1878</v>
      </c>
      <c r="B1573" s="6" t="s">
        <v>898</v>
      </c>
      <c r="C1573" s="6" t="s">
        <v>225</v>
      </c>
      <c r="D1573" s="6" t="s">
        <v>26</v>
      </c>
      <c r="E1573" s="6" t="e"/>
    </row>
    <row r="1574" ht="33" customHeight="true" s="1" customFormat="true" hidden="true" outlineLevel="2">
      <c r="A1574" s="6" t="s">
        <v>1879</v>
      </c>
      <c r="B1574" s="6" t="s">
        <v>1880</v>
      </c>
      <c r="C1574" s="6" t="s">
        <v>99</v>
      </c>
      <c r="D1574" s="6" t="s">
        <v>11</v>
      </c>
      <c r="E1574" s="6" t="e"/>
    </row>
    <row r="1575" ht="22" customHeight="true" s="1" customFormat="true" hidden="true" outlineLevel="2">
      <c r="A1575" s="6" t="s">
        <v>1881</v>
      </c>
      <c r="B1575" s="6" t="s">
        <v>322</v>
      </c>
      <c r="C1575" s="6" t="s">
        <v>103</v>
      </c>
      <c r="D1575" s="6" t="s">
        <v>40</v>
      </c>
      <c r="E1575" s="6" t="e"/>
    </row>
    <row r="1576" ht="33" customHeight="true" s="1" customFormat="true" hidden="true" outlineLevel="2">
      <c r="A1576" s="6" t="s">
        <v>1882</v>
      </c>
      <c r="B1576" s="6" t="s">
        <v>225</v>
      </c>
      <c r="C1576" s="6" t="s">
        <v>103</v>
      </c>
      <c r="D1576" s="6" t="s">
        <v>15</v>
      </c>
      <c r="E1576" s="6" t="e"/>
    </row>
    <row r="1577" ht="22" customHeight="true" s="1" customFormat="true" hidden="true" outlineLevel="2">
      <c r="A1577" s="6" t="s">
        <v>1883</v>
      </c>
      <c r="B1577" s="6" t="s">
        <v>1884</v>
      </c>
      <c r="C1577" s="6" t="s">
        <v>103</v>
      </c>
      <c r="D1577" s="6" t="s">
        <v>11</v>
      </c>
      <c r="E1577" s="6" t="e"/>
    </row>
    <row r="1578" ht="33" customHeight="true" s="1" customFormat="true" hidden="true" outlineLevel="2">
      <c r="A1578" s="6" t="s">
        <v>1885</v>
      </c>
      <c r="B1578" s="6" t="s">
        <v>1886</v>
      </c>
      <c r="C1578" s="6" t="s">
        <v>142</v>
      </c>
      <c r="D1578" s="6" t="s">
        <v>26</v>
      </c>
      <c r="E1578" s="6" t="e"/>
    </row>
    <row r="1579" ht="44" customHeight="true" s="1" customFormat="true" hidden="true" outlineLevel="2">
      <c r="A1579" s="6" t="s">
        <v>1887</v>
      </c>
      <c r="B1579" s="6" t="s">
        <v>384</v>
      </c>
      <c r="C1579" s="6" t="s">
        <v>142</v>
      </c>
      <c r="D1579" s="6" t="s">
        <v>276</v>
      </c>
      <c r="E1579" s="6" t="e"/>
    </row>
    <row r="1580" ht="44" customHeight="true" s="1" customFormat="true" hidden="true" outlineLevel="2">
      <c r="A1580" s="6" t="s">
        <v>1888</v>
      </c>
      <c r="B1580" s="6" t="s">
        <v>371</v>
      </c>
      <c r="C1580" s="6" t="s">
        <v>82</v>
      </c>
      <c r="D1580" s="6" t="s">
        <v>184</v>
      </c>
      <c r="E1580" s="6" t="e"/>
    </row>
    <row r="1581" ht="44" customHeight="true" s="1" customFormat="true" hidden="true" outlineLevel="2">
      <c r="A1581" s="6" t="s">
        <v>1889</v>
      </c>
      <c r="B1581" s="6" t="s">
        <v>103</v>
      </c>
      <c r="C1581" s="6" t="s">
        <v>127</v>
      </c>
      <c r="D1581" s="6" t="s">
        <v>26</v>
      </c>
      <c r="E1581" s="6" t="e"/>
    </row>
    <row r="1582" ht="22" customHeight="true" s="1" customFormat="true" hidden="true" outlineLevel="2">
      <c r="A1582" s="6" t="s">
        <v>1890</v>
      </c>
      <c r="B1582" s="6" t="s">
        <v>99</v>
      </c>
      <c r="C1582" s="6" t="s">
        <v>127</v>
      </c>
      <c r="D1582" s="6" t="s">
        <v>674</v>
      </c>
      <c r="E1582" s="6" t="e"/>
    </row>
    <row r="1583" ht="33" customHeight="true" s="1" customFormat="true" hidden="true" outlineLevel="2">
      <c r="A1583" s="6" t="s">
        <v>1891</v>
      </c>
      <c r="B1583" s="6" t="s">
        <v>99</v>
      </c>
      <c r="C1583" s="6" t="s">
        <v>127</v>
      </c>
      <c r="D1583" s="6" t="s">
        <v>68</v>
      </c>
      <c r="E1583" s="6" t="e"/>
    </row>
    <row r="1584" ht="44" customHeight="true" s="1" customFormat="true" hidden="true" outlineLevel="2">
      <c r="A1584" s="6" t="s">
        <v>1892</v>
      </c>
      <c r="B1584" s="6" t="s">
        <v>1886</v>
      </c>
      <c r="C1584" s="6" t="s">
        <v>142</v>
      </c>
      <c r="D1584" s="6" t="s">
        <v>40</v>
      </c>
      <c r="E1584" s="6" t="e"/>
    </row>
    <row r="1585" ht="56" customHeight="true" s="1" customFormat="true" hidden="true" outlineLevel="2">
      <c r="A1585" s="6" t="s">
        <v>1893</v>
      </c>
      <c r="B1585" s="6" t="s">
        <v>102</v>
      </c>
      <c r="C1585" s="6" t="s">
        <v>103</v>
      </c>
      <c r="D1585" s="6" t="s">
        <v>40</v>
      </c>
      <c r="E1585" s="6" t="e"/>
    </row>
    <row r="1586" ht="44" customHeight="true" s="1" customFormat="true" hidden="true" outlineLevel="2">
      <c r="A1586" s="6" t="s">
        <v>1894</v>
      </c>
      <c r="B1586" s="6" t="s">
        <v>1895</v>
      </c>
      <c r="C1586" s="6" t="s">
        <v>21</v>
      </c>
      <c r="D1586" s="6" t="s">
        <v>26</v>
      </c>
      <c r="E1586" s="6" t="e"/>
    </row>
    <row r="1587" ht="33" customHeight="true" s="1" customFormat="true" hidden="true" outlineLevel="2">
      <c r="A1587" s="6" t="s">
        <v>1896</v>
      </c>
      <c r="B1587" s="6" t="s">
        <v>98</v>
      </c>
      <c r="C1587" s="6" t="s">
        <v>99</v>
      </c>
      <c r="D1587" s="6" t="s">
        <v>26</v>
      </c>
      <c r="E1587" s="6" t="e"/>
    </row>
    <row r="1588" ht="22" customHeight="true" s="1" customFormat="true" hidden="true" outlineLevel="2">
      <c r="A1588" s="6" t="s">
        <v>1897</v>
      </c>
      <c r="B1588" s="6" t="s">
        <v>824</v>
      </c>
      <c r="C1588" s="6" t="s">
        <v>103</v>
      </c>
      <c r="D1588" s="6" t="s">
        <v>184</v>
      </c>
      <c r="E1588" s="6" t="e"/>
    </row>
    <row r="1589" ht="33" customHeight="true" s="1" customFormat="true" hidden="true" outlineLevel="2">
      <c r="A1589" s="6" t="s">
        <v>1898</v>
      </c>
      <c r="B1589" s="6" t="s">
        <v>142</v>
      </c>
      <c r="C1589" s="6" t="s">
        <v>72</v>
      </c>
      <c r="D1589" s="6" t="s">
        <v>26</v>
      </c>
      <c r="E1589" s="6" t="e"/>
    </row>
    <row r="1590" ht="22" customHeight="true" s="1" customFormat="true" hidden="true" outlineLevel="2">
      <c r="A1590" s="6" t="s">
        <v>1899</v>
      </c>
      <c r="B1590" s="6" t="s">
        <v>519</v>
      </c>
      <c r="C1590" s="6" t="s">
        <v>55</v>
      </c>
      <c r="D1590" s="6" t="s">
        <v>26</v>
      </c>
      <c r="E1590" s="6" t="e"/>
    </row>
    <row r="1591" ht="33" customHeight="true" s="1" customFormat="true" hidden="true" outlineLevel="2">
      <c r="A1591" s="6" t="s">
        <v>1900</v>
      </c>
      <c r="B1591" s="6" t="s">
        <v>105</v>
      </c>
      <c r="C1591" s="6" t="s">
        <v>62</v>
      </c>
      <c r="D1591" s="6" t="s">
        <v>123</v>
      </c>
      <c r="E1591" s="6" t="e"/>
    </row>
    <row r="1592" ht="33" customHeight="true" s="1" customFormat="true" hidden="true" outlineLevel="2">
      <c r="A1592" s="6" t="s">
        <v>1901</v>
      </c>
      <c r="B1592" s="6" t="s">
        <v>376</v>
      </c>
      <c r="C1592" s="6" t="s">
        <v>127</v>
      </c>
      <c r="D1592" s="6" t="s">
        <v>57</v>
      </c>
      <c r="E1592" s="6" t="e"/>
    </row>
    <row r="1593" ht="22" customHeight="true" s="1" customFormat="true" hidden="true" outlineLevel="2">
      <c r="A1593" s="6" t="s">
        <v>1902</v>
      </c>
      <c r="B1593" s="6" t="s">
        <v>1391</v>
      </c>
      <c r="C1593" s="6" t="s">
        <v>142</v>
      </c>
      <c r="D1593" s="6" t="s">
        <v>68</v>
      </c>
      <c r="E1593" s="6" t="e"/>
    </row>
    <row r="1594" ht="33" customHeight="true" s="1" customFormat="true" hidden="true" outlineLevel="2">
      <c r="A1594" s="6" t="s">
        <v>1903</v>
      </c>
      <c r="B1594" s="6" t="s">
        <v>302</v>
      </c>
      <c r="C1594" s="6" t="s">
        <v>103</v>
      </c>
      <c r="D1594" s="6" t="s">
        <v>57</v>
      </c>
      <c r="E1594" s="6" t="e"/>
    </row>
    <row r="1595" ht="33" customHeight="true" s="1" customFormat="true" hidden="true" outlineLevel="2">
      <c r="A1595" s="6" t="s">
        <v>1904</v>
      </c>
      <c r="B1595" s="6" t="s">
        <v>131</v>
      </c>
      <c r="C1595" s="6" t="s">
        <v>127</v>
      </c>
      <c r="D1595" s="6" t="s">
        <v>184</v>
      </c>
      <c r="E1595" s="6" t="e"/>
    </row>
    <row r="1596" ht="22" customHeight="true" s="1" customFormat="true" hidden="true" outlineLevel="2">
      <c r="A1596" s="6" t="s">
        <v>1905</v>
      </c>
      <c r="B1596" s="6" t="s">
        <v>302</v>
      </c>
      <c r="C1596" s="6" t="s">
        <v>188</v>
      </c>
      <c r="D1596" s="6" t="s">
        <v>11</v>
      </c>
      <c r="E1596" s="6" t="e"/>
    </row>
    <row r="1597" ht="22" customHeight="true" s="1" customFormat="true" hidden="true" outlineLevel="2">
      <c r="A1597" s="6" t="s">
        <v>1906</v>
      </c>
      <c r="B1597" s="6" t="s">
        <v>242</v>
      </c>
      <c r="C1597" s="6" t="s">
        <v>103</v>
      </c>
      <c r="D1597" s="6" t="s">
        <v>15</v>
      </c>
      <c r="E1597" s="6" t="e"/>
    </row>
    <row r="1598" ht="22" customHeight="true" s="1" customFormat="true" hidden="true" outlineLevel="2">
      <c r="A1598" s="6" t="s">
        <v>1907</v>
      </c>
      <c r="B1598" s="6" t="s">
        <v>283</v>
      </c>
      <c r="C1598" s="6" t="s">
        <v>219</v>
      </c>
      <c r="D1598" s="6" t="s">
        <v>26</v>
      </c>
      <c r="E1598" s="6" t="e"/>
    </row>
    <row r="1599" ht="33" customHeight="true" s="1" customFormat="true" hidden="true" outlineLevel="2">
      <c r="A1599" s="6" t="s">
        <v>1908</v>
      </c>
      <c r="B1599" s="6" t="s">
        <v>242</v>
      </c>
      <c r="C1599" s="6" t="s">
        <v>99</v>
      </c>
      <c r="D1599" s="6" t="s">
        <v>15</v>
      </c>
      <c r="E1599" s="6" t="e"/>
    </row>
    <row r="1600" ht="22" customHeight="true" s="1" customFormat="true" hidden="true" outlineLevel="2">
      <c r="A1600" s="6" t="s">
        <v>1909</v>
      </c>
      <c r="B1600" s="6" t="s">
        <v>141</v>
      </c>
      <c r="C1600" s="6" t="s">
        <v>219</v>
      </c>
      <c r="D1600" s="6" t="s">
        <v>15</v>
      </c>
      <c r="E1600" s="6" t="e"/>
    </row>
    <row r="1601" ht="33" customHeight="true" s="1" customFormat="true" hidden="true" outlineLevel="2">
      <c r="A1601" s="6" t="s">
        <v>1910</v>
      </c>
      <c r="B1601" s="6" t="s">
        <v>898</v>
      </c>
      <c r="C1601" s="6" t="s">
        <v>99</v>
      </c>
      <c r="D1601" s="6" t="s">
        <v>26</v>
      </c>
      <c r="E1601" s="6" t="e"/>
    </row>
    <row r="1602" ht="22" customHeight="true" s="1" customFormat="true" hidden="true" outlineLevel="2">
      <c r="A1602" s="6" t="s">
        <v>1911</v>
      </c>
      <c r="B1602" s="6" t="s">
        <v>1049</v>
      </c>
      <c r="C1602" s="6" t="s">
        <v>142</v>
      </c>
      <c r="D1602" s="6" t="s">
        <v>11</v>
      </c>
      <c r="E1602" s="6" t="e"/>
    </row>
    <row r="1603" ht="33" customHeight="true" s="1" customFormat="true" hidden="true" outlineLevel="2">
      <c r="A1603" s="6" t="s">
        <v>1912</v>
      </c>
      <c r="B1603" s="6" t="s">
        <v>139</v>
      </c>
      <c r="C1603" s="6" t="s">
        <v>103</v>
      </c>
      <c r="D1603" s="6" t="s">
        <v>11</v>
      </c>
      <c r="E1603" s="6" t="e"/>
    </row>
    <row r="1604" ht="22" customHeight="true" s="1" customFormat="true" hidden="true" outlineLevel="2">
      <c r="A1604" s="6" t="s">
        <v>1913</v>
      </c>
      <c r="B1604" s="6" t="s">
        <v>172</v>
      </c>
      <c r="C1604" s="6" t="s">
        <v>103</v>
      </c>
      <c r="D1604" s="6" t="s">
        <v>26</v>
      </c>
      <c r="E1604" s="6" t="e"/>
    </row>
    <row r="1605" ht="22" customHeight="true" s="1" customFormat="true" hidden="true" outlineLevel="2">
      <c r="A1605" s="6" t="s">
        <v>1914</v>
      </c>
      <c r="B1605" s="6" t="s">
        <v>400</v>
      </c>
      <c r="C1605" s="6" t="s">
        <v>167</v>
      </c>
      <c r="D1605" s="6" t="s">
        <v>26</v>
      </c>
      <c r="E1605" s="6" t="e"/>
    </row>
    <row r="1606" ht="22" customHeight="true" s="1" customFormat="true" hidden="true" outlineLevel="2">
      <c r="A1606" s="6" t="s">
        <v>1915</v>
      </c>
      <c r="B1606" s="6" t="e"/>
      <c r="C1606" s="6" t="s">
        <v>225</v>
      </c>
      <c r="D1606" s="6" t="s">
        <v>57</v>
      </c>
      <c r="E1606" s="6" t="e"/>
    </row>
    <row r="1607" ht="22" customHeight="true" s="1" customFormat="true" hidden="true" outlineLevel="2">
      <c r="A1607" s="6" t="s">
        <v>1916</v>
      </c>
      <c r="B1607" s="6" t="e"/>
      <c r="C1607" s="6" t="s">
        <v>225</v>
      </c>
      <c r="D1607" s="6" t="s">
        <v>40</v>
      </c>
      <c r="E1607" s="6" t="e"/>
    </row>
    <row r="1608" ht="22" customHeight="true" s="1" customFormat="true" hidden="true" outlineLevel="2">
      <c r="A1608" s="6" t="s">
        <v>1917</v>
      </c>
      <c r="B1608" s="6" t="e"/>
      <c r="C1608" s="6" t="s">
        <v>225</v>
      </c>
      <c r="D1608" s="6" t="s">
        <v>11</v>
      </c>
      <c r="E1608" s="6" t="e"/>
    </row>
    <row r="1609" ht="22" customHeight="true" s="1" customFormat="true" hidden="true" outlineLevel="2">
      <c r="A1609" s="6" t="s">
        <v>1918</v>
      </c>
      <c r="B1609" s="6" t="e"/>
      <c r="C1609" s="6" t="s">
        <v>225</v>
      </c>
      <c r="D1609" s="6" t="s">
        <v>26</v>
      </c>
      <c r="E1609" s="6" t="e"/>
    </row>
    <row r="1610" ht="22" customHeight="true" s="1" customFormat="true" hidden="true" outlineLevel="2">
      <c r="A1610" s="6" t="s">
        <v>1919</v>
      </c>
      <c r="B1610" s="6" t="e"/>
      <c r="C1610" s="6" t="s">
        <v>225</v>
      </c>
      <c r="D1610" s="6" t="s">
        <v>11</v>
      </c>
      <c r="E1610" s="6" t="e"/>
    </row>
    <row r="1611" ht="22" customHeight="true" s="1" customFormat="true" hidden="true" outlineLevel="2">
      <c r="A1611" s="6" t="s">
        <v>1920</v>
      </c>
      <c r="B1611" s="6" t="e"/>
      <c r="C1611" s="6" t="s">
        <v>225</v>
      </c>
      <c r="D1611" s="6" t="s">
        <v>40</v>
      </c>
      <c r="E1611" s="6" t="e"/>
    </row>
    <row r="1612" ht="22" customHeight="true" s="1" customFormat="true" hidden="true" outlineLevel="2">
      <c r="A1612" s="6" t="s">
        <v>1921</v>
      </c>
      <c r="B1612" s="6" t="e"/>
      <c r="C1612" s="6" t="s">
        <v>225</v>
      </c>
      <c r="D1612" s="6" t="s">
        <v>26</v>
      </c>
      <c r="E1612" s="6" t="e"/>
    </row>
    <row r="1613" ht="22" customHeight="true" s="1" customFormat="true" hidden="true" outlineLevel="2">
      <c r="A1613" s="6" t="s">
        <v>1922</v>
      </c>
      <c r="B1613" s="6" t="e"/>
      <c r="C1613" s="6" t="s">
        <v>225</v>
      </c>
      <c r="D1613" s="6" t="s">
        <v>26</v>
      </c>
      <c r="E1613" s="6" t="e"/>
    </row>
    <row r="1614" ht="22" customHeight="true" s="1" customFormat="true" hidden="true" outlineLevel="2">
      <c r="A1614" s="6" t="s">
        <v>1923</v>
      </c>
      <c r="B1614" s="6" t="e"/>
      <c r="C1614" s="6" t="s">
        <v>225</v>
      </c>
      <c r="D1614" s="6" t="s">
        <v>15</v>
      </c>
      <c r="E1614" s="6" t="e"/>
    </row>
    <row r="1615" ht="22" customHeight="true" s="1" customFormat="true" hidden="true" outlineLevel="2">
      <c r="A1615" s="6" t="s">
        <v>1924</v>
      </c>
      <c r="B1615" s="6" t="e"/>
      <c r="C1615" s="6" t="s">
        <v>225</v>
      </c>
      <c r="D1615" s="6" t="s">
        <v>26</v>
      </c>
      <c r="E1615" s="6" t="e"/>
    </row>
    <row r="1616" ht="22" customHeight="true" s="1" customFormat="true" hidden="true" outlineLevel="2">
      <c r="A1616" s="6" t="s">
        <v>1925</v>
      </c>
      <c r="B1616" s="6" t="e"/>
      <c r="C1616" s="6" t="s">
        <v>225</v>
      </c>
      <c r="D1616" s="6" t="s">
        <v>11</v>
      </c>
      <c r="E1616" s="6" t="e"/>
    </row>
    <row r="1617" ht="22" customHeight="true" s="1" customFormat="true" hidden="true" outlineLevel="2">
      <c r="A1617" s="6" t="s">
        <v>1926</v>
      </c>
      <c r="B1617" s="6" t="s">
        <v>446</v>
      </c>
      <c r="C1617" s="6" t="s">
        <v>296</v>
      </c>
      <c r="D1617" s="6" t="s">
        <v>176</v>
      </c>
      <c r="E1617" s="6" t="e"/>
    </row>
    <row r="1618" ht="22" customHeight="true" s="1" customFormat="true" hidden="true" outlineLevel="2">
      <c r="A1618" s="6" t="s">
        <v>1927</v>
      </c>
      <c r="B1618" s="6" t="s">
        <v>494</v>
      </c>
      <c r="C1618" s="6" t="s">
        <v>219</v>
      </c>
      <c r="D1618" s="6" t="s">
        <v>57</v>
      </c>
      <c r="E1618" s="6" t="e"/>
    </row>
    <row r="1619" ht="22" customHeight="true" s="1" customFormat="true" hidden="true" outlineLevel="2">
      <c r="A1619" s="6" t="s">
        <v>1928</v>
      </c>
      <c r="B1619" s="6" t="s">
        <v>296</v>
      </c>
      <c r="C1619" s="6" t="s">
        <v>149</v>
      </c>
      <c r="D1619" s="6" t="s">
        <v>100</v>
      </c>
      <c r="E1619" s="6" t="e"/>
    </row>
    <row r="1620" ht="22" customHeight="true" s="1" customFormat="true" hidden="true" outlineLevel="2">
      <c r="A1620" s="6" t="s">
        <v>1929</v>
      </c>
      <c r="B1620" s="6" t="s">
        <v>1930</v>
      </c>
      <c r="C1620" s="6" t="s">
        <v>18</v>
      </c>
      <c r="D1620" s="6" t="s">
        <v>11</v>
      </c>
      <c r="E1620" s="6" t="e"/>
    </row>
    <row r="1621" ht="11" customHeight="true" collapsed="true" outlineLevel="1">
      <c r="A1621" s="5" t="s">
        <v>1931</v>
      </c>
      <c r="B1621" s="5" t="e"/>
      <c r="C1621" s="5" t="e"/>
      <c r="D1621" s="5" t="e"/>
      <c r="E1621" s="5" t="e"/>
    </row>
    <row r="1622" ht="11" customHeight="true" s="1" customFormat="true" hidden="true" collapsed="true" outlineLevel="2">
      <c r="A1622" s="5" t="s">
        <v>1932</v>
      </c>
      <c r="B1622" s="5" t="e"/>
      <c r="C1622" s="5" t="e"/>
      <c r="D1622" s="5" t="e"/>
      <c r="E1622" s="5" t="e"/>
    </row>
    <row r="1623" ht="22" customHeight="true" s="1" customFormat="true" hidden="true" collapsed="true" outlineLevel="3">
      <c r="A1623" s="6" t="s">
        <v>1933</v>
      </c>
      <c r="B1623" s="6" t="s">
        <v>1187</v>
      </c>
      <c r="C1623" s="6" t="s">
        <v>23</v>
      </c>
      <c r="D1623" s="6" t="s">
        <v>11</v>
      </c>
      <c r="E1623" s="6" t="e"/>
    </row>
    <row r="1624" ht="11" customHeight="true" s="1" customFormat="true" hidden="true" collapsed="true" outlineLevel="2">
      <c r="A1624" s="5" t="s">
        <v>1934</v>
      </c>
      <c r="B1624" s="5" t="e"/>
      <c r="C1624" s="5" t="e"/>
      <c r="D1624" s="5" t="e"/>
      <c r="E1624" s="5" t="e"/>
    </row>
    <row r="1625" ht="22" customHeight="true" s="1" customFormat="true" hidden="true" outlineLevel="3">
      <c r="A1625" s="6" t="s">
        <v>1935</v>
      </c>
      <c r="B1625" s="6" t="s">
        <v>163</v>
      </c>
      <c r="C1625" s="6" t="s">
        <v>103</v>
      </c>
      <c r="D1625" s="6" t="s">
        <v>68</v>
      </c>
      <c r="E1625" s="6" t="e"/>
    </row>
    <row r="1626" ht="22" customHeight="true" s="1" customFormat="true" hidden="true" outlineLevel="3">
      <c r="A1626" s="6" t="s">
        <v>1936</v>
      </c>
      <c r="B1626" s="6" t="s">
        <v>1937</v>
      </c>
      <c r="C1626" s="6" t="s">
        <v>14</v>
      </c>
      <c r="D1626" s="6" t="s">
        <v>11</v>
      </c>
      <c r="E1626" s="6" t="e"/>
    </row>
    <row r="1627" ht="22" customHeight="true" s="1" customFormat="true" hidden="true" outlineLevel="3">
      <c r="A1627" s="6" t="s">
        <v>1938</v>
      </c>
      <c r="B1627" s="6" t="s">
        <v>1229</v>
      </c>
      <c r="C1627" s="6" t="s">
        <v>235</v>
      </c>
      <c r="D1627" s="6" t="s">
        <v>15</v>
      </c>
      <c r="E1627" s="6" t="e"/>
    </row>
    <row r="1628" ht="22" customHeight="true" s="1" customFormat="true" hidden="true" collapsed="true" outlineLevel="3">
      <c r="A1628" s="6" t="s">
        <v>1939</v>
      </c>
      <c r="B1628" s="6" t="s">
        <v>1940</v>
      </c>
      <c r="C1628" s="6" t="s">
        <v>127</v>
      </c>
      <c r="D1628" s="6" t="s">
        <v>26</v>
      </c>
      <c r="E1628" s="6" t="e"/>
    </row>
    <row r="1629" ht="11" customHeight="true" s="1" customFormat="true" hidden="true" collapsed="true" outlineLevel="2">
      <c r="A1629" s="5" t="s">
        <v>1941</v>
      </c>
      <c r="B1629" s="5" t="e"/>
      <c r="C1629" s="5" t="e"/>
      <c r="D1629" s="5" t="e"/>
      <c r="E1629" s="5" t="e"/>
    </row>
    <row r="1630" ht="22" customHeight="true" s="1" customFormat="true" hidden="true" outlineLevel="3">
      <c r="A1630" s="6" t="s">
        <v>1942</v>
      </c>
      <c r="B1630" s="6" t="s">
        <v>99</v>
      </c>
      <c r="C1630" s="6" t="s">
        <v>127</v>
      </c>
      <c r="D1630" s="6" t="s">
        <v>11</v>
      </c>
      <c r="E1630" s="6" t="e"/>
    </row>
    <row r="1631" ht="11" customHeight="true" s="1" customFormat="true" hidden="true" outlineLevel="3">
      <c r="A1631" s="6" t="s">
        <v>1943</v>
      </c>
      <c r="B1631" s="6" t="s">
        <v>494</v>
      </c>
      <c r="C1631" s="6" t="s">
        <v>127</v>
      </c>
      <c r="D1631" s="6" t="s">
        <v>26</v>
      </c>
      <c r="E1631" s="6" t="e"/>
    </row>
    <row r="1632" ht="11" customHeight="true" s="1" customFormat="true" hidden="true" outlineLevel="3">
      <c r="A1632" s="6" t="s">
        <v>1944</v>
      </c>
      <c r="B1632" s="6" t="s">
        <v>403</v>
      </c>
      <c r="C1632" s="6" t="s">
        <v>72</v>
      </c>
      <c r="D1632" s="6" t="s">
        <v>184</v>
      </c>
      <c r="E1632" s="6" t="e"/>
    </row>
    <row r="1633" ht="22" customHeight="true" s="1" customFormat="true" hidden="true" outlineLevel="3">
      <c r="A1633" s="6" t="s">
        <v>1945</v>
      </c>
      <c r="B1633" s="6" t="s">
        <v>237</v>
      </c>
      <c r="C1633" s="6" t="s">
        <v>230</v>
      </c>
      <c r="D1633" s="6" t="s">
        <v>11</v>
      </c>
      <c r="E1633" s="6" t="e"/>
    </row>
    <row r="1634" ht="22" customHeight="true" s="1" customFormat="true" hidden="true" outlineLevel="3">
      <c r="A1634" s="6" t="s">
        <v>1946</v>
      </c>
      <c r="B1634" s="6" t="s">
        <v>343</v>
      </c>
      <c r="C1634" s="6" t="s">
        <v>230</v>
      </c>
      <c r="D1634" s="6" t="s">
        <v>184</v>
      </c>
      <c r="E1634" s="6" t="e"/>
    </row>
    <row r="1635" ht="22" customHeight="true" s="1" customFormat="true" hidden="true" outlineLevel="3">
      <c r="A1635" s="6" t="s">
        <v>1947</v>
      </c>
      <c r="B1635" s="6" t="s">
        <v>235</v>
      </c>
      <c r="C1635" s="6" t="s">
        <v>47</v>
      </c>
      <c r="D1635" s="6" t="s">
        <v>123</v>
      </c>
      <c r="E1635" s="6" t="e"/>
    </row>
    <row r="1636" ht="22" customHeight="true" s="1" customFormat="true" hidden="true" outlineLevel="3">
      <c r="A1636" s="6" t="s">
        <v>1948</v>
      </c>
      <c r="B1636" s="6" t="s">
        <v>1949</v>
      </c>
      <c r="C1636" s="6" t="s">
        <v>926</v>
      </c>
      <c r="D1636" s="6" t="s">
        <v>26</v>
      </c>
      <c r="E1636" s="6" t="e"/>
    </row>
    <row r="1637" ht="22" customHeight="true" s="1" customFormat="true" hidden="true" outlineLevel="3">
      <c r="A1637" s="6" t="s">
        <v>1950</v>
      </c>
      <c r="B1637" s="6" t="s">
        <v>77</v>
      </c>
      <c r="C1637" s="6" t="s">
        <v>78</v>
      </c>
      <c r="D1637" s="6" t="s">
        <v>26</v>
      </c>
      <c r="E1637" s="6" t="e"/>
    </row>
    <row r="1638" ht="22" customHeight="true" s="1" customFormat="true" hidden="true" outlineLevel="3">
      <c r="A1638" s="6" t="s">
        <v>1951</v>
      </c>
      <c r="B1638" s="6" t="s">
        <v>369</v>
      </c>
      <c r="C1638" s="6" t="s">
        <v>83</v>
      </c>
      <c r="D1638" s="6" t="s">
        <v>15</v>
      </c>
      <c r="E1638" s="6" t="e"/>
    </row>
    <row r="1639" ht="22" customHeight="true" s="1" customFormat="true" hidden="true" collapsed="true" outlineLevel="3">
      <c r="A1639" s="6" t="s">
        <v>1952</v>
      </c>
      <c r="B1639" s="6" t="s">
        <v>155</v>
      </c>
      <c r="C1639" s="6" t="s">
        <v>72</v>
      </c>
      <c r="D1639" s="6" t="s">
        <v>57</v>
      </c>
      <c r="E1639" s="6" t="e"/>
    </row>
    <row r="1640" ht="11" customHeight="true" s="1" customFormat="true" hidden="true" collapsed="true" outlineLevel="2">
      <c r="A1640" s="5" t="s">
        <v>1953</v>
      </c>
      <c r="B1640" s="5" t="e"/>
      <c r="C1640" s="5" t="e"/>
      <c r="D1640" s="5" t="e"/>
      <c r="E1640" s="5" t="e"/>
    </row>
    <row r="1641" ht="33" customHeight="true" s="1" customFormat="true" hidden="true" outlineLevel="3">
      <c r="A1641" s="6" t="s">
        <v>1954</v>
      </c>
      <c r="B1641" s="6" t="s">
        <v>73</v>
      </c>
      <c r="C1641" s="6" t="s">
        <v>325</v>
      </c>
      <c r="D1641" s="6" t="s">
        <v>15</v>
      </c>
      <c r="E1641" s="6" t="e"/>
    </row>
    <row r="1642" ht="22" customHeight="true" s="1" customFormat="true" hidden="true" outlineLevel="3">
      <c r="A1642" s="6" t="s">
        <v>1955</v>
      </c>
      <c r="B1642" s="6" t="s">
        <v>379</v>
      </c>
      <c r="C1642" s="6" t="s">
        <v>235</v>
      </c>
      <c r="D1642" s="6" t="s">
        <v>26</v>
      </c>
      <c r="E1642" s="6" t="e"/>
    </row>
    <row r="1643" ht="22" customHeight="true" s="1" customFormat="true" hidden="true" outlineLevel="3">
      <c r="A1643" s="6" t="s">
        <v>1956</v>
      </c>
      <c r="B1643" s="6" t="s">
        <v>1211</v>
      </c>
      <c r="C1643" s="6" t="s">
        <v>1712</v>
      </c>
      <c r="D1643" s="6" t="s">
        <v>11</v>
      </c>
      <c r="E1643" s="6" t="e"/>
    </row>
    <row r="1644" ht="22" customHeight="true" s="1" customFormat="true" hidden="true" outlineLevel="3">
      <c r="A1644" s="6" t="s">
        <v>1957</v>
      </c>
      <c r="B1644" s="6" t="s">
        <v>237</v>
      </c>
      <c r="C1644" s="6" t="s">
        <v>235</v>
      </c>
      <c r="D1644" s="6" t="s">
        <v>123</v>
      </c>
      <c r="E1644" s="6" t="e"/>
    </row>
    <row r="1645" ht="22" customHeight="true" s="1" customFormat="true" hidden="true" outlineLevel="3">
      <c r="A1645" s="6" t="s">
        <v>1958</v>
      </c>
      <c r="B1645" s="6" t="s">
        <v>61</v>
      </c>
      <c r="C1645" s="6" t="s">
        <v>73</v>
      </c>
      <c r="D1645" s="6" t="s">
        <v>26</v>
      </c>
      <c r="E1645" s="6" t="e"/>
    </row>
    <row r="1646" ht="22" customHeight="true" s="1" customFormat="true" hidden="true" outlineLevel="3">
      <c r="A1646" s="6" t="s">
        <v>1959</v>
      </c>
      <c r="B1646" s="6" t="s">
        <v>1960</v>
      </c>
      <c r="C1646" s="6" t="s">
        <v>931</v>
      </c>
      <c r="D1646" s="6" t="s">
        <v>11</v>
      </c>
      <c r="E1646" s="6" t="e"/>
    </row>
    <row r="1647" ht="22" customHeight="true" s="1" customFormat="true" hidden="true" outlineLevel="3">
      <c r="A1647" s="6" t="s">
        <v>1961</v>
      </c>
      <c r="B1647" s="6" t="s">
        <v>1152</v>
      </c>
      <c r="C1647" s="6" t="s">
        <v>379</v>
      </c>
      <c r="D1647" s="6" t="s">
        <v>11</v>
      </c>
      <c r="E1647" s="6" t="e"/>
    </row>
    <row r="1648" ht="22" customHeight="true" s="1" customFormat="true" hidden="true" collapsed="true" outlineLevel="3">
      <c r="A1648" s="6" t="s">
        <v>1962</v>
      </c>
      <c r="B1648" s="6" t="s">
        <v>141</v>
      </c>
      <c r="C1648" s="6" t="s">
        <v>103</v>
      </c>
      <c r="D1648" s="6" t="s">
        <v>15</v>
      </c>
      <c r="E1648" s="6" t="e"/>
    </row>
    <row r="1649" ht="11" customHeight="true" s="1" customFormat="true" hidden="true" collapsed="true" outlineLevel="2">
      <c r="A1649" s="5" t="s">
        <v>1963</v>
      </c>
      <c r="B1649" s="5" t="e"/>
      <c r="C1649" s="5" t="e"/>
      <c r="D1649" s="5" t="e"/>
      <c r="E1649" s="5" t="e"/>
    </row>
    <row r="1650" ht="33" customHeight="true" s="1" customFormat="true" hidden="true" collapsed="true" outlineLevel="3">
      <c r="A1650" s="6" t="s">
        <v>1964</v>
      </c>
      <c r="B1650" s="6" t="s">
        <v>312</v>
      </c>
      <c r="C1650" s="6" t="s">
        <v>149</v>
      </c>
      <c r="D1650" s="6" t="s">
        <v>184</v>
      </c>
      <c r="E1650" s="6" t="e"/>
    </row>
    <row r="1651" ht="11" customHeight="true" s="1" customFormat="true" hidden="true" collapsed="true" outlineLevel="2">
      <c r="A1651" s="5" t="s">
        <v>1965</v>
      </c>
      <c r="B1651" s="5" t="e"/>
      <c r="C1651" s="5" t="e"/>
      <c r="D1651" s="5" t="e"/>
      <c r="E1651" s="5" t="e"/>
    </row>
    <row r="1652" ht="11" customHeight="true" s="1" customFormat="true" hidden="true" collapsed="true" outlineLevel="3">
      <c r="A1652" s="5" t="s">
        <v>1966</v>
      </c>
      <c r="B1652" s="5" t="e"/>
      <c r="C1652" s="5" t="e"/>
      <c r="D1652" s="5" t="e"/>
      <c r="E1652" s="5" t="e"/>
    </row>
    <row r="1653" ht="22" customHeight="true" s="1" customFormat="true" hidden="true" outlineLevel="4">
      <c r="A1653" s="6" t="s">
        <v>1967</v>
      </c>
      <c r="B1653" s="6" t="s">
        <v>149</v>
      </c>
      <c r="C1653" s="6" t="s">
        <v>127</v>
      </c>
      <c r="D1653" s="6" t="s">
        <v>40</v>
      </c>
      <c r="E1653" s="6" t="e"/>
    </row>
    <row r="1654" ht="22" customHeight="true" s="1" customFormat="true" hidden="true" outlineLevel="4">
      <c r="A1654" s="6" t="s">
        <v>1968</v>
      </c>
      <c r="B1654" s="6" t="s">
        <v>141</v>
      </c>
      <c r="C1654" s="6" t="s">
        <v>127</v>
      </c>
      <c r="D1654" s="6" t="s">
        <v>40</v>
      </c>
      <c r="E1654" s="6" t="e"/>
    </row>
    <row r="1655" ht="22" customHeight="true" s="1" customFormat="true" hidden="true" outlineLevel="4">
      <c r="A1655" s="6" t="s">
        <v>1969</v>
      </c>
      <c r="B1655" s="6" t="e"/>
      <c r="C1655" s="6" t="s">
        <v>127</v>
      </c>
      <c r="D1655" s="6" t="s">
        <v>123</v>
      </c>
      <c r="E1655" s="6" t="e"/>
    </row>
    <row r="1656" ht="22" customHeight="true" s="1" customFormat="true" hidden="true" outlineLevel="4">
      <c r="A1656" s="6" t="s">
        <v>1970</v>
      </c>
      <c r="B1656" s="6" t="s">
        <v>141</v>
      </c>
      <c r="C1656" s="6" t="s">
        <v>127</v>
      </c>
      <c r="D1656" s="6" t="s">
        <v>11</v>
      </c>
      <c r="E1656" s="6" t="e"/>
    </row>
    <row r="1657" ht="22" customHeight="true" s="1" customFormat="true" hidden="true" outlineLevel="4">
      <c r="A1657" s="6" t="s">
        <v>1971</v>
      </c>
      <c r="B1657" s="6" t="s">
        <v>149</v>
      </c>
      <c r="C1657" s="6" t="s">
        <v>127</v>
      </c>
      <c r="D1657" s="6" t="s">
        <v>15</v>
      </c>
      <c r="E1657" s="6" t="e"/>
    </row>
    <row r="1658" ht="22" customHeight="true" s="1" customFormat="true" hidden="true" outlineLevel="4">
      <c r="A1658" s="6" t="s">
        <v>1972</v>
      </c>
      <c r="B1658" s="6" t="s">
        <v>149</v>
      </c>
      <c r="C1658" s="6" t="s">
        <v>127</v>
      </c>
      <c r="D1658" s="6" t="s">
        <v>40</v>
      </c>
      <c r="E1658" s="6" t="e"/>
    </row>
    <row r="1659" ht="22" customHeight="true" s="1" customFormat="true" hidden="true" outlineLevel="4">
      <c r="A1659" s="6" t="s">
        <v>1973</v>
      </c>
      <c r="B1659" s="6" t="s">
        <v>149</v>
      </c>
      <c r="C1659" s="6" t="s">
        <v>127</v>
      </c>
      <c r="D1659" s="6" t="s">
        <v>15</v>
      </c>
      <c r="E1659" s="6" t="e"/>
    </row>
    <row r="1660" ht="22" customHeight="true" s="1" customFormat="true" hidden="true" outlineLevel="4">
      <c r="A1660" s="6" t="s">
        <v>1974</v>
      </c>
      <c r="B1660" s="6" t="e"/>
      <c r="C1660" s="6" t="s">
        <v>127</v>
      </c>
      <c r="D1660" s="6" t="s">
        <v>57</v>
      </c>
      <c r="E1660" s="6" t="e"/>
    </row>
    <row r="1661" ht="22" customHeight="true" s="1" customFormat="true" hidden="true" outlineLevel="4">
      <c r="A1661" s="6" t="s">
        <v>1975</v>
      </c>
      <c r="B1661" s="6" t="e"/>
      <c r="C1661" s="6" t="s">
        <v>127</v>
      </c>
      <c r="D1661" s="6" t="s">
        <v>15</v>
      </c>
      <c r="E1661" s="6" t="e"/>
    </row>
    <row r="1662" ht="22" customHeight="true" s="1" customFormat="true" hidden="true" outlineLevel="4">
      <c r="A1662" s="6" t="s">
        <v>1976</v>
      </c>
      <c r="B1662" s="6" t="e"/>
      <c r="C1662" s="6" t="s">
        <v>127</v>
      </c>
      <c r="D1662" s="6" t="s">
        <v>57</v>
      </c>
      <c r="E1662" s="6" t="e"/>
    </row>
    <row r="1663" ht="22" customHeight="true" s="1" customFormat="true" hidden="true" outlineLevel="4">
      <c r="A1663" s="6" t="s">
        <v>1977</v>
      </c>
      <c r="B1663" s="6" t="e"/>
      <c r="C1663" s="6" t="s">
        <v>127</v>
      </c>
      <c r="D1663" s="6" t="s">
        <v>57</v>
      </c>
      <c r="E1663" s="6" t="e"/>
    </row>
    <row r="1664" ht="22" customHeight="true" s="1" customFormat="true" hidden="true" outlineLevel="4">
      <c r="A1664" s="6" t="s">
        <v>1978</v>
      </c>
      <c r="B1664" s="6" t="e"/>
      <c r="C1664" s="6" t="s">
        <v>127</v>
      </c>
      <c r="D1664" s="6" t="s">
        <v>184</v>
      </c>
      <c r="E1664" s="6" t="e"/>
    </row>
    <row r="1665" ht="22" customHeight="true" s="1" customFormat="true" hidden="true" outlineLevel="4">
      <c r="A1665" s="6" t="s">
        <v>1979</v>
      </c>
      <c r="B1665" s="6" t="e"/>
      <c r="C1665" s="6" t="s">
        <v>127</v>
      </c>
      <c r="D1665" s="6" t="s">
        <v>184</v>
      </c>
      <c r="E1665" s="6" t="e"/>
    </row>
    <row r="1666" ht="22" customHeight="true" s="1" customFormat="true" hidden="true" outlineLevel="4">
      <c r="A1666" s="6" t="s">
        <v>1980</v>
      </c>
      <c r="B1666" s="6" t="s">
        <v>126</v>
      </c>
      <c r="C1666" s="6" t="s">
        <v>51</v>
      </c>
      <c r="D1666" s="6" t="s">
        <v>15</v>
      </c>
      <c r="E1666" s="6" t="e"/>
    </row>
    <row r="1667" ht="22" customHeight="true" s="1" customFormat="true" hidden="true" outlineLevel="4">
      <c r="A1667" s="6" t="s">
        <v>1981</v>
      </c>
      <c r="B1667" s="6" t="s">
        <v>126</v>
      </c>
      <c r="C1667" s="6" t="s">
        <v>51</v>
      </c>
      <c r="D1667" s="6" t="s">
        <v>40</v>
      </c>
      <c r="E1667" s="6" t="e"/>
    </row>
    <row r="1668" ht="22" customHeight="true" s="1" customFormat="true" hidden="true" collapsed="true" outlineLevel="4">
      <c r="A1668" s="6" t="s">
        <v>1982</v>
      </c>
      <c r="B1668" s="6" t="e"/>
      <c r="C1668" s="6" t="s">
        <v>51</v>
      </c>
      <c r="D1668" s="6" t="s">
        <v>123</v>
      </c>
      <c r="E1668" s="6" t="e"/>
    </row>
    <row r="1669" ht="11" customHeight="true" s="1" customFormat="true" hidden="true" collapsed="true" outlineLevel="3">
      <c r="A1669" s="5" t="s">
        <v>1983</v>
      </c>
      <c r="B1669" s="5" t="e"/>
      <c r="C1669" s="5" t="e"/>
      <c r="D1669" s="5" t="e"/>
      <c r="E1669" s="5" t="e"/>
    </row>
    <row r="1670" ht="22" customHeight="true" s="1" customFormat="true" hidden="true" outlineLevel="4">
      <c r="A1670" s="6" t="s">
        <v>1984</v>
      </c>
      <c r="B1670" s="6" t="e"/>
      <c r="C1670" s="6" t="s">
        <v>72</v>
      </c>
      <c r="D1670" s="6" t="s">
        <v>123</v>
      </c>
      <c r="E1670" s="6" t="e"/>
    </row>
    <row r="1671" ht="22" customHeight="true" s="1" customFormat="true" hidden="true" outlineLevel="4">
      <c r="A1671" s="6" t="s">
        <v>1985</v>
      </c>
      <c r="B1671" s="6" t="e"/>
      <c r="C1671" s="6" t="s">
        <v>72</v>
      </c>
      <c r="D1671" s="6" t="s">
        <v>123</v>
      </c>
      <c r="E1671" s="6" t="e"/>
    </row>
    <row r="1672" ht="22" customHeight="true" s="1" customFormat="true" hidden="true" outlineLevel="4">
      <c r="A1672" s="6" t="s">
        <v>1986</v>
      </c>
      <c r="B1672" s="6" t="s">
        <v>99</v>
      </c>
      <c r="C1672" s="6" t="s">
        <v>72</v>
      </c>
      <c r="D1672" s="6" t="s">
        <v>15</v>
      </c>
      <c r="E1672" s="6" t="e"/>
    </row>
    <row r="1673" ht="22" customHeight="true" s="1" customFormat="true" hidden="true" outlineLevel="4">
      <c r="A1673" s="6" t="s">
        <v>1987</v>
      </c>
      <c r="B1673" s="6" t="e"/>
      <c r="C1673" s="6" t="s">
        <v>72</v>
      </c>
      <c r="D1673" s="6" t="s">
        <v>184</v>
      </c>
      <c r="E1673" s="6" t="e"/>
    </row>
    <row r="1674" ht="22" customHeight="true" s="1" customFormat="true" hidden="true" outlineLevel="4">
      <c r="A1674" s="6" t="s">
        <v>1988</v>
      </c>
      <c r="B1674" s="6" t="s">
        <v>99</v>
      </c>
      <c r="C1674" s="6" t="s">
        <v>72</v>
      </c>
      <c r="D1674" s="6" t="s">
        <v>57</v>
      </c>
      <c r="E1674" s="6" t="e"/>
    </row>
    <row r="1675" ht="22" customHeight="true" s="1" customFormat="true" hidden="true" collapsed="true" outlineLevel="4">
      <c r="A1675" s="6" t="s">
        <v>1989</v>
      </c>
      <c r="B1675" s="6" t="e"/>
      <c r="C1675" s="6" t="s">
        <v>62</v>
      </c>
      <c r="D1675" s="6" t="s">
        <v>123</v>
      </c>
      <c r="E1675" s="6" t="e"/>
    </row>
    <row r="1676" ht="11" customHeight="true" s="1" customFormat="true" hidden="true" collapsed="true" outlineLevel="3">
      <c r="A1676" s="5" t="s">
        <v>1990</v>
      </c>
      <c r="B1676" s="5" t="e"/>
      <c r="C1676" s="5" t="e"/>
      <c r="D1676" s="5" t="e"/>
      <c r="E1676" s="5" t="e"/>
    </row>
    <row r="1677" ht="22" customHeight="true" s="1" customFormat="true" hidden="true" outlineLevel="4">
      <c r="A1677" s="6" t="s">
        <v>1991</v>
      </c>
      <c r="B1677" s="6" t="s">
        <v>21</v>
      </c>
      <c r="C1677" s="6" t="s">
        <v>13</v>
      </c>
      <c r="D1677" s="6" t="s">
        <v>11</v>
      </c>
      <c r="E1677" s="6" t="e"/>
    </row>
    <row r="1678" ht="11" customHeight="true" s="1" customFormat="true" hidden="true" collapsed="true" outlineLevel="4">
      <c r="A1678" s="6" t="s">
        <v>1992</v>
      </c>
      <c r="B1678" s="6" t="s">
        <v>21</v>
      </c>
      <c r="C1678" s="6" t="s">
        <v>13</v>
      </c>
      <c r="D1678" s="6" t="s">
        <v>40</v>
      </c>
      <c r="E1678" s="6" t="e"/>
    </row>
    <row r="1679" ht="11" customHeight="true" s="1" customFormat="true" hidden="true" collapsed="true" outlineLevel="3">
      <c r="A1679" s="5" t="s">
        <v>1993</v>
      </c>
      <c r="B1679" s="5" t="e"/>
      <c r="C1679" s="5" t="e"/>
      <c r="D1679" s="5" t="e"/>
      <c r="E1679" s="5" t="e"/>
    </row>
    <row r="1680" ht="22" customHeight="true" s="1" customFormat="true" hidden="true" outlineLevel="4">
      <c r="A1680" s="6" t="s">
        <v>1994</v>
      </c>
      <c r="B1680" s="6" t="s">
        <v>72</v>
      </c>
      <c r="C1680" s="6" t="s">
        <v>290</v>
      </c>
      <c r="D1680" s="6" t="s">
        <v>11</v>
      </c>
      <c r="E1680" s="6" t="e"/>
    </row>
    <row r="1681" ht="22" customHeight="true" s="1" customFormat="true" hidden="true" outlineLevel="4">
      <c r="A1681" s="6" t="s">
        <v>1995</v>
      </c>
      <c r="B1681" s="6" t="s">
        <v>72</v>
      </c>
      <c r="C1681" s="6" t="s">
        <v>290</v>
      </c>
      <c r="D1681" s="6" t="s">
        <v>11</v>
      </c>
      <c r="E1681" s="6" t="e"/>
    </row>
    <row r="1682" ht="22" customHeight="true" s="1" customFormat="true" hidden="true" outlineLevel="4">
      <c r="A1682" s="6" t="s">
        <v>1996</v>
      </c>
      <c r="B1682" s="6" t="s">
        <v>72</v>
      </c>
      <c r="C1682" s="6" t="s">
        <v>290</v>
      </c>
      <c r="D1682" s="6" t="s">
        <v>11</v>
      </c>
      <c r="E1682" s="6" t="e"/>
    </row>
    <row r="1683" ht="11" customHeight="true" s="1" customFormat="true" hidden="true" collapsed="true" outlineLevel="4">
      <c r="A1683" s="6" t="s">
        <v>1997</v>
      </c>
      <c r="B1683" s="6" t="s">
        <v>72</v>
      </c>
      <c r="C1683" s="6" t="s">
        <v>290</v>
      </c>
      <c r="D1683" s="6" t="s">
        <v>15</v>
      </c>
      <c r="E1683" s="6" t="e"/>
    </row>
    <row r="1684" ht="11" customHeight="true" s="1" customFormat="true" hidden="true" collapsed="true" outlineLevel="3">
      <c r="A1684" s="5" t="s">
        <v>1998</v>
      </c>
      <c r="B1684" s="5" t="e"/>
      <c r="C1684" s="5" t="e"/>
      <c r="D1684" s="5" t="e"/>
      <c r="E1684" s="5" t="e"/>
    </row>
    <row r="1685" ht="22" customHeight="true" s="1" customFormat="true" hidden="true" outlineLevel="4">
      <c r="A1685" s="6" t="s">
        <v>1999</v>
      </c>
      <c r="B1685" s="6" t="s">
        <v>62</v>
      </c>
      <c r="C1685" s="6" t="s">
        <v>2000</v>
      </c>
      <c r="D1685" s="6" t="s">
        <v>11</v>
      </c>
      <c r="E1685" s="6" t="e"/>
    </row>
    <row r="1686" ht="22" customHeight="true" s="1" customFormat="true" hidden="true" outlineLevel="4">
      <c r="A1686" s="6" t="s">
        <v>2001</v>
      </c>
      <c r="B1686" s="6" t="s">
        <v>62</v>
      </c>
      <c r="C1686" s="6" t="s">
        <v>2000</v>
      </c>
      <c r="D1686" s="6" t="s">
        <v>26</v>
      </c>
      <c r="E1686" s="6" t="e"/>
    </row>
    <row r="1687" ht="22" customHeight="true" s="1" customFormat="true" hidden="true" outlineLevel="4">
      <c r="A1687" s="6" t="s">
        <v>2002</v>
      </c>
      <c r="B1687" s="6" t="s">
        <v>62</v>
      </c>
      <c r="C1687" s="6" t="s">
        <v>2000</v>
      </c>
      <c r="D1687" s="6" t="s">
        <v>11</v>
      </c>
      <c r="E1687" s="6" t="e"/>
    </row>
    <row r="1688" ht="11" customHeight="true" s="1" customFormat="true" hidden="true" outlineLevel="4">
      <c r="A1688" s="6" t="s">
        <v>2003</v>
      </c>
      <c r="B1688" s="6" t="s">
        <v>62</v>
      </c>
      <c r="C1688" s="6" t="s">
        <v>2000</v>
      </c>
      <c r="D1688" s="6" t="s">
        <v>26</v>
      </c>
      <c r="E1688" s="6" t="e"/>
    </row>
    <row r="1689" ht="11" customHeight="true" s="1" customFormat="true" hidden="true" outlineLevel="4">
      <c r="A1689" s="6" t="s">
        <v>2004</v>
      </c>
      <c r="B1689" s="6" t="s">
        <v>62</v>
      </c>
      <c r="C1689" s="6" t="s">
        <v>2000</v>
      </c>
      <c r="D1689" s="6" t="s">
        <v>11</v>
      </c>
      <c r="E1689" s="6" t="e"/>
    </row>
    <row r="1690" ht="22" customHeight="true" s="1" customFormat="true" hidden="true" outlineLevel="4">
      <c r="A1690" s="6" t="s">
        <v>2005</v>
      </c>
      <c r="B1690" s="6" t="s">
        <v>62</v>
      </c>
      <c r="C1690" s="6" t="s">
        <v>2000</v>
      </c>
      <c r="D1690" s="6" t="s">
        <v>26</v>
      </c>
      <c r="E1690" s="6" t="e"/>
    </row>
    <row r="1691" ht="22" customHeight="true" s="1" customFormat="true" hidden="true" outlineLevel="4">
      <c r="A1691" s="6" t="s">
        <v>2006</v>
      </c>
      <c r="B1691" s="6" t="s">
        <v>62</v>
      </c>
      <c r="C1691" s="6" t="s">
        <v>2000</v>
      </c>
      <c r="D1691" s="6" t="s">
        <v>11</v>
      </c>
      <c r="E1691" s="6" t="e"/>
    </row>
    <row r="1692" ht="22" customHeight="true" s="1" customFormat="true" hidden="true" outlineLevel="4">
      <c r="A1692" s="6" t="s">
        <v>2007</v>
      </c>
      <c r="B1692" s="6" t="s">
        <v>112</v>
      </c>
      <c r="C1692" s="6" t="s">
        <v>13</v>
      </c>
      <c r="D1692" s="6" t="s">
        <v>26</v>
      </c>
      <c r="E1692" s="6" t="e"/>
    </row>
    <row r="1693" ht="22" customHeight="true" s="1" customFormat="true" hidden="true" outlineLevel="4">
      <c r="A1693" s="6" t="s">
        <v>2008</v>
      </c>
      <c r="B1693" s="6" t="s">
        <v>112</v>
      </c>
      <c r="C1693" s="6" t="s">
        <v>13</v>
      </c>
      <c r="D1693" s="6" t="s">
        <v>26</v>
      </c>
      <c r="E1693" s="6" t="e"/>
    </row>
    <row r="1694" ht="22" customHeight="true" s="1" customFormat="true" hidden="true" outlineLevel="4">
      <c r="A1694" s="6" t="s">
        <v>2009</v>
      </c>
      <c r="B1694" s="6" t="s">
        <v>112</v>
      </c>
      <c r="C1694" s="6" t="s">
        <v>13</v>
      </c>
      <c r="D1694" s="6" t="s">
        <v>40</v>
      </c>
      <c r="E1694" s="6" t="e"/>
    </row>
    <row r="1695" ht="22" customHeight="true" s="1" customFormat="true" hidden="true" outlineLevel="4">
      <c r="A1695" s="6" t="s">
        <v>2010</v>
      </c>
      <c r="B1695" s="6" t="s">
        <v>112</v>
      </c>
      <c r="C1695" s="6" t="s">
        <v>13</v>
      </c>
      <c r="D1695" s="6" t="s">
        <v>15</v>
      </c>
      <c r="E1695" s="6" t="e"/>
    </row>
    <row r="1696" ht="22" customHeight="true" s="1" customFormat="true" hidden="true" outlineLevel="4">
      <c r="A1696" s="6" t="s">
        <v>2011</v>
      </c>
      <c r="B1696" s="6" t="s">
        <v>112</v>
      </c>
      <c r="C1696" s="6" t="s">
        <v>13</v>
      </c>
      <c r="D1696" s="6" t="s">
        <v>40</v>
      </c>
      <c r="E1696" s="6" t="e"/>
    </row>
    <row r="1697" ht="22" customHeight="true" s="1" customFormat="true" hidden="true" outlineLevel="4">
      <c r="A1697" s="6" t="s">
        <v>2012</v>
      </c>
      <c r="B1697" s="6" t="s">
        <v>66</v>
      </c>
      <c r="C1697" s="6" t="s">
        <v>83</v>
      </c>
      <c r="D1697" s="6" t="s">
        <v>40</v>
      </c>
      <c r="E1697" s="6" t="e"/>
    </row>
    <row r="1698" ht="22" customHeight="true" s="1" customFormat="true" hidden="true" outlineLevel="4">
      <c r="A1698" s="6" t="s">
        <v>2013</v>
      </c>
      <c r="B1698" s="6" t="s">
        <v>66</v>
      </c>
      <c r="C1698" s="6" t="s">
        <v>83</v>
      </c>
      <c r="D1698" s="6" t="s">
        <v>11</v>
      </c>
      <c r="E1698" s="6" t="e"/>
    </row>
    <row r="1699" ht="22" customHeight="true" s="1" customFormat="true" hidden="true" collapsed="true" outlineLevel="4">
      <c r="A1699" s="6" t="s">
        <v>2014</v>
      </c>
      <c r="B1699" s="6" t="s">
        <v>66</v>
      </c>
      <c r="C1699" s="6" t="s">
        <v>83</v>
      </c>
      <c r="D1699" s="6" t="s">
        <v>26</v>
      </c>
      <c r="E1699" s="6" t="e"/>
    </row>
    <row r="1700" ht="11" customHeight="true" s="1" customFormat="true" hidden="true" collapsed="true" outlineLevel="3">
      <c r="A1700" s="5" t="s">
        <v>2015</v>
      </c>
      <c r="B1700" s="5" t="e"/>
      <c r="C1700" s="5" t="e"/>
      <c r="D1700" s="5" t="e"/>
      <c r="E1700" s="5" t="e"/>
    </row>
    <row r="1701" ht="22" customHeight="true" s="1" customFormat="true" hidden="true" outlineLevel="4">
      <c r="A1701" s="6" t="s">
        <v>2016</v>
      </c>
      <c r="B1701" s="6" t="s">
        <v>72</v>
      </c>
      <c r="C1701" s="6" t="s">
        <v>290</v>
      </c>
      <c r="D1701" s="6" t="s">
        <v>123</v>
      </c>
      <c r="E1701" s="6" t="e"/>
    </row>
    <row r="1702" ht="22" customHeight="true" s="1" customFormat="true" hidden="true" collapsed="true" outlineLevel="4">
      <c r="A1702" s="6" t="s">
        <v>2017</v>
      </c>
      <c r="B1702" s="6" t="s">
        <v>87</v>
      </c>
      <c r="C1702" s="6" t="s">
        <v>13</v>
      </c>
      <c r="D1702" s="6" t="s">
        <v>40</v>
      </c>
      <c r="E1702" s="6" t="e"/>
    </row>
    <row r="1703" ht="44" customHeight="true" s="1" customFormat="true" hidden="true" outlineLevel="3">
      <c r="A1703" s="6" t="s">
        <v>2018</v>
      </c>
      <c r="B1703" s="6" t="s">
        <v>155</v>
      </c>
      <c r="C1703" s="6" t="s">
        <v>72</v>
      </c>
      <c r="D1703" s="6" t="s">
        <v>57</v>
      </c>
      <c r="E1703" s="6" t="e"/>
    </row>
    <row r="1704" ht="33" customHeight="true" s="1" customFormat="true" hidden="true" outlineLevel="3">
      <c r="A1704" s="6" t="s">
        <v>2019</v>
      </c>
      <c r="B1704" s="6" t="s">
        <v>105</v>
      </c>
      <c r="C1704" s="6" t="s">
        <v>72</v>
      </c>
      <c r="D1704" s="6" t="s">
        <v>11</v>
      </c>
      <c r="E1704" s="6" t="e"/>
    </row>
    <row r="1705" ht="11" customHeight="true" s="1" customFormat="true" hidden="true" collapsed="true" outlineLevel="3">
      <c r="A1705" s="5" t="s">
        <v>2020</v>
      </c>
      <c r="B1705" s="5" t="e"/>
      <c r="C1705" s="5" t="e"/>
      <c r="D1705" s="5" t="e"/>
      <c r="E1705" s="5" t="e"/>
    </row>
    <row r="1706" ht="22" customHeight="true" s="1" customFormat="true" hidden="true" outlineLevel="4">
      <c r="A1706" s="6" t="s">
        <v>2021</v>
      </c>
      <c r="B1706" s="6" t="s">
        <v>127</v>
      </c>
      <c r="C1706" s="6" t="s">
        <v>73</v>
      </c>
      <c r="D1706" s="6" t="s">
        <v>57</v>
      </c>
      <c r="E1706" s="6" t="e"/>
    </row>
    <row r="1707" ht="33" customHeight="true" s="1" customFormat="true" hidden="true" collapsed="true" outlineLevel="4">
      <c r="A1707" s="6" t="s">
        <v>2022</v>
      </c>
      <c r="B1707" s="6" t="s">
        <v>141</v>
      </c>
      <c r="C1707" s="6" t="s">
        <v>219</v>
      </c>
      <c r="D1707" s="6" t="s">
        <v>15</v>
      </c>
      <c r="E1707" s="6" t="e"/>
    </row>
    <row r="1708" ht="11" customHeight="true" s="1" customFormat="true" hidden="true" collapsed="true" outlineLevel="3">
      <c r="A1708" s="5" t="s">
        <v>2023</v>
      </c>
      <c r="B1708" s="5" t="e"/>
      <c r="C1708" s="5" t="e"/>
      <c r="D1708" s="5" t="e"/>
      <c r="E1708" s="5" t="e"/>
    </row>
    <row r="1709" ht="22" customHeight="true" s="1" customFormat="true" hidden="true" outlineLevel="4">
      <c r="A1709" s="6" t="s">
        <v>2024</v>
      </c>
      <c r="B1709" s="6" t="e"/>
      <c r="C1709" s="6" t="s">
        <v>80</v>
      </c>
      <c r="D1709" s="6" t="s">
        <v>57</v>
      </c>
      <c r="E1709" s="6" t="e"/>
    </row>
    <row r="1710" ht="22" customHeight="true" s="1" customFormat="true" hidden="true" outlineLevel="4">
      <c r="A1710" s="6" t="s">
        <v>2025</v>
      </c>
      <c r="B1710" s="6" t="e"/>
      <c r="C1710" s="6" t="s">
        <v>80</v>
      </c>
      <c r="D1710" s="6" t="s">
        <v>57</v>
      </c>
      <c r="E1710" s="6" t="e"/>
    </row>
    <row r="1711" ht="22" customHeight="true" s="1" customFormat="true" hidden="true" outlineLevel="4">
      <c r="A1711" s="6" t="s">
        <v>2026</v>
      </c>
      <c r="B1711" s="6" t="s">
        <v>127</v>
      </c>
      <c r="C1711" s="6" t="s">
        <v>80</v>
      </c>
      <c r="D1711" s="6" t="s">
        <v>11</v>
      </c>
      <c r="E1711" s="6" t="e"/>
    </row>
    <row r="1712" ht="22" customHeight="true" s="1" customFormat="true" hidden="true" outlineLevel="4">
      <c r="A1712" s="6" t="s">
        <v>2027</v>
      </c>
      <c r="B1712" s="6" t="s">
        <v>61</v>
      </c>
      <c r="C1712" s="6" t="s">
        <v>80</v>
      </c>
      <c r="D1712" s="6" t="s">
        <v>40</v>
      </c>
      <c r="E1712" s="6" t="e"/>
    </row>
    <row r="1713" ht="22" customHeight="true" s="1" customFormat="true" hidden="true" collapsed="true" outlineLevel="4">
      <c r="A1713" s="6" t="s">
        <v>2028</v>
      </c>
      <c r="B1713" s="6" t="e"/>
      <c r="C1713" s="6" t="s">
        <v>80</v>
      </c>
      <c r="D1713" s="6" t="s">
        <v>57</v>
      </c>
      <c r="E1713" s="6" t="e"/>
    </row>
    <row r="1714" ht="11" customHeight="true" s="1" customFormat="true" hidden="true" collapsed="true" outlineLevel="3">
      <c r="A1714" s="5" t="s">
        <v>2029</v>
      </c>
      <c r="B1714" s="5" t="e"/>
      <c r="C1714" s="5" t="e"/>
      <c r="D1714" s="5" t="e"/>
      <c r="E1714" s="5" t="e"/>
    </row>
    <row r="1715" ht="22" customHeight="true" s="1" customFormat="true" hidden="true" outlineLevel="4">
      <c r="A1715" s="6" t="s">
        <v>2030</v>
      </c>
      <c r="B1715" s="6" t="e"/>
      <c r="C1715" s="6" t="s">
        <v>235</v>
      </c>
      <c r="D1715" s="6" t="s">
        <v>15</v>
      </c>
      <c r="E1715" s="6" t="e"/>
    </row>
    <row r="1716" ht="22" customHeight="true" s="1" customFormat="true" hidden="true" outlineLevel="4">
      <c r="A1716" s="6" t="s">
        <v>2031</v>
      </c>
      <c r="B1716" s="6" t="s">
        <v>219</v>
      </c>
      <c r="C1716" s="6" t="s">
        <v>235</v>
      </c>
      <c r="D1716" s="6" t="s">
        <v>11</v>
      </c>
      <c r="E1716" s="6" t="e"/>
    </row>
    <row r="1717" ht="22" customHeight="true" s="1" customFormat="true" hidden="true" outlineLevel="4">
      <c r="A1717" s="6" t="s">
        <v>2032</v>
      </c>
      <c r="B1717" s="6" t="s">
        <v>219</v>
      </c>
      <c r="C1717" s="6" t="s">
        <v>235</v>
      </c>
      <c r="D1717" s="6" t="s">
        <v>11</v>
      </c>
      <c r="E1717" s="6" t="e"/>
    </row>
    <row r="1718" ht="22" customHeight="true" s="1" customFormat="true" hidden="true" outlineLevel="4">
      <c r="A1718" s="6" t="s">
        <v>2033</v>
      </c>
      <c r="B1718" s="6" t="s">
        <v>219</v>
      </c>
      <c r="C1718" s="6" t="s">
        <v>235</v>
      </c>
      <c r="D1718" s="6" t="s">
        <v>26</v>
      </c>
      <c r="E1718" s="6" t="e"/>
    </row>
    <row r="1719" ht="22" customHeight="true" s="1" customFormat="true" hidden="true" collapsed="true" outlineLevel="4">
      <c r="A1719" s="6" t="s">
        <v>2034</v>
      </c>
      <c r="B1719" s="6" t="s">
        <v>219</v>
      </c>
      <c r="C1719" s="6" t="s">
        <v>235</v>
      </c>
      <c r="D1719" s="6" t="s">
        <v>40</v>
      </c>
      <c r="E1719" s="6" t="e"/>
    </row>
    <row r="1720" ht="11" customHeight="true" s="1" customFormat="true" hidden="true" collapsed="true" outlineLevel="2">
      <c r="A1720" s="5" t="s">
        <v>2035</v>
      </c>
      <c r="B1720" s="5" t="e"/>
      <c r="C1720" s="5" t="e"/>
      <c r="D1720" s="5" t="e"/>
      <c r="E1720" s="5" t="e"/>
    </row>
    <row r="1721" ht="22" customHeight="true" s="1" customFormat="true" hidden="true" collapsed="true" outlineLevel="3">
      <c r="A1721" s="6" t="s">
        <v>2036</v>
      </c>
      <c r="B1721" s="6" t="s">
        <v>55</v>
      </c>
      <c r="C1721" s="6" t="s">
        <v>21</v>
      </c>
      <c r="D1721" s="6" t="s">
        <v>11</v>
      </c>
      <c r="E1721" s="6" t="e"/>
    </row>
    <row r="1722" ht="11" customHeight="true" s="1" customFormat="true" hidden="true" collapsed="true" outlineLevel="2">
      <c r="A1722" s="5" t="s">
        <v>2037</v>
      </c>
      <c r="B1722" s="5" t="e"/>
      <c r="C1722" s="5" t="e"/>
      <c r="D1722" s="5" t="e"/>
      <c r="E1722" s="5" t="e"/>
    </row>
    <row r="1723" ht="22" customHeight="true" s="1" customFormat="true" hidden="true" collapsed="true" outlineLevel="3">
      <c r="A1723" s="6" t="s">
        <v>2038</v>
      </c>
      <c r="B1723" s="6" t="s">
        <v>298</v>
      </c>
      <c r="C1723" s="6" t="s">
        <v>55</v>
      </c>
      <c r="D1723" s="6" t="s">
        <v>57</v>
      </c>
      <c r="E1723" s="6" t="e"/>
    </row>
    <row r="1724" ht="11" customHeight="true" s="1" customFormat="true" hidden="true" collapsed="true" outlineLevel="2">
      <c r="A1724" s="5" t="s">
        <v>2039</v>
      </c>
      <c r="B1724" s="5" t="e"/>
      <c r="C1724" s="5" t="e"/>
      <c r="D1724" s="5" t="e"/>
      <c r="E1724" s="5" t="e"/>
    </row>
    <row r="1725" ht="11" customHeight="true" s="1" customFormat="true" hidden="true" outlineLevel="3">
      <c r="A1725" s="6" t="s">
        <v>2040</v>
      </c>
      <c r="B1725" s="6" t="s">
        <v>914</v>
      </c>
      <c r="C1725" s="6" t="s">
        <v>72</v>
      </c>
      <c r="D1725" s="6" t="s">
        <v>68</v>
      </c>
      <c r="E1725" s="6" t="e"/>
    </row>
    <row r="1726" ht="11" customHeight="true" collapsed="true" outlineLevel="1">
      <c r="A1726" s="5" t="s">
        <v>2041</v>
      </c>
      <c r="B1726" s="5" t="e"/>
      <c r="C1726" s="5" t="e"/>
      <c r="D1726" s="5" t="e"/>
      <c r="E1726" s="5" t="e"/>
    </row>
    <row r="1727" ht="44" customHeight="true" s="1" customFormat="true" hidden="true" outlineLevel="2">
      <c r="A1727" s="6" t="s">
        <v>2042</v>
      </c>
      <c r="B1727" s="6" t="s">
        <v>2043</v>
      </c>
      <c r="C1727" s="6" t="s">
        <v>443</v>
      </c>
      <c r="D1727" s="6" t="s">
        <v>11</v>
      </c>
      <c r="E1727" s="6" t="e"/>
    </row>
    <row r="1728" ht="56" customHeight="true" s="1" customFormat="true" hidden="true" outlineLevel="2">
      <c r="A1728" s="6" t="s">
        <v>2044</v>
      </c>
      <c r="B1728" s="6" t="s">
        <v>2045</v>
      </c>
      <c r="C1728" s="6" t="s">
        <v>926</v>
      </c>
      <c r="D1728" s="6" t="s">
        <v>15</v>
      </c>
      <c r="E1728" s="6" t="e"/>
    </row>
    <row r="1729" ht="33" customHeight="true" s="1" customFormat="true" hidden="true" outlineLevel="2">
      <c r="A1729" s="6" t="s">
        <v>2046</v>
      </c>
      <c r="B1729" s="6" t="s">
        <v>2047</v>
      </c>
      <c r="C1729" s="6" t="s">
        <v>21</v>
      </c>
      <c r="D1729" s="6" t="s">
        <v>11</v>
      </c>
      <c r="E1729" s="6" t="e"/>
    </row>
    <row r="1730" ht="44" customHeight="true" s="1" customFormat="true" hidden="true" outlineLevel="2">
      <c r="A1730" s="6" t="s">
        <v>2048</v>
      </c>
      <c r="B1730" s="6" t="s">
        <v>118</v>
      </c>
      <c r="C1730" s="6" t="s">
        <v>18</v>
      </c>
      <c r="D1730" s="6" t="s">
        <v>11</v>
      </c>
      <c r="E1730" s="6" t="e"/>
    </row>
    <row r="1731" ht="33" customHeight="true" s="1" customFormat="true" hidden="true" outlineLevel="2">
      <c r="A1731" s="6" t="s">
        <v>2049</v>
      </c>
      <c r="B1731" s="6" t="s">
        <v>66</v>
      </c>
      <c r="C1731" s="6" t="s">
        <v>235</v>
      </c>
      <c r="D1731" s="6" t="s">
        <v>15</v>
      </c>
      <c r="E1731" s="6" t="e"/>
    </row>
    <row r="1732" ht="33" customHeight="true" s="1" customFormat="true" hidden="true" outlineLevel="2">
      <c r="A1732" s="6" t="s">
        <v>2050</v>
      </c>
      <c r="B1732" s="6" t="s">
        <v>72</v>
      </c>
      <c r="C1732" s="6" t="s">
        <v>80</v>
      </c>
      <c r="D1732" s="6" t="s">
        <v>57</v>
      </c>
      <c r="E1732" s="6" t="e"/>
    </row>
    <row r="1733" ht="44" customHeight="true" s="1" customFormat="true" hidden="true" outlineLevel="2">
      <c r="A1733" s="6" t="s">
        <v>2051</v>
      </c>
      <c r="B1733" s="6" t="s">
        <v>2052</v>
      </c>
      <c r="C1733" s="6" t="s">
        <v>18</v>
      </c>
      <c r="D1733" s="6" t="s">
        <v>11</v>
      </c>
      <c r="E1733" s="6" t="e"/>
    </row>
    <row r="1734" ht="44" customHeight="true" s="1" customFormat="true" hidden="true" outlineLevel="2">
      <c r="A1734" s="6" t="s">
        <v>2053</v>
      </c>
      <c r="B1734" s="6" t="e"/>
      <c r="C1734" s="6" t="s">
        <v>926</v>
      </c>
      <c r="D1734" s="6" t="s">
        <v>26</v>
      </c>
      <c r="E1734" s="6" t="e"/>
    </row>
    <row r="1735" ht="44" customHeight="true" s="1" customFormat="true" hidden="true" outlineLevel="2">
      <c r="A1735" s="6" t="s">
        <v>2054</v>
      </c>
      <c r="B1735" s="6" t="s">
        <v>1035</v>
      </c>
      <c r="C1735" s="6" t="s">
        <v>21</v>
      </c>
      <c r="D1735" s="6" t="s">
        <v>15</v>
      </c>
      <c r="E1735" s="6" t="e"/>
    </row>
    <row r="1736" ht="11" customHeight="true" collapsed="true" outlineLevel="1">
      <c r="A1736" s="5" t="s">
        <v>2055</v>
      </c>
      <c r="B1736" s="5" t="e"/>
      <c r="C1736" s="5" t="e"/>
      <c r="D1736" s="5" t="e"/>
      <c r="E1736" s="5" t="e"/>
    </row>
    <row r="1737" ht="11" customHeight="true" s="1" customFormat="true" hidden="true" collapsed="true" outlineLevel="2">
      <c r="A1737" s="5" t="s">
        <v>2056</v>
      </c>
      <c r="B1737" s="5" t="e"/>
      <c r="C1737" s="5" t="e"/>
      <c r="D1737" s="5" t="e"/>
      <c r="E1737" s="5" t="e"/>
    </row>
    <row r="1738" ht="44" customHeight="true" s="1" customFormat="true" hidden="true" outlineLevel="3">
      <c r="A1738" s="6" t="s">
        <v>2057</v>
      </c>
      <c r="B1738" s="6" t="s">
        <v>225</v>
      </c>
      <c r="C1738" s="6" t="s">
        <v>103</v>
      </c>
      <c r="D1738" s="6" t="s">
        <v>40</v>
      </c>
      <c r="E1738" s="6" t="e"/>
    </row>
    <row r="1739" ht="22" customHeight="true" s="1" customFormat="true" hidden="true" outlineLevel="3">
      <c r="A1739" s="6" t="s">
        <v>2058</v>
      </c>
      <c r="B1739" s="6" t="s">
        <v>225</v>
      </c>
      <c r="C1739" s="6" t="s">
        <v>103</v>
      </c>
      <c r="D1739" s="6" t="s">
        <v>11</v>
      </c>
      <c r="E1739" s="6" t="e"/>
    </row>
    <row r="1740" ht="22" customHeight="true" s="1" customFormat="true" hidden="true" outlineLevel="3">
      <c r="A1740" s="6" t="s">
        <v>2059</v>
      </c>
      <c r="B1740" s="6" t="s">
        <v>131</v>
      </c>
      <c r="C1740" s="6" t="s">
        <v>219</v>
      </c>
      <c r="D1740" s="6" t="s">
        <v>184</v>
      </c>
      <c r="E1740" s="6" t="e"/>
    </row>
    <row r="1741" ht="22" customHeight="true" s="1" customFormat="true" hidden="true" outlineLevel="3">
      <c r="A1741" s="6" t="s">
        <v>2060</v>
      </c>
      <c r="B1741" s="6" t="s">
        <v>127</v>
      </c>
      <c r="C1741" s="6" t="s">
        <v>62</v>
      </c>
      <c r="D1741" s="6" t="s">
        <v>11</v>
      </c>
      <c r="E1741" s="6" t="e"/>
    </row>
    <row r="1742" ht="22" customHeight="true" s="1" customFormat="true" hidden="true" outlineLevel="3">
      <c r="A1742" s="6" t="s">
        <v>2061</v>
      </c>
      <c r="B1742" s="6" t="s">
        <v>219</v>
      </c>
      <c r="C1742" s="6" t="s">
        <v>73</v>
      </c>
      <c r="D1742" s="6" t="s">
        <v>57</v>
      </c>
      <c r="E1742" s="6" t="e"/>
    </row>
    <row r="1743" ht="33" customHeight="true" s="1" customFormat="true" hidden="true" outlineLevel="3">
      <c r="A1743" s="6" t="s">
        <v>2062</v>
      </c>
      <c r="B1743" s="6" t="s">
        <v>131</v>
      </c>
      <c r="C1743" s="6" t="s">
        <v>55</v>
      </c>
      <c r="D1743" s="6" t="s">
        <v>26</v>
      </c>
      <c r="E1743" s="6" t="e"/>
    </row>
    <row r="1744" ht="33" customHeight="true" s="1" customFormat="true" hidden="true" outlineLevel="3">
      <c r="A1744" s="6" t="s">
        <v>2063</v>
      </c>
      <c r="B1744" s="6" t="s">
        <v>478</v>
      </c>
      <c r="C1744" s="6" t="s">
        <v>127</v>
      </c>
      <c r="D1744" s="6" t="s">
        <v>40</v>
      </c>
      <c r="E1744" s="6" t="e"/>
    </row>
    <row r="1745" ht="33" customHeight="true" s="1" customFormat="true" hidden="true" outlineLevel="3">
      <c r="A1745" s="6" t="s">
        <v>2064</v>
      </c>
      <c r="B1745" s="6" t="s">
        <v>110</v>
      </c>
      <c r="C1745" s="6" t="s">
        <v>51</v>
      </c>
      <c r="D1745" s="6" t="s">
        <v>100</v>
      </c>
      <c r="E1745" s="6" t="e"/>
    </row>
    <row r="1746" ht="33" customHeight="true" s="1" customFormat="true" hidden="true" outlineLevel="3">
      <c r="A1746" s="6" t="s">
        <v>2065</v>
      </c>
      <c r="B1746" s="6" t="s">
        <v>142</v>
      </c>
      <c r="C1746" s="6" t="s">
        <v>51</v>
      </c>
      <c r="D1746" s="6" t="s">
        <v>57</v>
      </c>
      <c r="E1746" s="6" t="e"/>
    </row>
    <row r="1747" ht="44" customHeight="true" s="1" customFormat="true" hidden="true" outlineLevel="3">
      <c r="A1747" s="6" t="s">
        <v>2066</v>
      </c>
      <c r="B1747" s="6" t="s">
        <v>114</v>
      </c>
      <c r="C1747" s="6" t="s">
        <v>51</v>
      </c>
      <c r="D1747" s="6" t="s">
        <v>11</v>
      </c>
      <c r="E1747" s="6" t="e"/>
    </row>
    <row r="1748" ht="33" customHeight="true" s="1" customFormat="true" hidden="true" outlineLevel="3">
      <c r="A1748" s="6" t="s">
        <v>2067</v>
      </c>
      <c r="B1748" s="6" t="s">
        <v>126</v>
      </c>
      <c r="C1748" s="6" t="s">
        <v>72</v>
      </c>
      <c r="D1748" s="6" t="s">
        <v>57</v>
      </c>
      <c r="E1748" s="6" t="e"/>
    </row>
    <row r="1749" ht="33" customHeight="true" s="1" customFormat="true" hidden="true" outlineLevel="3">
      <c r="A1749" s="6" t="s">
        <v>2068</v>
      </c>
      <c r="B1749" s="6" t="s">
        <v>136</v>
      </c>
      <c r="C1749" s="6" t="s">
        <v>219</v>
      </c>
      <c r="D1749" s="6" t="s">
        <v>11</v>
      </c>
      <c r="E1749" s="6" t="e"/>
    </row>
    <row r="1750" ht="33" customHeight="true" s="1" customFormat="true" hidden="true" outlineLevel="3">
      <c r="A1750" s="6" t="s">
        <v>2069</v>
      </c>
      <c r="B1750" s="6" t="s">
        <v>142</v>
      </c>
      <c r="C1750" s="6" t="s">
        <v>51</v>
      </c>
      <c r="D1750" s="6" t="s">
        <v>11</v>
      </c>
      <c r="E1750" s="6" t="e"/>
    </row>
    <row r="1751" ht="33" customHeight="true" s="1" customFormat="true" hidden="true" outlineLevel="3">
      <c r="A1751" s="6" t="s">
        <v>2070</v>
      </c>
      <c r="B1751" s="6" t="s">
        <v>225</v>
      </c>
      <c r="C1751" s="6" t="s">
        <v>219</v>
      </c>
      <c r="D1751" s="6" t="s">
        <v>11</v>
      </c>
      <c r="E1751" s="6" t="e"/>
    </row>
    <row r="1752" ht="22" customHeight="true" s="1" customFormat="true" hidden="true" outlineLevel="3">
      <c r="A1752" s="6" t="s">
        <v>2071</v>
      </c>
      <c r="B1752" s="6" t="s">
        <v>136</v>
      </c>
      <c r="C1752" s="6" t="s">
        <v>219</v>
      </c>
      <c r="D1752" s="6" t="s">
        <v>11</v>
      </c>
      <c r="E1752" s="6" t="e"/>
    </row>
    <row r="1753" ht="33" customHeight="true" s="1" customFormat="true" hidden="true" outlineLevel="3">
      <c r="A1753" s="6" t="s">
        <v>2072</v>
      </c>
      <c r="B1753" s="6" t="s">
        <v>136</v>
      </c>
      <c r="C1753" s="6" t="s">
        <v>219</v>
      </c>
      <c r="D1753" s="6" t="s">
        <v>11</v>
      </c>
      <c r="E1753" s="6" t="e"/>
    </row>
    <row r="1754" ht="22" customHeight="true" s="1" customFormat="true" hidden="true" outlineLevel="3">
      <c r="A1754" s="6" t="s">
        <v>2073</v>
      </c>
      <c r="B1754" s="6" t="s">
        <v>371</v>
      </c>
      <c r="C1754" s="6" t="s">
        <v>235</v>
      </c>
      <c r="D1754" s="6" t="s">
        <v>11</v>
      </c>
      <c r="E1754" s="6" t="e"/>
    </row>
    <row r="1755" ht="33" customHeight="true" s="1" customFormat="true" hidden="true" outlineLevel="3">
      <c r="A1755" s="6" t="s">
        <v>2074</v>
      </c>
      <c r="B1755" s="6" t="s">
        <v>114</v>
      </c>
      <c r="C1755" s="6" t="s">
        <v>62</v>
      </c>
      <c r="D1755" s="6" t="s">
        <v>26</v>
      </c>
      <c r="E1755" s="6" t="e"/>
    </row>
    <row r="1756" ht="33" customHeight="true" s="1" customFormat="true" hidden="true" outlineLevel="3">
      <c r="A1756" s="6" t="s">
        <v>2075</v>
      </c>
      <c r="B1756" s="6" t="s">
        <v>2076</v>
      </c>
      <c r="C1756" s="6" t="s">
        <v>80</v>
      </c>
      <c r="D1756" s="6" t="s">
        <v>11</v>
      </c>
      <c r="E1756" s="6" t="e"/>
    </row>
    <row r="1757" ht="33" customHeight="true" s="1" customFormat="true" hidden="true" outlineLevel="3">
      <c r="A1757" s="6" t="s">
        <v>2077</v>
      </c>
      <c r="B1757" s="6" t="s">
        <v>120</v>
      </c>
      <c r="C1757" s="6" t="s">
        <v>127</v>
      </c>
      <c r="D1757" s="6" t="s">
        <v>26</v>
      </c>
      <c r="E1757" s="6" t="e"/>
    </row>
    <row r="1758" ht="33" customHeight="true" s="1" customFormat="true" hidden="true" outlineLevel="3">
      <c r="A1758" s="6" t="s">
        <v>2078</v>
      </c>
      <c r="B1758" s="6" t="s">
        <v>116</v>
      </c>
      <c r="C1758" s="6" t="s">
        <v>235</v>
      </c>
      <c r="D1758" s="6" t="s">
        <v>26</v>
      </c>
      <c r="E1758" s="6" t="e"/>
    </row>
    <row r="1759" ht="44" customHeight="true" s="1" customFormat="true" hidden="true" outlineLevel="3">
      <c r="A1759" s="6" t="s">
        <v>2079</v>
      </c>
      <c r="B1759" s="6" t="s">
        <v>126</v>
      </c>
      <c r="C1759" s="6" t="s">
        <v>72</v>
      </c>
      <c r="D1759" s="6" t="s">
        <v>26</v>
      </c>
      <c r="E1759" s="6" t="e"/>
    </row>
    <row r="1760" ht="33" customHeight="true" s="1" customFormat="true" hidden="true" outlineLevel="3">
      <c r="A1760" s="6" t="s">
        <v>2080</v>
      </c>
      <c r="B1760" s="6" t="s">
        <v>114</v>
      </c>
      <c r="C1760" s="6" t="s">
        <v>62</v>
      </c>
      <c r="D1760" s="6" t="s">
        <v>57</v>
      </c>
      <c r="E1760" s="6" t="e"/>
    </row>
    <row r="1761" ht="33" customHeight="true" s="1" customFormat="true" hidden="true" outlineLevel="3">
      <c r="A1761" s="6" t="s">
        <v>2081</v>
      </c>
      <c r="B1761" s="6" t="s">
        <v>379</v>
      </c>
      <c r="C1761" s="6" t="s">
        <v>290</v>
      </c>
      <c r="D1761" s="6" t="s">
        <v>40</v>
      </c>
      <c r="E1761" s="6" t="e"/>
    </row>
    <row r="1762" ht="22" customHeight="true" s="1" customFormat="true" hidden="true" outlineLevel="3">
      <c r="A1762" s="6" t="s">
        <v>2082</v>
      </c>
      <c r="B1762" s="6" t="s">
        <v>14</v>
      </c>
      <c r="C1762" s="6" t="s">
        <v>1694</v>
      </c>
      <c r="D1762" s="6" t="s">
        <v>11</v>
      </c>
      <c r="E1762" s="6" t="e"/>
    </row>
    <row r="1763" ht="33" customHeight="true" s="1" customFormat="true" hidden="true" outlineLevel="3">
      <c r="A1763" s="6" t="s">
        <v>2083</v>
      </c>
      <c r="B1763" s="6" t="s">
        <v>149</v>
      </c>
      <c r="C1763" s="6" t="s">
        <v>219</v>
      </c>
      <c r="D1763" s="6" t="s">
        <v>57</v>
      </c>
      <c r="E1763" s="6" t="e"/>
    </row>
    <row r="1764" ht="22" customHeight="true" s="1" customFormat="true" hidden="true" outlineLevel="3">
      <c r="A1764" s="6" t="s">
        <v>2084</v>
      </c>
      <c r="B1764" s="6" t="s">
        <v>149</v>
      </c>
      <c r="C1764" s="6" t="s">
        <v>142</v>
      </c>
      <c r="D1764" s="6" t="s">
        <v>11</v>
      </c>
      <c r="E1764" s="6" t="e"/>
    </row>
    <row r="1765" ht="22" customHeight="true" s="1" customFormat="true" hidden="true" outlineLevel="3">
      <c r="A1765" s="6" t="s">
        <v>2085</v>
      </c>
      <c r="B1765" s="6" t="s">
        <v>519</v>
      </c>
      <c r="C1765" s="6" t="s">
        <v>219</v>
      </c>
      <c r="D1765" s="6" t="s">
        <v>26</v>
      </c>
      <c r="E1765" s="6" t="e"/>
    </row>
    <row r="1766" ht="33" customHeight="true" s="1" customFormat="true" hidden="true" collapsed="true" outlineLevel="3">
      <c r="A1766" s="6" t="s">
        <v>2086</v>
      </c>
      <c r="B1766" s="6" t="s">
        <v>308</v>
      </c>
      <c r="C1766" s="6" t="s">
        <v>127</v>
      </c>
      <c r="D1766" s="6" t="s">
        <v>26</v>
      </c>
      <c r="E1766" s="6" t="e"/>
    </row>
    <row r="1767" ht="11" customHeight="true" s="1" customFormat="true" hidden="true" collapsed="true" outlineLevel="2">
      <c r="A1767" s="5" t="s">
        <v>2087</v>
      </c>
      <c r="B1767" s="5" t="e"/>
      <c r="C1767" s="5" t="e"/>
      <c r="D1767" s="5" t="e"/>
      <c r="E1767" s="5" t="e"/>
    </row>
    <row r="1768" ht="44" customHeight="true" s="1" customFormat="true" hidden="true" outlineLevel="3">
      <c r="A1768" s="6" t="s">
        <v>2088</v>
      </c>
      <c r="B1768" s="6" t="s">
        <v>51</v>
      </c>
      <c r="C1768" s="6" t="s">
        <v>235</v>
      </c>
      <c r="D1768" s="6" t="s">
        <v>15</v>
      </c>
      <c r="E1768" s="6" t="e"/>
    </row>
    <row r="1769" ht="33" customHeight="true" s="1" customFormat="true" hidden="true" outlineLevel="3">
      <c r="A1769" s="6" t="s">
        <v>2089</v>
      </c>
      <c r="B1769" s="6" t="s">
        <v>110</v>
      </c>
      <c r="C1769" s="6" t="s">
        <v>72</v>
      </c>
      <c r="D1769" s="6" t="s">
        <v>11</v>
      </c>
      <c r="E1769" s="6" t="e"/>
    </row>
    <row r="1770" ht="44" customHeight="true" s="1" customFormat="true" hidden="true" outlineLevel="3">
      <c r="A1770" s="6" t="s">
        <v>2090</v>
      </c>
      <c r="B1770" s="6" t="s">
        <v>61</v>
      </c>
      <c r="C1770" s="6" t="s">
        <v>73</v>
      </c>
      <c r="D1770" s="6" t="s">
        <v>11</v>
      </c>
      <c r="E1770" s="6" t="e"/>
    </row>
    <row r="1771" ht="44" customHeight="true" s="1" customFormat="true" hidden="true" outlineLevel="3">
      <c r="A1771" s="6" t="s">
        <v>2091</v>
      </c>
      <c r="B1771" s="6" t="s">
        <v>82</v>
      </c>
      <c r="C1771" s="6" t="s">
        <v>290</v>
      </c>
      <c r="D1771" s="6" t="s">
        <v>40</v>
      </c>
      <c r="E1771" s="6" t="e"/>
    </row>
    <row r="1772" ht="56" customHeight="true" s="1" customFormat="true" hidden="true" outlineLevel="3">
      <c r="A1772" s="6" t="s">
        <v>2092</v>
      </c>
      <c r="B1772" s="6" t="s">
        <v>73</v>
      </c>
      <c r="C1772" s="6" t="s">
        <v>83</v>
      </c>
      <c r="D1772" s="6" t="s">
        <v>40</v>
      </c>
      <c r="E1772" s="6" t="e"/>
    </row>
    <row r="1773" ht="56" customHeight="true" s="1" customFormat="true" hidden="true" outlineLevel="3">
      <c r="A1773" s="6" t="s">
        <v>2093</v>
      </c>
      <c r="B1773" s="6" t="s">
        <v>235</v>
      </c>
      <c r="C1773" s="6" t="s">
        <v>47</v>
      </c>
      <c r="D1773" s="6" t="s">
        <v>11</v>
      </c>
      <c r="E1773" s="6" t="e"/>
    </row>
    <row r="1774" ht="33" customHeight="true" s="1" customFormat="true" hidden="true" collapsed="true" outlineLevel="3">
      <c r="A1774" s="6" t="s">
        <v>2094</v>
      </c>
      <c r="B1774" s="6" t="s">
        <v>219</v>
      </c>
      <c r="C1774" s="6" t="s">
        <v>72</v>
      </c>
      <c r="D1774" s="6" t="s">
        <v>57</v>
      </c>
      <c r="E1774" s="6" t="e"/>
    </row>
    <row r="1775" ht="11" customHeight="true" s="1" customFormat="true" hidden="true" collapsed="true" outlineLevel="2">
      <c r="A1775" s="5" t="s">
        <v>2095</v>
      </c>
      <c r="B1775" s="5" t="e"/>
      <c r="C1775" s="5" t="e"/>
      <c r="D1775" s="5" t="e"/>
      <c r="E1775" s="5" t="e"/>
    </row>
    <row r="1776" ht="22" customHeight="true" s="1" customFormat="true" hidden="true" outlineLevel="3">
      <c r="A1776" s="6" t="s">
        <v>2096</v>
      </c>
      <c r="B1776" s="6" t="s">
        <v>219</v>
      </c>
      <c r="C1776" s="6" t="s">
        <v>51</v>
      </c>
      <c r="D1776" s="6" t="s">
        <v>11</v>
      </c>
      <c r="E1776" s="6" t="e"/>
    </row>
    <row r="1777" ht="22" customHeight="true" s="1" customFormat="true" hidden="true" outlineLevel="3">
      <c r="A1777" s="6" t="s">
        <v>2097</v>
      </c>
      <c r="B1777" s="6" t="s">
        <v>219</v>
      </c>
      <c r="C1777" s="6" t="s">
        <v>51</v>
      </c>
      <c r="D1777" s="6" t="s">
        <v>11</v>
      </c>
      <c r="E1777" s="6" t="e"/>
    </row>
    <row r="1778" ht="11" customHeight="true" s="1" customFormat="true" hidden="true" outlineLevel="3">
      <c r="A1778" s="6" t="s">
        <v>2098</v>
      </c>
      <c r="B1778" s="6" t="s">
        <v>136</v>
      </c>
      <c r="C1778" s="6" t="s">
        <v>219</v>
      </c>
      <c r="D1778" s="6" t="s">
        <v>11</v>
      </c>
      <c r="E1778" s="6" t="e"/>
    </row>
    <row r="1779" ht="22" customHeight="true" s="1" customFormat="true" hidden="true" outlineLevel="3">
      <c r="A1779" s="6" t="s">
        <v>2099</v>
      </c>
      <c r="B1779" s="6" t="s">
        <v>142</v>
      </c>
      <c r="C1779" s="6" t="s">
        <v>72</v>
      </c>
      <c r="D1779" s="6" t="s">
        <v>276</v>
      </c>
      <c r="E1779" s="6" t="e"/>
    </row>
    <row r="1780" ht="22" customHeight="true" s="1" customFormat="true" hidden="true" outlineLevel="3">
      <c r="A1780" s="6" t="s">
        <v>2100</v>
      </c>
      <c r="B1780" s="6" t="s">
        <v>105</v>
      </c>
      <c r="C1780" s="6" t="s">
        <v>51</v>
      </c>
      <c r="D1780" s="6" t="s">
        <v>644</v>
      </c>
      <c r="E1780" s="6" t="e"/>
    </row>
    <row r="1781" ht="56" customHeight="true" s="1" customFormat="true" hidden="true" outlineLevel="3">
      <c r="A1781" s="6" t="s">
        <v>2101</v>
      </c>
      <c r="B1781" s="6" t="s">
        <v>73</v>
      </c>
      <c r="C1781" s="6" t="s">
        <v>83</v>
      </c>
      <c r="D1781" s="6" t="s">
        <v>57</v>
      </c>
      <c r="E1781" s="6" t="e"/>
    </row>
    <row r="1782" ht="22" customHeight="true" s="1" customFormat="true" hidden="true" outlineLevel="3">
      <c r="A1782" s="6" t="s">
        <v>2102</v>
      </c>
      <c r="B1782" s="6" t="s">
        <v>127</v>
      </c>
      <c r="C1782" s="6" t="s">
        <v>235</v>
      </c>
      <c r="D1782" s="6" t="s">
        <v>40</v>
      </c>
      <c r="E1782" s="6" t="e"/>
    </row>
    <row r="1783" ht="22" customHeight="true" s="1" customFormat="true" hidden="true" outlineLevel="3">
      <c r="A1783" s="6" t="s">
        <v>2103</v>
      </c>
      <c r="B1783" s="6" t="s">
        <v>142</v>
      </c>
      <c r="C1783" s="6" t="s">
        <v>72</v>
      </c>
      <c r="D1783" s="6" t="s">
        <v>26</v>
      </c>
      <c r="E1783" s="6" t="e"/>
    </row>
    <row r="1784" ht="33" customHeight="true" s="1" customFormat="true" hidden="true" collapsed="true" outlineLevel="3">
      <c r="A1784" s="6" t="s">
        <v>2104</v>
      </c>
      <c r="B1784" s="6" t="s">
        <v>142</v>
      </c>
      <c r="C1784" s="6" t="s">
        <v>72</v>
      </c>
      <c r="D1784" s="6" t="s">
        <v>11</v>
      </c>
      <c r="E1784" s="6" t="e"/>
    </row>
    <row r="1785" ht="11" customHeight="true" s="1" customFormat="true" hidden="true" collapsed="true" outlineLevel="2">
      <c r="A1785" s="5" t="s">
        <v>2105</v>
      </c>
      <c r="B1785" s="5" t="e"/>
      <c r="C1785" s="5" t="e"/>
      <c r="D1785" s="5" t="e"/>
      <c r="E1785" s="5" t="e"/>
    </row>
    <row r="1786" ht="11" customHeight="true" s="1" customFormat="true" hidden="true" collapsed="true" outlineLevel="3">
      <c r="A1786" s="6" t="s">
        <v>2106</v>
      </c>
      <c r="B1786" s="6" t="s">
        <v>145</v>
      </c>
      <c r="C1786" s="6" t="s">
        <v>55</v>
      </c>
      <c r="D1786" s="6" t="s">
        <v>11</v>
      </c>
      <c r="E1786" s="6" t="e"/>
    </row>
    <row r="1787" ht="11" customHeight="true" s="1" customFormat="true" hidden="true" collapsed="true" outlineLevel="2">
      <c r="A1787" s="5" t="s">
        <v>2107</v>
      </c>
      <c r="B1787" s="5" t="e"/>
      <c r="C1787" s="5" t="e"/>
      <c r="D1787" s="5" t="e"/>
      <c r="E1787" s="5" t="e"/>
    </row>
    <row r="1788" ht="11" customHeight="true" s="1" customFormat="true" hidden="true" outlineLevel="3">
      <c r="A1788" s="6" t="s">
        <v>2108</v>
      </c>
      <c r="B1788" s="6" t="s">
        <v>172</v>
      </c>
      <c r="C1788" s="6" t="s">
        <v>99</v>
      </c>
      <c r="D1788" s="6" t="s">
        <v>15</v>
      </c>
      <c r="E1788" s="6" t="e"/>
    </row>
    <row r="1789" ht="11" customHeight="true" s="1" customFormat="true" hidden="true" outlineLevel="3">
      <c r="A1789" s="6" t="s">
        <v>2109</v>
      </c>
      <c r="B1789" s="6" t="s">
        <v>172</v>
      </c>
      <c r="C1789" s="6" t="s">
        <v>99</v>
      </c>
      <c r="D1789" s="6" t="s">
        <v>40</v>
      </c>
      <c r="E1789" s="6" t="e"/>
    </row>
    <row r="1790" ht="11" customHeight="true" s="1" customFormat="true" hidden="true" outlineLevel="3">
      <c r="A1790" s="6" t="s">
        <v>2110</v>
      </c>
      <c r="B1790" s="6" t="s">
        <v>225</v>
      </c>
      <c r="C1790" s="6" t="s">
        <v>103</v>
      </c>
      <c r="D1790" s="6" t="s">
        <v>11</v>
      </c>
      <c r="E1790" s="6" t="e"/>
    </row>
    <row r="1791" ht="11" customHeight="true" s="1" customFormat="true" hidden="true" collapsed="true" outlineLevel="3">
      <c r="A1791" s="6" t="s">
        <v>2111</v>
      </c>
      <c r="B1791" s="6" t="s">
        <v>322</v>
      </c>
      <c r="C1791" s="6" t="s">
        <v>99</v>
      </c>
      <c r="D1791" s="6" t="s">
        <v>98</v>
      </c>
      <c r="E1791" s="6" t="e"/>
    </row>
    <row r="1792" ht="11" customHeight="true" s="1" customFormat="true" hidden="true" collapsed="true" outlineLevel="2">
      <c r="A1792" s="5" t="s">
        <v>2112</v>
      </c>
      <c r="B1792" s="5" t="e"/>
      <c r="C1792" s="5" t="e"/>
      <c r="D1792" s="5" t="e"/>
      <c r="E1792" s="5" t="e"/>
    </row>
    <row r="1793" ht="22" customHeight="true" s="1" customFormat="true" hidden="true" outlineLevel="3">
      <c r="A1793" s="6" t="s">
        <v>2113</v>
      </c>
      <c r="B1793" s="6" t="s">
        <v>139</v>
      </c>
      <c r="C1793" s="6" t="s">
        <v>103</v>
      </c>
      <c r="D1793" s="6" t="s">
        <v>11</v>
      </c>
      <c r="E1793" s="6" t="e"/>
    </row>
    <row r="1794" ht="22" customHeight="true" s="1" customFormat="true" hidden="true" outlineLevel="3">
      <c r="A1794" s="6" t="s">
        <v>2114</v>
      </c>
      <c r="B1794" s="6" t="s">
        <v>225</v>
      </c>
      <c r="C1794" s="6" t="s">
        <v>103</v>
      </c>
      <c r="D1794" s="6" t="s">
        <v>11</v>
      </c>
      <c r="E1794" s="6" t="e"/>
    </row>
    <row r="1795" ht="33" customHeight="true" s="1" customFormat="true" hidden="true" outlineLevel="3">
      <c r="A1795" s="6" t="s">
        <v>2115</v>
      </c>
      <c r="B1795" s="6" t="s">
        <v>110</v>
      </c>
      <c r="C1795" s="6" t="s">
        <v>51</v>
      </c>
      <c r="D1795" s="6" t="s">
        <v>100</v>
      </c>
      <c r="E1795" s="6" t="e"/>
    </row>
    <row r="1796" ht="56" customHeight="true" s="1" customFormat="true" hidden="true" outlineLevel="3">
      <c r="A1796" s="6" t="s">
        <v>2116</v>
      </c>
      <c r="B1796" s="6" t="s">
        <v>50</v>
      </c>
      <c r="C1796" s="6" t="s">
        <v>73</v>
      </c>
      <c r="D1796" s="6" t="s">
        <v>123</v>
      </c>
      <c r="E1796" s="6" t="e"/>
    </row>
    <row r="1797" ht="44" customHeight="true" s="1" customFormat="true" hidden="true" outlineLevel="3">
      <c r="A1797" s="6" t="s">
        <v>2117</v>
      </c>
      <c r="B1797" s="6" t="s">
        <v>127</v>
      </c>
      <c r="C1797" s="6" t="s">
        <v>235</v>
      </c>
      <c r="D1797" s="6" t="s">
        <v>11</v>
      </c>
      <c r="E1797" s="6" t="e"/>
    </row>
    <row r="1798" ht="33" customHeight="true" s="1" customFormat="true" hidden="true" outlineLevel="3">
      <c r="A1798" s="6" t="s">
        <v>2118</v>
      </c>
      <c r="B1798" s="6" t="s">
        <v>114</v>
      </c>
      <c r="C1798" s="6" t="s">
        <v>62</v>
      </c>
      <c r="D1798" s="6" t="s">
        <v>123</v>
      </c>
      <c r="E1798" s="6" t="e"/>
    </row>
    <row r="1799" ht="44" customHeight="true" s="1" customFormat="true" hidden="true" outlineLevel="3">
      <c r="A1799" s="6" t="s">
        <v>2119</v>
      </c>
      <c r="B1799" s="6" t="s">
        <v>1237</v>
      </c>
      <c r="C1799" s="6" t="s">
        <v>235</v>
      </c>
      <c r="D1799" s="6" t="s">
        <v>15</v>
      </c>
      <c r="E1799" s="6" t="e"/>
    </row>
    <row r="1800" ht="22" customHeight="true" s="1" customFormat="true" hidden="true" outlineLevel="3">
      <c r="A1800" s="6" t="s">
        <v>2120</v>
      </c>
      <c r="B1800" s="6" t="s">
        <v>2121</v>
      </c>
      <c r="C1800" s="6" t="s">
        <v>51</v>
      </c>
      <c r="D1800" s="6" t="s">
        <v>11</v>
      </c>
      <c r="E1800" s="6" t="e"/>
    </row>
    <row r="1801" ht="33" customHeight="true" s="1" customFormat="true" hidden="true" outlineLevel="3">
      <c r="A1801" s="6" t="s">
        <v>2122</v>
      </c>
      <c r="B1801" s="6" t="s">
        <v>53</v>
      </c>
      <c r="C1801" s="6" t="s">
        <v>73</v>
      </c>
      <c r="D1801" s="6" t="s">
        <v>123</v>
      </c>
      <c r="E1801" s="6" t="e"/>
    </row>
    <row r="1802" ht="33" customHeight="true" s="1" customFormat="true" hidden="true" outlineLevel="3">
      <c r="A1802" s="6" t="s">
        <v>2123</v>
      </c>
      <c r="B1802" s="6" t="s">
        <v>66</v>
      </c>
      <c r="C1802" s="6" t="s">
        <v>235</v>
      </c>
      <c r="D1802" s="6" t="s">
        <v>68</v>
      </c>
      <c r="E1802" s="6" t="e"/>
    </row>
    <row r="1803" ht="33" customHeight="true" s="1" customFormat="true" hidden="true" outlineLevel="3">
      <c r="A1803" s="6" t="s">
        <v>2124</v>
      </c>
      <c r="B1803" s="6" t="s">
        <v>341</v>
      </c>
      <c r="C1803" s="6" t="s">
        <v>73</v>
      </c>
      <c r="D1803" s="6" t="s">
        <v>123</v>
      </c>
      <c r="E1803" s="6" t="e"/>
    </row>
    <row r="1804" ht="33" customHeight="true" s="1" customFormat="true" hidden="true" outlineLevel="3">
      <c r="A1804" s="6" t="s">
        <v>2125</v>
      </c>
      <c r="B1804" s="6" t="s">
        <v>501</v>
      </c>
      <c r="C1804" s="6" t="s">
        <v>62</v>
      </c>
      <c r="D1804" s="6" t="s">
        <v>11</v>
      </c>
      <c r="E1804" s="6" t="e"/>
    </row>
    <row r="1805" ht="22" customHeight="true" s="1" customFormat="true" hidden="true" outlineLevel="3">
      <c r="A1805" s="6" t="s">
        <v>2126</v>
      </c>
      <c r="B1805" s="6" t="s">
        <v>296</v>
      </c>
      <c r="C1805" s="6" t="s">
        <v>99</v>
      </c>
      <c r="D1805" s="6" t="s">
        <v>11</v>
      </c>
      <c r="E1805" s="6" t="e"/>
    </row>
    <row r="1806" ht="22" customHeight="true" s="1" customFormat="true" hidden="true" collapsed="true" outlineLevel="3">
      <c r="A1806" s="6" t="s">
        <v>2127</v>
      </c>
      <c r="B1806" s="6" t="s">
        <v>149</v>
      </c>
      <c r="C1806" s="6" t="s">
        <v>219</v>
      </c>
      <c r="D1806" s="6" t="s">
        <v>123</v>
      </c>
      <c r="E1806" s="6" t="e"/>
    </row>
    <row r="1807" ht="11" customHeight="true" s="1" customFormat="true" hidden="true" collapsed="true" outlineLevel="2">
      <c r="A1807" s="5" t="s">
        <v>2128</v>
      </c>
      <c r="B1807" s="5" t="e"/>
      <c r="C1807" s="5" t="e"/>
      <c r="D1807" s="5" t="e"/>
      <c r="E1807" s="5" t="e"/>
    </row>
    <row r="1808" ht="11" customHeight="true" s="1" customFormat="true" hidden="true" outlineLevel="3">
      <c r="A1808" s="6" t="s">
        <v>2129</v>
      </c>
      <c r="B1808" s="6" t="s">
        <v>2130</v>
      </c>
      <c r="C1808" s="6" t="s">
        <v>72</v>
      </c>
      <c r="D1808" s="6" t="s">
        <v>15</v>
      </c>
      <c r="E1808" s="6" t="e"/>
    </row>
    <row r="1809" ht="11" customHeight="true" s="1" customFormat="true" hidden="true" outlineLevel="3">
      <c r="A1809" s="6" t="s">
        <v>2131</v>
      </c>
      <c r="B1809" s="6" t="s">
        <v>172</v>
      </c>
      <c r="C1809" s="6" t="s">
        <v>103</v>
      </c>
      <c r="D1809" s="6" t="s">
        <v>123</v>
      </c>
      <c r="E1809" s="6" t="e"/>
    </row>
    <row r="1810" ht="22" customHeight="true" s="1" customFormat="true" hidden="true" collapsed="true" outlineLevel="3">
      <c r="A1810" s="6" t="s">
        <v>2132</v>
      </c>
      <c r="B1810" s="6" t="s">
        <v>1391</v>
      </c>
      <c r="C1810" s="6" t="s">
        <v>103</v>
      </c>
      <c r="D1810" s="6" t="s">
        <v>11</v>
      </c>
      <c r="E1810" s="6" t="e"/>
    </row>
    <row r="1811" ht="11" customHeight="true" s="1" customFormat="true" hidden="true" collapsed="true" outlineLevel="2">
      <c r="A1811" s="5" t="s">
        <v>2133</v>
      </c>
      <c r="B1811" s="5" t="e"/>
      <c r="C1811" s="5" t="e"/>
      <c r="D1811" s="5" t="e"/>
      <c r="E1811" s="5" t="e"/>
    </row>
    <row r="1812" ht="22" customHeight="true" s="1" customFormat="true" hidden="true" outlineLevel="3">
      <c r="A1812" s="6" t="s">
        <v>2134</v>
      </c>
      <c r="B1812" s="6" t="s">
        <v>148</v>
      </c>
      <c r="C1812" s="6" t="s">
        <v>99</v>
      </c>
      <c r="D1812" s="6" t="s">
        <v>57</v>
      </c>
      <c r="E1812" s="6" t="e"/>
    </row>
    <row r="1813" ht="22" customHeight="true" s="1" customFormat="true" hidden="true" outlineLevel="3">
      <c r="A1813" s="6" t="s">
        <v>2135</v>
      </c>
      <c r="B1813" s="6" t="s">
        <v>169</v>
      </c>
      <c r="C1813" s="6" t="s">
        <v>99</v>
      </c>
      <c r="D1813" s="6" t="s">
        <v>674</v>
      </c>
      <c r="E1813" s="6" t="e"/>
    </row>
    <row r="1814" ht="22" customHeight="true" s="1" customFormat="true" hidden="true" collapsed="true" outlineLevel="3">
      <c r="A1814" s="6" t="s">
        <v>2136</v>
      </c>
      <c r="B1814" s="6" t="s">
        <v>169</v>
      </c>
      <c r="C1814" s="6" t="s">
        <v>99</v>
      </c>
      <c r="D1814" s="6" t="s">
        <v>460</v>
      </c>
      <c r="E1814" s="6" t="e"/>
    </row>
    <row r="1815" ht="11" customHeight="true" s="1" customFormat="true" hidden="true" collapsed="true" outlineLevel="2">
      <c r="A1815" s="5" t="s">
        <v>2137</v>
      </c>
      <c r="B1815" s="5" t="e"/>
      <c r="C1815" s="5" t="e"/>
      <c r="D1815" s="5" t="e"/>
      <c r="E1815" s="5" t="e"/>
    </row>
    <row r="1816" ht="22" customHeight="true" s="1" customFormat="true" hidden="true" outlineLevel="3">
      <c r="A1816" s="6" t="s">
        <v>2138</v>
      </c>
      <c r="B1816" s="6" t="s">
        <v>172</v>
      </c>
      <c r="C1816" s="6" t="s">
        <v>188</v>
      </c>
      <c r="D1816" s="6" t="s">
        <v>26</v>
      </c>
      <c r="E1816" s="6" t="e"/>
    </row>
    <row r="1817" ht="22" customHeight="true" s="1" customFormat="true" hidden="true" outlineLevel="3">
      <c r="A1817" s="6" t="s">
        <v>2139</v>
      </c>
      <c r="B1817" s="6" t="e"/>
      <c r="C1817" s="6" t="s">
        <v>72</v>
      </c>
      <c r="D1817" s="6" t="s">
        <v>11</v>
      </c>
      <c r="E1817" s="6" t="e"/>
    </row>
    <row r="1818" ht="22" customHeight="true" s="1" customFormat="true" hidden="true" outlineLevel="3">
      <c r="A1818" s="6" t="s">
        <v>2140</v>
      </c>
      <c r="B1818" s="6" t="s">
        <v>149</v>
      </c>
      <c r="C1818" s="6" t="s">
        <v>219</v>
      </c>
      <c r="D1818" s="6" t="s">
        <v>26</v>
      </c>
      <c r="E1818" s="6" t="e"/>
    </row>
    <row r="1819" ht="33" customHeight="true" s="1" customFormat="true" hidden="true" outlineLevel="3">
      <c r="A1819" s="6" t="s">
        <v>2141</v>
      </c>
      <c r="B1819" s="6" t="e"/>
      <c r="C1819" s="6" t="s">
        <v>142</v>
      </c>
      <c r="D1819" s="6" t="s">
        <v>11</v>
      </c>
      <c r="E1819" s="6" t="e"/>
    </row>
    <row r="1820" ht="22" customHeight="true" s="1" customFormat="true" hidden="true" outlineLevel="3">
      <c r="A1820" s="6" t="s">
        <v>2142</v>
      </c>
      <c r="B1820" s="6" t="s">
        <v>149</v>
      </c>
      <c r="C1820" s="6" t="s">
        <v>219</v>
      </c>
      <c r="D1820" s="6" t="s">
        <v>123</v>
      </c>
      <c r="E1820" s="6" t="e"/>
    </row>
    <row r="1821" ht="22" customHeight="true" s="1" customFormat="true" hidden="true" collapsed="true" outlineLevel="3">
      <c r="A1821" s="6" t="s">
        <v>2143</v>
      </c>
      <c r="B1821" s="6" t="s">
        <v>302</v>
      </c>
      <c r="C1821" s="6" t="s">
        <v>103</v>
      </c>
      <c r="D1821" s="6" t="s">
        <v>11</v>
      </c>
      <c r="E1821" s="6" t="e"/>
    </row>
    <row r="1822" ht="11" customHeight="true" s="1" customFormat="true" hidden="true" collapsed="true" outlineLevel="2">
      <c r="A1822" s="5" t="s">
        <v>2144</v>
      </c>
      <c r="B1822" s="5" t="e"/>
      <c r="C1822" s="5" t="e"/>
      <c r="D1822" s="5" t="e"/>
      <c r="E1822" s="5" t="e"/>
    </row>
    <row r="1823" ht="22" customHeight="true" s="1" customFormat="true" hidden="true" collapsed="true" outlineLevel="3">
      <c r="A1823" s="6" t="s">
        <v>2145</v>
      </c>
      <c r="B1823" s="6" t="e"/>
      <c r="C1823" s="6" t="s">
        <v>110</v>
      </c>
      <c r="D1823" s="6" t="s">
        <v>26</v>
      </c>
      <c r="E1823" s="6" t="e"/>
    </row>
    <row r="1824" ht="11" customHeight="true" s="1" customFormat="true" hidden="true" collapsed="true" outlineLevel="2">
      <c r="A1824" s="5" t="s">
        <v>2146</v>
      </c>
      <c r="B1824" s="5" t="e"/>
      <c r="C1824" s="5" t="e"/>
      <c r="D1824" s="5" t="e"/>
      <c r="E1824" s="5" t="e"/>
    </row>
    <row r="1825" ht="22" customHeight="true" s="1" customFormat="true" hidden="true" outlineLevel="3">
      <c r="A1825" s="6" t="s">
        <v>2147</v>
      </c>
      <c r="B1825" s="6" t="s">
        <v>169</v>
      </c>
      <c r="C1825" s="6" t="s">
        <v>99</v>
      </c>
      <c r="D1825" s="6" t="s">
        <v>2148</v>
      </c>
      <c r="E1825" s="6" t="e"/>
    </row>
    <row r="1826" ht="22" customHeight="true" s="1" customFormat="true" hidden="true" outlineLevel="3">
      <c r="A1826" s="6" t="s">
        <v>2149</v>
      </c>
      <c r="B1826" s="6" t="s">
        <v>148</v>
      </c>
      <c r="C1826" s="6" t="s">
        <v>99</v>
      </c>
      <c r="D1826" s="6" t="s">
        <v>68</v>
      </c>
      <c r="E1826" s="6" t="e"/>
    </row>
    <row r="1827" ht="22" customHeight="true" s="1" customFormat="true" hidden="true" outlineLevel="3">
      <c r="A1827" s="6" t="s">
        <v>2150</v>
      </c>
      <c r="B1827" s="6" t="s">
        <v>242</v>
      </c>
      <c r="C1827" s="6" t="s">
        <v>99</v>
      </c>
      <c r="D1827" s="6" t="s">
        <v>453</v>
      </c>
      <c r="E1827" s="6" t="e"/>
    </row>
    <row r="1828" ht="22" customHeight="true" s="1" customFormat="true" hidden="true" outlineLevel="3">
      <c r="A1828" s="6" t="s">
        <v>2151</v>
      </c>
      <c r="B1828" s="6" t="s">
        <v>242</v>
      </c>
      <c r="C1828" s="6" t="s">
        <v>99</v>
      </c>
      <c r="D1828" s="6" t="s">
        <v>26</v>
      </c>
      <c r="E1828" s="6" t="e"/>
    </row>
    <row r="1829" ht="22" customHeight="true" s="1" customFormat="true" hidden="true" outlineLevel="3">
      <c r="A1829" s="6" t="s">
        <v>2152</v>
      </c>
      <c r="B1829" s="6" t="s">
        <v>308</v>
      </c>
      <c r="C1829" s="6" t="s">
        <v>103</v>
      </c>
      <c r="D1829" s="6" t="s">
        <v>11</v>
      </c>
      <c r="E1829" s="6" t="e"/>
    </row>
    <row r="1830" ht="22" customHeight="true" s="1" customFormat="true" hidden="true" outlineLevel="3">
      <c r="A1830" s="6" t="s">
        <v>2153</v>
      </c>
      <c r="B1830" s="6" t="s">
        <v>149</v>
      </c>
      <c r="C1830" s="6" t="s">
        <v>219</v>
      </c>
      <c r="D1830" s="6" t="s">
        <v>15</v>
      </c>
      <c r="E1830" s="6" t="e"/>
    </row>
    <row r="1831" ht="11" customHeight="true" s="1" customFormat="true" hidden="true" outlineLevel="3">
      <c r="A1831" s="6" t="s">
        <v>2154</v>
      </c>
      <c r="B1831" s="6" t="e"/>
      <c r="C1831" s="6" t="s">
        <v>99</v>
      </c>
      <c r="D1831" s="6" t="s">
        <v>26</v>
      </c>
      <c r="E1831" s="6" t="e"/>
    </row>
    <row r="1832" ht="11" customHeight="true" s="1" customFormat="true" hidden="true" outlineLevel="3">
      <c r="A1832" s="6" t="s">
        <v>2155</v>
      </c>
      <c r="B1832" s="6" t="e"/>
      <c r="C1832" s="6" t="s">
        <v>99</v>
      </c>
      <c r="D1832" s="6" t="s">
        <v>11</v>
      </c>
      <c r="E1832" s="6" t="e"/>
    </row>
    <row r="1833" ht="22" customHeight="true" s="1" customFormat="true" hidden="true" outlineLevel="3">
      <c r="A1833" s="6" t="s">
        <v>2156</v>
      </c>
      <c r="B1833" s="6" t="s">
        <v>102</v>
      </c>
      <c r="C1833" s="6" t="s">
        <v>55</v>
      </c>
      <c r="D1833" s="6" t="s">
        <v>454</v>
      </c>
      <c r="E1833" s="6" t="e"/>
    </row>
    <row r="1834" ht="22" customHeight="true" s="1" customFormat="true" hidden="true" outlineLevel="3">
      <c r="A1834" s="6" t="s">
        <v>2157</v>
      </c>
      <c r="B1834" s="6" t="s">
        <v>169</v>
      </c>
      <c r="C1834" s="6" t="s">
        <v>99</v>
      </c>
      <c r="D1834" s="6" t="s">
        <v>176</v>
      </c>
      <c r="E1834" s="6" t="e"/>
    </row>
    <row r="1835" ht="22" customHeight="true" s="1" customFormat="true" hidden="true" collapsed="true" outlineLevel="3">
      <c r="A1835" s="6" t="s">
        <v>2158</v>
      </c>
      <c r="B1835" s="6" t="s">
        <v>169</v>
      </c>
      <c r="C1835" s="6" t="s">
        <v>99</v>
      </c>
      <c r="D1835" s="6" t="s">
        <v>26</v>
      </c>
      <c r="E1835" s="6" t="e"/>
    </row>
    <row r="1836" ht="11" customHeight="true" s="1" customFormat="true" hidden="true" collapsed="true" outlineLevel="2">
      <c r="A1836" s="5" t="s">
        <v>2159</v>
      </c>
      <c r="B1836" s="5" t="e"/>
      <c r="C1836" s="5" t="e"/>
      <c r="D1836" s="5" t="e"/>
      <c r="E1836" s="5" t="e"/>
    </row>
    <row r="1837" ht="22" customHeight="true" s="1" customFormat="true" hidden="true" outlineLevel="3">
      <c r="A1837" s="6" t="s">
        <v>2160</v>
      </c>
      <c r="B1837" s="6" t="s">
        <v>2161</v>
      </c>
      <c r="C1837" s="6" t="s">
        <v>99</v>
      </c>
      <c r="D1837" s="6" t="s">
        <v>26</v>
      </c>
      <c r="E1837" s="6" t="e"/>
    </row>
    <row r="1838" ht="22" customHeight="true" s="1" customFormat="true" hidden="true" outlineLevel="3">
      <c r="A1838" s="6" t="s">
        <v>2162</v>
      </c>
      <c r="B1838" s="6" t="s">
        <v>2161</v>
      </c>
      <c r="C1838" s="6" t="s">
        <v>110</v>
      </c>
      <c r="D1838" s="6" t="s">
        <v>11</v>
      </c>
      <c r="E1838" s="6" t="e"/>
    </row>
    <row r="1839" ht="11" customHeight="true" s="1" customFormat="true" hidden="true" collapsed="true" outlineLevel="3">
      <c r="A1839" s="6" t="s">
        <v>2163</v>
      </c>
      <c r="B1839" s="6" t="s">
        <v>154</v>
      </c>
      <c r="C1839" s="6" t="s">
        <v>99</v>
      </c>
      <c r="D1839" s="6" t="s">
        <v>68</v>
      </c>
      <c r="E1839" s="6" t="e"/>
    </row>
    <row r="1840" ht="11" customHeight="true" s="1" customFormat="true" hidden="true" collapsed="true" outlineLevel="2">
      <c r="A1840" s="5" t="s">
        <v>2164</v>
      </c>
      <c r="B1840" s="5" t="e"/>
      <c r="C1840" s="5" t="e"/>
      <c r="D1840" s="5" t="e"/>
      <c r="E1840" s="5" t="e"/>
    </row>
    <row r="1841" ht="11" customHeight="true" s="1" customFormat="true" hidden="true" outlineLevel="3">
      <c r="A1841" s="6" t="s">
        <v>2165</v>
      </c>
      <c r="B1841" s="6" t="s">
        <v>532</v>
      </c>
      <c r="C1841" s="6" t="s">
        <v>99</v>
      </c>
      <c r="D1841" s="6" t="s">
        <v>176</v>
      </c>
      <c r="E1841" s="6" t="e"/>
    </row>
    <row r="1842" ht="22" customHeight="true" s="1" customFormat="true" hidden="true" outlineLevel="3">
      <c r="A1842" s="6" t="s">
        <v>2166</v>
      </c>
      <c r="B1842" s="6" t="s">
        <v>2161</v>
      </c>
      <c r="C1842" s="6" t="s">
        <v>110</v>
      </c>
      <c r="D1842" s="6" t="s">
        <v>11</v>
      </c>
      <c r="E1842" s="6" t="e"/>
    </row>
    <row r="1843" ht="11" customHeight="true" s="1" customFormat="true" hidden="true" outlineLevel="3">
      <c r="A1843" s="6" t="s">
        <v>2167</v>
      </c>
      <c r="B1843" s="6" t="s">
        <v>532</v>
      </c>
      <c r="C1843" s="6" t="s">
        <v>99</v>
      </c>
      <c r="D1843" s="6" t="s">
        <v>674</v>
      </c>
      <c r="E1843" s="6" t="e"/>
    </row>
    <row r="1844" ht="22" customHeight="true" s="1" customFormat="true" hidden="true" collapsed="true" outlineLevel="3">
      <c r="A1844" s="6" t="s">
        <v>2168</v>
      </c>
      <c r="B1844" s="6" t="s">
        <v>242</v>
      </c>
      <c r="C1844" s="6" t="s">
        <v>99</v>
      </c>
      <c r="D1844" s="6" t="s">
        <v>898</v>
      </c>
      <c r="E1844" s="6" t="e"/>
    </row>
    <row r="1845" ht="11" customHeight="true" s="1" customFormat="true" hidden="true" collapsed="true" outlineLevel="2">
      <c r="A1845" s="5" t="s">
        <v>2169</v>
      </c>
      <c r="B1845" s="5" t="e"/>
      <c r="C1845" s="5" t="e"/>
      <c r="D1845" s="5" t="e"/>
      <c r="E1845" s="5" t="e"/>
    </row>
    <row r="1846" ht="22" customHeight="true" s="1" customFormat="true" hidden="true" outlineLevel="3">
      <c r="A1846" s="6" t="s">
        <v>2170</v>
      </c>
      <c r="B1846" s="6" t="s">
        <v>61</v>
      </c>
      <c r="C1846" s="6" t="s">
        <v>73</v>
      </c>
      <c r="D1846" s="6" t="s">
        <v>57</v>
      </c>
      <c r="E1846" s="6" t="e"/>
    </row>
    <row r="1847" ht="22" customHeight="true" s="1" customFormat="true" hidden="true" outlineLevel="3">
      <c r="A1847" s="6" t="s">
        <v>2171</v>
      </c>
      <c r="B1847" s="6" t="s">
        <v>142</v>
      </c>
      <c r="C1847" s="6" t="s">
        <v>51</v>
      </c>
      <c r="D1847" s="6" t="s">
        <v>184</v>
      </c>
      <c r="E1847" s="6" t="e"/>
    </row>
    <row r="1848" ht="22" customHeight="true" s="1" customFormat="true" hidden="true" outlineLevel="3">
      <c r="A1848" s="6" t="s">
        <v>2172</v>
      </c>
      <c r="B1848" s="6" t="s">
        <v>61</v>
      </c>
      <c r="C1848" s="6" t="s">
        <v>235</v>
      </c>
      <c r="D1848" s="6" t="s">
        <v>26</v>
      </c>
      <c r="E1848" s="6" t="e"/>
    </row>
    <row r="1849" ht="22" customHeight="true" s="1" customFormat="true" hidden="true" outlineLevel="3">
      <c r="A1849" s="6" t="s">
        <v>2173</v>
      </c>
      <c r="B1849" s="6" t="s">
        <v>364</v>
      </c>
      <c r="C1849" s="6" t="s">
        <v>73</v>
      </c>
      <c r="D1849" s="6" t="s">
        <v>674</v>
      </c>
      <c r="E1849" s="6" t="e"/>
    </row>
    <row r="1850" ht="33" customHeight="true" s="1" customFormat="true" hidden="true" outlineLevel="3">
      <c r="A1850" s="6" t="s">
        <v>2174</v>
      </c>
      <c r="B1850" s="6" t="s">
        <v>1237</v>
      </c>
      <c r="C1850" s="6" t="s">
        <v>235</v>
      </c>
      <c r="D1850" s="6" t="s">
        <v>26</v>
      </c>
      <c r="E1850" s="6" t="e"/>
    </row>
    <row r="1851" ht="33" customHeight="true" s="1" customFormat="true" hidden="true" outlineLevel="3">
      <c r="A1851" s="6" t="s">
        <v>2175</v>
      </c>
      <c r="B1851" s="6" t="s">
        <v>53</v>
      </c>
      <c r="C1851" s="6" t="s">
        <v>73</v>
      </c>
      <c r="D1851" s="6" t="s">
        <v>176</v>
      </c>
      <c r="E1851" s="6" t="e"/>
    </row>
    <row r="1852" ht="22" customHeight="true" s="1" customFormat="true" hidden="true" collapsed="true" outlineLevel="3">
      <c r="A1852" s="6" t="s">
        <v>2176</v>
      </c>
      <c r="B1852" s="6" t="s">
        <v>72</v>
      </c>
      <c r="C1852" s="6" t="s">
        <v>78</v>
      </c>
      <c r="D1852" s="6" t="s">
        <v>26</v>
      </c>
      <c r="E1852" s="6" t="e"/>
    </row>
    <row r="1853" ht="11" customHeight="true" s="1" customFormat="true" hidden="true" collapsed="true" outlineLevel="2">
      <c r="A1853" s="5" t="s">
        <v>2177</v>
      </c>
      <c r="B1853" s="5" t="e"/>
      <c r="C1853" s="5" t="e"/>
      <c r="D1853" s="5" t="e"/>
      <c r="E1853" s="5" t="e"/>
    </row>
    <row r="1854" ht="22" customHeight="true" s="1" customFormat="true" hidden="true" collapsed="true" outlineLevel="3">
      <c r="A1854" s="6" t="s">
        <v>2178</v>
      </c>
      <c r="B1854" s="6" t="s">
        <v>172</v>
      </c>
      <c r="C1854" s="6" t="s">
        <v>103</v>
      </c>
      <c r="D1854" s="6" t="s">
        <v>453</v>
      </c>
      <c r="E1854" s="6" t="e"/>
    </row>
    <row r="1855" ht="11" customHeight="true" s="1" customFormat="true" hidden="true" collapsed="true" outlineLevel="2">
      <c r="A1855" s="5" t="s">
        <v>2179</v>
      </c>
      <c r="B1855" s="5" t="e"/>
      <c r="C1855" s="5" t="e"/>
      <c r="D1855" s="5" t="e"/>
      <c r="E1855" s="5" t="e"/>
    </row>
    <row r="1856" ht="44" customHeight="true" s="1" customFormat="true" hidden="true" outlineLevel="3">
      <c r="A1856" s="6" t="s">
        <v>2180</v>
      </c>
      <c r="B1856" s="6" t="s">
        <v>388</v>
      </c>
      <c r="C1856" s="6" t="s">
        <v>51</v>
      </c>
      <c r="D1856" s="6" t="s">
        <v>11</v>
      </c>
      <c r="E1856" s="6" t="e"/>
    </row>
    <row r="1857" ht="44" customHeight="true" s="1" customFormat="true" hidden="true" collapsed="true" outlineLevel="3">
      <c r="A1857" s="6" t="s">
        <v>2181</v>
      </c>
      <c r="B1857" s="6" t="s">
        <v>110</v>
      </c>
      <c r="C1857" s="6" t="s">
        <v>51</v>
      </c>
      <c r="D1857" s="6" t="s">
        <v>184</v>
      </c>
      <c r="E1857" s="6" t="e"/>
    </row>
    <row r="1858" ht="11" customHeight="true" s="1" customFormat="true" hidden="true" collapsed="true" outlineLevel="2">
      <c r="A1858" s="5" t="s">
        <v>2182</v>
      </c>
      <c r="B1858" s="5" t="e"/>
      <c r="C1858" s="5" t="e"/>
      <c r="D1858" s="5" t="e"/>
      <c r="E1858" s="5" t="e"/>
    </row>
    <row r="1859" ht="22" customHeight="true" s="1" customFormat="true" hidden="true" outlineLevel="3">
      <c r="A1859" s="6" t="s">
        <v>2183</v>
      </c>
      <c r="B1859" s="6" t="s">
        <v>80</v>
      </c>
      <c r="C1859" s="6" t="s">
        <v>47</v>
      </c>
      <c r="D1859" s="6" t="s">
        <v>11</v>
      </c>
      <c r="E1859" s="6" t="e"/>
    </row>
    <row r="1860" ht="33" customHeight="true" s="1" customFormat="true" hidden="true" outlineLevel="3">
      <c r="A1860" s="6" t="s">
        <v>2184</v>
      </c>
      <c r="B1860" s="6" t="s">
        <v>219</v>
      </c>
      <c r="C1860" s="6" t="s">
        <v>72</v>
      </c>
      <c r="D1860" s="6" t="s">
        <v>40</v>
      </c>
      <c r="E1860" s="6" t="e"/>
    </row>
    <row r="1861" ht="33" customHeight="true" s="1" customFormat="true" hidden="true" outlineLevel="3">
      <c r="A1861" s="6" t="s">
        <v>2185</v>
      </c>
      <c r="B1861" s="6" t="s">
        <v>219</v>
      </c>
      <c r="C1861" s="6" t="s">
        <v>72</v>
      </c>
      <c r="D1861" s="6" t="s">
        <v>40</v>
      </c>
      <c r="E1861" s="6" t="e"/>
    </row>
    <row r="1862" ht="33" customHeight="true" s="1" customFormat="true" hidden="true" collapsed="true" outlineLevel="3">
      <c r="A1862" s="6" t="s">
        <v>2186</v>
      </c>
      <c r="B1862" s="6" t="s">
        <v>219</v>
      </c>
      <c r="C1862" s="6" t="s">
        <v>72</v>
      </c>
      <c r="D1862" s="6" t="s">
        <v>644</v>
      </c>
      <c r="E1862" s="6" t="e"/>
    </row>
    <row r="1863" ht="11" customHeight="true" s="1" customFormat="true" hidden="true" collapsed="true" outlineLevel="2">
      <c r="A1863" s="5" t="s">
        <v>2187</v>
      </c>
      <c r="B1863" s="5" t="e"/>
      <c r="C1863" s="5" t="e"/>
      <c r="D1863" s="5" t="e"/>
      <c r="E1863" s="5" t="e"/>
    </row>
    <row r="1864" ht="22" customHeight="true" s="1" customFormat="true" hidden="true" outlineLevel="3">
      <c r="A1864" s="6" t="s">
        <v>2188</v>
      </c>
      <c r="B1864" s="6" t="s">
        <v>127</v>
      </c>
      <c r="C1864" s="6" t="s">
        <v>51</v>
      </c>
      <c r="D1864" s="6" t="s">
        <v>11</v>
      </c>
      <c r="E1864" s="6" t="e"/>
    </row>
    <row r="1865" ht="44" customHeight="true" s="1" customFormat="true" hidden="true" outlineLevel="3">
      <c r="A1865" s="6" t="s">
        <v>2189</v>
      </c>
      <c r="B1865" s="6" t="s">
        <v>105</v>
      </c>
      <c r="C1865" s="6" t="s">
        <v>62</v>
      </c>
      <c r="D1865" s="6" t="s">
        <v>11</v>
      </c>
      <c r="E1865" s="6" t="e"/>
    </row>
    <row r="1866" ht="44" customHeight="true" s="1" customFormat="true" hidden="true" outlineLevel="3">
      <c r="A1866" s="6" t="s">
        <v>2190</v>
      </c>
      <c r="B1866" s="6" t="s">
        <v>127</v>
      </c>
      <c r="C1866" s="6" t="s">
        <v>73</v>
      </c>
      <c r="D1866" s="6" t="s">
        <v>11</v>
      </c>
      <c r="E1866" s="6" t="e"/>
    </row>
    <row r="1867" ht="44" customHeight="true" s="1" customFormat="true" hidden="true" outlineLevel="3">
      <c r="A1867" s="6" t="s">
        <v>2191</v>
      </c>
      <c r="B1867" s="6" t="s">
        <v>371</v>
      </c>
      <c r="C1867" s="6" t="s">
        <v>235</v>
      </c>
      <c r="D1867" s="6" t="s">
        <v>15</v>
      </c>
      <c r="E1867" s="6" t="e"/>
    </row>
    <row r="1868" ht="44" customHeight="true" s="1" customFormat="true" hidden="true" outlineLevel="3">
      <c r="A1868" s="6" t="s">
        <v>2192</v>
      </c>
      <c r="B1868" s="6" t="s">
        <v>127</v>
      </c>
      <c r="C1868" s="6" t="s">
        <v>73</v>
      </c>
      <c r="D1868" s="6" t="s">
        <v>26</v>
      </c>
      <c r="E1868" s="6" t="e"/>
    </row>
    <row r="1869" ht="44" customHeight="true" s="1" customFormat="true" hidden="true" outlineLevel="3">
      <c r="A1869" s="6" t="s">
        <v>2193</v>
      </c>
      <c r="B1869" s="6" t="s">
        <v>55</v>
      </c>
      <c r="C1869" s="6" t="s">
        <v>73</v>
      </c>
      <c r="D1869" s="6" t="s">
        <v>40</v>
      </c>
      <c r="E1869" s="6" t="e"/>
    </row>
    <row r="1870" ht="44" customHeight="true" s="1" customFormat="true" hidden="true" outlineLevel="3">
      <c r="A1870" s="6" t="s">
        <v>2194</v>
      </c>
      <c r="B1870" s="6" t="s">
        <v>219</v>
      </c>
      <c r="C1870" s="6" t="s">
        <v>62</v>
      </c>
      <c r="D1870" s="6" t="s">
        <v>15</v>
      </c>
      <c r="E1870" s="6" t="e"/>
    </row>
    <row r="1871" ht="44" customHeight="true" s="1" customFormat="true" hidden="true" outlineLevel="3">
      <c r="A1871" s="6" t="s">
        <v>2195</v>
      </c>
      <c r="B1871" s="6" t="s">
        <v>376</v>
      </c>
      <c r="C1871" s="6" t="s">
        <v>62</v>
      </c>
      <c r="D1871" s="6" t="s">
        <v>15</v>
      </c>
      <c r="E1871" s="6" t="e"/>
    </row>
    <row r="1872" ht="44" customHeight="true" s="1" customFormat="true" hidden="true" outlineLevel="3">
      <c r="A1872" s="6" t="s">
        <v>2196</v>
      </c>
      <c r="B1872" s="6" t="s">
        <v>341</v>
      </c>
      <c r="C1872" s="6" t="s">
        <v>73</v>
      </c>
      <c r="D1872" s="6" t="s">
        <v>123</v>
      </c>
      <c r="E1872" s="6" t="e"/>
    </row>
    <row r="1873" ht="33" customHeight="true" s="1" customFormat="true" hidden="true" outlineLevel="3">
      <c r="A1873" s="6" t="s">
        <v>2197</v>
      </c>
      <c r="B1873" s="6" t="s">
        <v>62</v>
      </c>
      <c r="C1873" s="6" t="s">
        <v>80</v>
      </c>
      <c r="D1873" s="6" t="s">
        <v>57</v>
      </c>
      <c r="E1873" s="6" t="e"/>
    </row>
    <row r="1874" ht="44" customHeight="true" s="1" customFormat="true" hidden="true" outlineLevel="3">
      <c r="A1874" s="6" t="s">
        <v>2198</v>
      </c>
      <c r="B1874" s="6" t="s">
        <v>1168</v>
      </c>
      <c r="C1874" s="6" t="s">
        <v>421</v>
      </c>
      <c r="D1874" s="6" t="s">
        <v>11</v>
      </c>
      <c r="E1874" s="6" t="e"/>
    </row>
    <row r="1875" ht="44" customHeight="true" s="1" customFormat="true" hidden="true" outlineLevel="3">
      <c r="A1875" s="6" t="s">
        <v>2199</v>
      </c>
      <c r="B1875" s="6" t="s">
        <v>2200</v>
      </c>
      <c r="C1875" s="6" t="s">
        <v>279</v>
      </c>
      <c r="D1875" s="6" t="s">
        <v>40</v>
      </c>
      <c r="E1875" s="6" t="e"/>
    </row>
    <row r="1876" ht="44" customHeight="true" s="1" customFormat="true" hidden="true" outlineLevel="3">
      <c r="A1876" s="6" t="s">
        <v>2201</v>
      </c>
      <c r="B1876" s="6" t="s">
        <v>73</v>
      </c>
      <c r="C1876" s="6" t="s">
        <v>47</v>
      </c>
      <c r="D1876" s="6" t="s">
        <v>11</v>
      </c>
      <c r="E1876" s="6" t="e"/>
    </row>
    <row r="1877" ht="33" customHeight="true" s="1" customFormat="true" hidden="true" outlineLevel="3">
      <c r="A1877" s="6" t="s">
        <v>2202</v>
      </c>
      <c r="B1877" s="6" t="s">
        <v>421</v>
      </c>
      <c r="C1877" s="6" t="s">
        <v>36</v>
      </c>
      <c r="D1877" s="6" t="s">
        <v>11</v>
      </c>
      <c r="E1877" s="6" t="e"/>
    </row>
    <row r="1878" ht="33" customHeight="true" s="1" customFormat="true" hidden="true" outlineLevel="3">
      <c r="A1878" s="6" t="s">
        <v>2203</v>
      </c>
      <c r="B1878" s="6" t="s">
        <v>519</v>
      </c>
      <c r="C1878" s="6" t="s">
        <v>50</v>
      </c>
      <c r="D1878" s="6" t="s">
        <v>68</v>
      </c>
      <c r="E1878" s="6" t="e"/>
    </row>
    <row r="1879" ht="22" customHeight="true" s="1" customFormat="true" hidden="true" outlineLevel="3">
      <c r="A1879" s="6" t="s">
        <v>2204</v>
      </c>
      <c r="B1879" s="6" t="s">
        <v>296</v>
      </c>
      <c r="C1879" s="6" t="s">
        <v>149</v>
      </c>
      <c r="D1879" s="6" t="s">
        <v>57</v>
      </c>
      <c r="E1879" s="6" t="e"/>
    </row>
    <row r="1880" ht="33" customHeight="true" s="1" customFormat="true" hidden="true" outlineLevel="3">
      <c r="A1880" s="6" t="s">
        <v>2205</v>
      </c>
      <c r="B1880" s="6" t="s">
        <v>519</v>
      </c>
      <c r="C1880" s="6" t="s">
        <v>219</v>
      </c>
      <c r="D1880" s="6" t="s">
        <v>11</v>
      </c>
      <c r="E1880" s="6" t="e"/>
    </row>
    <row r="1881" ht="33" customHeight="true" s="1" customFormat="true" hidden="true" outlineLevel="3">
      <c r="A1881" s="6" t="s">
        <v>2206</v>
      </c>
      <c r="B1881" s="6" t="s">
        <v>103</v>
      </c>
      <c r="C1881" s="6" t="s">
        <v>219</v>
      </c>
      <c r="D1881" s="6" t="s">
        <v>40</v>
      </c>
      <c r="E1881" s="6" t="e"/>
    </row>
    <row r="1882" ht="11" customHeight="true" collapsed="true" outlineLevel="1">
      <c r="A1882" s="5" t="s">
        <v>2207</v>
      </c>
      <c r="B1882" s="5" t="e"/>
      <c r="C1882" s="5" t="e"/>
      <c r="D1882" s="5" t="e"/>
      <c r="E1882" s="5" t="e"/>
    </row>
    <row r="1883" ht="11" customHeight="true" s="1" customFormat="true" hidden="true" collapsed="true" outlineLevel="2">
      <c r="A1883" s="5" t="s">
        <v>2208</v>
      </c>
      <c r="B1883" s="5" t="e"/>
      <c r="C1883" s="5" t="e"/>
      <c r="D1883" s="5" t="e"/>
      <c r="E1883" s="5" t="e"/>
    </row>
    <row r="1884" ht="11" customHeight="true" s="1" customFormat="true" hidden="true" outlineLevel="3">
      <c r="A1884" s="6" t="s">
        <v>2209</v>
      </c>
      <c r="B1884" s="6" t="s">
        <v>1538</v>
      </c>
      <c r="C1884" s="6" t="s">
        <v>142</v>
      </c>
      <c r="D1884" s="6" t="s">
        <v>165</v>
      </c>
      <c r="E1884" s="6" t="e"/>
    </row>
    <row r="1885" ht="22" customHeight="true" s="1" customFormat="true" hidden="true" outlineLevel="3">
      <c r="A1885" s="6" t="s">
        <v>2210</v>
      </c>
      <c r="B1885" s="6" t="s">
        <v>891</v>
      </c>
      <c r="C1885" s="6" t="s">
        <v>149</v>
      </c>
      <c r="D1885" s="6" t="s">
        <v>100</v>
      </c>
      <c r="E1885" s="6" t="e"/>
    </row>
    <row r="1886" ht="22" customHeight="true" s="1" customFormat="true" hidden="true" outlineLevel="3">
      <c r="A1886" s="6" t="s">
        <v>2211</v>
      </c>
      <c r="B1886" s="6" t="s">
        <v>172</v>
      </c>
      <c r="C1886" s="6" t="s">
        <v>103</v>
      </c>
      <c r="D1886" s="6" t="s">
        <v>100</v>
      </c>
      <c r="E1886" s="6" t="e"/>
    </row>
    <row r="1887" ht="22" customHeight="true" s="1" customFormat="true" hidden="true" outlineLevel="3">
      <c r="A1887" s="6" t="s">
        <v>2212</v>
      </c>
      <c r="B1887" s="6" t="s">
        <v>136</v>
      </c>
      <c r="C1887" s="6" t="s">
        <v>55</v>
      </c>
      <c r="D1887" s="6" t="s">
        <v>40</v>
      </c>
      <c r="E1887" s="6" t="e"/>
    </row>
    <row r="1888" ht="22" customHeight="true" s="1" customFormat="true" hidden="true" outlineLevel="3">
      <c r="A1888" s="6" t="s">
        <v>2213</v>
      </c>
      <c r="B1888" s="6" t="s">
        <v>2214</v>
      </c>
      <c r="C1888" s="6" t="s">
        <v>18</v>
      </c>
      <c r="D1888" s="6" t="s">
        <v>11</v>
      </c>
      <c r="E1888" s="6" t="e"/>
    </row>
    <row r="1889" ht="11" customHeight="true" s="1" customFormat="true" hidden="true" outlineLevel="3">
      <c r="A1889" s="6" t="s">
        <v>2215</v>
      </c>
      <c r="B1889" s="6" t="s">
        <v>2216</v>
      </c>
      <c r="C1889" s="6" t="s">
        <v>921</v>
      </c>
      <c r="D1889" s="6" t="s">
        <v>26</v>
      </c>
      <c r="E1889" s="6" t="e"/>
    </row>
    <row r="1890" ht="33" customHeight="true" s="1" customFormat="true" hidden="true" outlineLevel="3">
      <c r="A1890" s="6" t="s">
        <v>2217</v>
      </c>
      <c r="B1890" s="6" t="s">
        <v>99</v>
      </c>
      <c r="C1890" s="6" t="s">
        <v>127</v>
      </c>
      <c r="D1890" s="6" t="s">
        <v>57</v>
      </c>
      <c r="E1890" s="6" t="e"/>
    </row>
    <row r="1891" ht="22" customHeight="true" s="1" customFormat="true" hidden="true" outlineLevel="3">
      <c r="A1891" s="6" t="s">
        <v>2218</v>
      </c>
      <c r="B1891" s="6" t="s">
        <v>2214</v>
      </c>
      <c r="C1891" s="6" t="s">
        <v>18</v>
      </c>
      <c r="D1891" s="6" t="s">
        <v>26</v>
      </c>
      <c r="E1891" s="6" t="e"/>
    </row>
    <row r="1892" ht="22" customHeight="true" s="1" customFormat="true" hidden="true" collapsed="true" outlineLevel="3">
      <c r="A1892" s="6" t="s">
        <v>2219</v>
      </c>
      <c r="B1892" s="6" t="s">
        <v>2220</v>
      </c>
      <c r="C1892" s="6" t="s">
        <v>230</v>
      </c>
      <c r="D1892" s="6" t="s">
        <v>11</v>
      </c>
      <c r="E1892" s="6" t="e"/>
    </row>
    <row r="1893" ht="11" customHeight="true" s="1" customFormat="true" hidden="true" collapsed="true" outlineLevel="2">
      <c r="A1893" s="5" t="s">
        <v>2221</v>
      </c>
      <c r="B1893" s="5" t="e"/>
      <c r="C1893" s="5" t="e"/>
      <c r="D1893" s="5" t="e"/>
      <c r="E1893" s="5" t="e"/>
    </row>
    <row r="1894" ht="33" customHeight="true" s="1" customFormat="true" hidden="true" outlineLevel="3">
      <c r="A1894" s="6" t="s">
        <v>2222</v>
      </c>
      <c r="B1894" s="6" t="s">
        <v>99</v>
      </c>
      <c r="C1894" s="6" t="s">
        <v>50</v>
      </c>
      <c r="D1894" s="6" t="s">
        <v>15</v>
      </c>
      <c r="E1894" s="6" t="e"/>
    </row>
    <row r="1895" ht="33" customHeight="true" s="1" customFormat="true" hidden="true" outlineLevel="3">
      <c r="A1895" s="6" t="s">
        <v>2223</v>
      </c>
      <c r="B1895" s="6" t="s">
        <v>99</v>
      </c>
      <c r="C1895" s="6" t="s">
        <v>127</v>
      </c>
      <c r="D1895" s="6" t="s">
        <v>26</v>
      </c>
      <c r="E1895" s="6" t="e"/>
    </row>
    <row r="1896" ht="44" customHeight="true" s="1" customFormat="true" hidden="true" outlineLevel="3">
      <c r="A1896" s="6" t="s">
        <v>2224</v>
      </c>
      <c r="B1896" s="6" t="s">
        <v>66</v>
      </c>
      <c r="C1896" s="6" t="s">
        <v>62</v>
      </c>
      <c r="D1896" s="6" t="s">
        <v>165</v>
      </c>
      <c r="E1896" s="6" t="e"/>
    </row>
    <row r="1897" ht="22" customHeight="true" s="1" customFormat="true" hidden="true" outlineLevel="3">
      <c r="A1897" s="6" t="s">
        <v>2225</v>
      </c>
      <c r="B1897" s="6" t="s">
        <v>300</v>
      </c>
      <c r="C1897" s="6" t="s">
        <v>99</v>
      </c>
      <c r="D1897" s="6" t="s">
        <v>2226</v>
      </c>
      <c r="E1897" s="6" t="e"/>
    </row>
    <row r="1898" ht="11" customHeight="true" s="1" customFormat="true" hidden="true" outlineLevel="3">
      <c r="A1898" s="6" t="s">
        <v>2227</v>
      </c>
      <c r="B1898" s="6" t="s">
        <v>384</v>
      </c>
      <c r="C1898" s="6" t="s">
        <v>142</v>
      </c>
      <c r="D1898" s="6" t="s">
        <v>11</v>
      </c>
      <c r="E1898" s="6" t="e"/>
    </row>
    <row r="1899" ht="22" customHeight="true" s="1" customFormat="true" hidden="true" outlineLevel="3">
      <c r="A1899" s="6" t="s">
        <v>2228</v>
      </c>
      <c r="B1899" s="6" t="e"/>
      <c r="C1899" s="6" t="s">
        <v>149</v>
      </c>
      <c r="D1899" s="6" t="s">
        <v>11</v>
      </c>
      <c r="E1899" s="6" t="e"/>
    </row>
    <row r="1900" ht="22" customHeight="true" s="1" customFormat="true" hidden="true" outlineLevel="3">
      <c r="A1900" s="6" t="s">
        <v>2229</v>
      </c>
      <c r="B1900" s="6" t="s">
        <v>1398</v>
      </c>
      <c r="C1900" s="6" t="s">
        <v>103</v>
      </c>
      <c r="D1900" s="6" t="s">
        <v>11</v>
      </c>
      <c r="E1900" s="6" t="e"/>
    </row>
    <row r="1901" ht="44" customHeight="true" s="1" customFormat="true" hidden="true" outlineLevel="3">
      <c r="A1901" s="6" t="s">
        <v>2230</v>
      </c>
      <c r="B1901" s="6" t="s">
        <v>914</v>
      </c>
      <c r="C1901" s="6" t="s">
        <v>72</v>
      </c>
      <c r="D1901" s="6" t="s">
        <v>11</v>
      </c>
      <c r="E1901" s="6" t="e"/>
    </row>
    <row r="1902" ht="22" customHeight="true" s="1" customFormat="true" hidden="true" outlineLevel="3">
      <c r="A1902" s="6" t="s">
        <v>2231</v>
      </c>
      <c r="B1902" s="6" t="s">
        <v>110</v>
      </c>
      <c r="C1902" s="6" t="s">
        <v>72</v>
      </c>
      <c r="D1902" s="6" t="s">
        <v>26</v>
      </c>
      <c r="E1902" s="6" t="e"/>
    </row>
    <row r="1903" ht="11" customHeight="true" s="1" customFormat="true" hidden="true" outlineLevel="3">
      <c r="A1903" s="6" t="s">
        <v>2232</v>
      </c>
      <c r="B1903" s="6" t="s">
        <v>1875</v>
      </c>
      <c r="C1903" s="6" t="s">
        <v>50</v>
      </c>
      <c r="D1903" s="6" t="s">
        <v>11</v>
      </c>
      <c r="E1903" s="6" t="e"/>
    </row>
    <row r="1904" ht="22" customHeight="true" s="1" customFormat="true" hidden="true" outlineLevel="3">
      <c r="A1904" s="6" t="s">
        <v>2233</v>
      </c>
      <c r="B1904" s="6" t="s">
        <v>163</v>
      </c>
      <c r="C1904" s="6" t="s">
        <v>50</v>
      </c>
      <c r="D1904" s="6" t="s">
        <v>184</v>
      </c>
      <c r="E1904" s="6" t="e"/>
    </row>
    <row r="1905" ht="11" customHeight="true" s="1" customFormat="true" hidden="true" outlineLevel="3">
      <c r="A1905" s="6" t="s">
        <v>2234</v>
      </c>
      <c r="B1905" s="6" t="s">
        <v>2235</v>
      </c>
      <c r="C1905" s="6" t="s">
        <v>939</v>
      </c>
      <c r="D1905" s="6" t="s">
        <v>11</v>
      </c>
      <c r="E1905" s="6" t="e"/>
    </row>
    <row r="1906" ht="11" customHeight="true" s="1" customFormat="true" hidden="true" outlineLevel="3">
      <c r="A1906" s="6" t="s">
        <v>2236</v>
      </c>
      <c r="B1906" s="6" t="s">
        <v>384</v>
      </c>
      <c r="C1906" s="6" t="s">
        <v>142</v>
      </c>
      <c r="D1906" s="6" t="s">
        <v>11</v>
      </c>
      <c r="E1906" s="6" t="e"/>
    </row>
    <row r="1907" ht="22" customHeight="true" s="1" customFormat="true" hidden="true" outlineLevel="3">
      <c r="A1907" s="6" t="s">
        <v>2237</v>
      </c>
      <c r="B1907" s="6" t="s">
        <v>188</v>
      </c>
      <c r="C1907" s="6" t="s">
        <v>127</v>
      </c>
      <c r="D1907" s="6" t="s">
        <v>644</v>
      </c>
      <c r="E1907" s="6" t="e"/>
    </row>
    <row r="1908" ht="44" customHeight="true" s="1" customFormat="true" hidden="true" outlineLevel="3">
      <c r="A1908" s="6" t="s">
        <v>2238</v>
      </c>
      <c r="B1908" s="6" t="s">
        <v>103</v>
      </c>
      <c r="C1908" s="6" t="s">
        <v>72</v>
      </c>
      <c r="D1908" s="6" t="s">
        <v>276</v>
      </c>
      <c r="E1908" s="6" t="e"/>
    </row>
    <row r="1909" ht="33" customHeight="true" s="1" customFormat="true" hidden="true" outlineLevel="3">
      <c r="A1909" s="6" t="s">
        <v>2239</v>
      </c>
      <c r="B1909" s="6" t="s">
        <v>428</v>
      </c>
      <c r="C1909" s="6" t="s">
        <v>47</v>
      </c>
      <c r="D1909" s="6" t="s">
        <v>68</v>
      </c>
      <c r="E1909" s="6" t="e"/>
    </row>
    <row r="1910" ht="44" customHeight="true" s="1" customFormat="true" hidden="true" outlineLevel="3">
      <c r="A1910" s="6" t="s">
        <v>2240</v>
      </c>
      <c r="B1910" s="6" t="s">
        <v>142</v>
      </c>
      <c r="C1910" s="6" t="s">
        <v>51</v>
      </c>
      <c r="D1910" s="6" t="s">
        <v>123</v>
      </c>
      <c r="E1910" s="6" t="e"/>
    </row>
    <row r="1911" ht="44" customHeight="true" s="1" customFormat="true" hidden="true" outlineLevel="3">
      <c r="A1911" s="6" t="s">
        <v>2241</v>
      </c>
      <c r="B1911" s="6" t="s">
        <v>219</v>
      </c>
      <c r="C1911" s="6" t="s">
        <v>21</v>
      </c>
      <c r="D1911" s="6" t="s">
        <v>40</v>
      </c>
      <c r="E1911" s="6" t="e"/>
    </row>
    <row r="1912" ht="33" customHeight="true" s="1" customFormat="true" hidden="true" outlineLevel="3">
      <c r="A1912" s="6" t="s">
        <v>2242</v>
      </c>
      <c r="B1912" s="6" t="s">
        <v>2243</v>
      </c>
      <c r="C1912" s="6" t="s">
        <v>2244</v>
      </c>
      <c r="D1912" s="6" t="s">
        <v>26</v>
      </c>
      <c r="E1912" s="6" t="e"/>
    </row>
    <row r="1913" ht="44" customHeight="true" s="1" customFormat="true" hidden="true" outlineLevel="3">
      <c r="A1913" s="6" t="s">
        <v>2245</v>
      </c>
      <c r="B1913" s="6" t="s">
        <v>72</v>
      </c>
      <c r="C1913" s="6" t="s">
        <v>235</v>
      </c>
      <c r="D1913" s="6" t="s">
        <v>26</v>
      </c>
      <c r="E1913" s="6" t="e"/>
    </row>
    <row r="1914" ht="44" customHeight="true" s="1" customFormat="true" hidden="true" outlineLevel="3">
      <c r="A1914" s="6" t="s">
        <v>2246</v>
      </c>
      <c r="B1914" s="6" t="s">
        <v>118</v>
      </c>
      <c r="C1914" s="6" t="s">
        <v>78</v>
      </c>
      <c r="D1914" s="6" t="s">
        <v>11</v>
      </c>
      <c r="E1914" s="6" t="e"/>
    </row>
    <row r="1915" ht="44" customHeight="true" s="1" customFormat="true" hidden="true" outlineLevel="3">
      <c r="A1915" s="6" t="s">
        <v>2247</v>
      </c>
      <c r="B1915" s="6" t="s">
        <v>2248</v>
      </c>
      <c r="C1915" s="6" t="s">
        <v>235</v>
      </c>
      <c r="D1915" s="6" t="s">
        <v>184</v>
      </c>
      <c r="E1915" s="6" t="e"/>
    </row>
    <row r="1916" ht="44" customHeight="true" s="1" customFormat="true" hidden="true" outlineLevel="3">
      <c r="A1916" s="6" t="s">
        <v>2249</v>
      </c>
      <c r="B1916" s="6" t="s">
        <v>155</v>
      </c>
      <c r="C1916" s="6" t="s">
        <v>72</v>
      </c>
      <c r="D1916" s="6" t="s">
        <v>57</v>
      </c>
      <c r="E1916" s="6" t="e"/>
    </row>
    <row r="1917" ht="56" customHeight="true" s="1" customFormat="true" hidden="true" outlineLevel="3">
      <c r="A1917" s="6" t="s">
        <v>2250</v>
      </c>
      <c r="B1917" s="6" t="s">
        <v>428</v>
      </c>
      <c r="C1917" s="6" t="s">
        <v>47</v>
      </c>
      <c r="D1917" s="6" t="s">
        <v>11</v>
      </c>
      <c r="E1917" s="6" t="e"/>
    </row>
    <row r="1918" ht="44" customHeight="true" s="1" customFormat="true" hidden="true" outlineLevel="3">
      <c r="A1918" s="6" t="s">
        <v>2251</v>
      </c>
      <c r="B1918" s="6" t="s">
        <v>1712</v>
      </c>
      <c r="C1918" s="6" t="s">
        <v>430</v>
      </c>
      <c r="D1918" s="6" t="s">
        <v>15</v>
      </c>
      <c r="E1918" s="6" t="e"/>
    </row>
    <row r="1919" ht="33" customHeight="true" s="1" customFormat="true" hidden="true" outlineLevel="3">
      <c r="A1919" s="6" t="s">
        <v>2252</v>
      </c>
      <c r="B1919" s="6" t="s">
        <v>1949</v>
      </c>
      <c r="C1919" s="6" t="s">
        <v>2253</v>
      </c>
      <c r="D1919" s="6" t="s">
        <v>11</v>
      </c>
      <c r="E1919" s="6" t="e"/>
    </row>
    <row r="1920" ht="44" customHeight="true" s="1" customFormat="true" hidden="true" outlineLevel="3">
      <c r="A1920" s="6" t="s">
        <v>2254</v>
      </c>
      <c r="B1920" s="6" t="s">
        <v>78</v>
      </c>
      <c r="C1920" s="6" t="s">
        <v>1187</v>
      </c>
      <c r="D1920" s="6" t="s">
        <v>11</v>
      </c>
      <c r="E1920" s="6" t="e"/>
    </row>
    <row r="1921" ht="44" customHeight="true" s="1" customFormat="true" hidden="true" outlineLevel="3">
      <c r="A1921" s="6" t="s">
        <v>2255</v>
      </c>
      <c r="B1921" s="6" t="s">
        <v>341</v>
      </c>
      <c r="C1921" s="6" t="s">
        <v>62</v>
      </c>
      <c r="D1921" s="6" t="s">
        <v>11</v>
      </c>
      <c r="E1921" s="6" t="e"/>
    </row>
    <row r="1922" ht="44" customHeight="true" s="1" customFormat="true" hidden="true" outlineLevel="3">
      <c r="A1922" s="6" t="s">
        <v>2256</v>
      </c>
      <c r="B1922" s="6" t="s">
        <v>72</v>
      </c>
      <c r="C1922" s="6" t="s">
        <v>235</v>
      </c>
      <c r="D1922" s="6" t="s">
        <v>26</v>
      </c>
      <c r="E1922" s="6" t="e"/>
    </row>
    <row r="1923" ht="33" customHeight="true" s="1" customFormat="true" hidden="true" outlineLevel="3">
      <c r="A1923" s="6" t="s">
        <v>2257</v>
      </c>
      <c r="B1923" s="6" t="s">
        <v>1168</v>
      </c>
      <c r="C1923" s="6" t="s">
        <v>430</v>
      </c>
      <c r="D1923" s="6" t="s">
        <v>11</v>
      </c>
      <c r="E1923" s="6" t="e"/>
    </row>
    <row r="1924" ht="33" customHeight="true" s="1" customFormat="true" hidden="true" outlineLevel="3">
      <c r="A1924" s="6" t="s">
        <v>2258</v>
      </c>
      <c r="B1924" s="6" t="s">
        <v>374</v>
      </c>
      <c r="C1924" s="6" t="s">
        <v>272</v>
      </c>
      <c r="D1924" s="6" t="s">
        <v>26</v>
      </c>
      <c r="E1924" s="6" t="e"/>
    </row>
    <row r="1925" ht="44" customHeight="true" s="1" customFormat="true" hidden="true" outlineLevel="3">
      <c r="A1925" s="6" t="s">
        <v>2259</v>
      </c>
      <c r="B1925" s="6" t="s">
        <v>379</v>
      </c>
      <c r="C1925" s="6" t="s">
        <v>78</v>
      </c>
      <c r="D1925" s="6" t="s">
        <v>68</v>
      </c>
      <c r="E1925" s="6" t="e"/>
    </row>
    <row r="1926" ht="44" customHeight="true" s="1" customFormat="true" hidden="true" outlineLevel="3">
      <c r="A1926" s="6" t="s">
        <v>2260</v>
      </c>
      <c r="B1926" s="6" t="s">
        <v>428</v>
      </c>
      <c r="C1926" s="6" t="s">
        <v>13</v>
      </c>
      <c r="D1926" s="6" t="s">
        <v>40</v>
      </c>
      <c r="E1926" s="6" t="e"/>
    </row>
    <row r="1927" ht="56" customHeight="true" s="1" customFormat="true" hidden="true" outlineLevel="3">
      <c r="A1927" s="6" t="s">
        <v>2261</v>
      </c>
      <c r="B1927" s="6" t="s">
        <v>2216</v>
      </c>
      <c r="C1927" s="6" t="s">
        <v>316</v>
      </c>
      <c r="D1927" s="6" t="s">
        <v>11</v>
      </c>
      <c r="E1927" s="6" t="e"/>
    </row>
    <row r="1928" ht="33" customHeight="true" s="1" customFormat="true" hidden="true" outlineLevel="3">
      <c r="A1928" s="6" t="s">
        <v>2262</v>
      </c>
      <c r="B1928" s="6" t="s">
        <v>428</v>
      </c>
      <c r="C1928" s="6" t="s">
        <v>47</v>
      </c>
      <c r="D1928" s="6" t="s">
        <v>11</v>
      </c>
      <c r="E1928" s="6" t="e"/>
    </row>
    <row r="1929" ht="44" customHeight="true" s="1" customFormat="true" hidden="true" outlineLevel="3">
      <c r="A1929" s="6" t="s">
        <v>2263</v>
      </c>
      <c r="B1929" s="6" t="s">
        <v>66</v>
      </c>
      <c r="C1929" s="6" t="s">
        <v>235</v>
      </c>
      <c r="D1929" s="6" t="s">
        <v>40</v>
      </c>
      <c r="E1929" s="6" t="e"/>
    </row>
    <row r="1930" ht="33" customHeight="true" s="1" customFormat="true" hidden="true" outlineLevel="3">
      <c r="A1930" s="6" t="s">
        <v>2264</v>
      </c>
      <c r="B1930" s="6" t="s">
        <v>114</v>
      </c>
      <c r="C1930" s="6" t="s">
        <v>62</v>
      </c>
      <c r="D1930" s="6" t="s">
        <v>11</v>
      </c>
      <c r="E1930" s="6" t="e"/>
    </row>
    <row r="1931" ht="33" customHeight="true" s="1" customFormat="true" hidden="true" outlineLevel="3">
      <c r="A1931" s="6" t="s">
        <v>2265</v>
      </c>
      <c r="B1931" s="6" t="s">
        <v>388</v>
      </c>
      <c r="C1931" s="6" t="s">
        <v>230</v>
      </c>
      <c r="D1931" s="6" t="s">
        <v>11</v>
      </c>
      <c r="E1931" s="6" t="e"/>
    </row>
    <row r="1932" ht="44" customHeight="true" s="1" customFormat="true" hidden="true" outlineLevel="3">
      <c r="A1932" s="6" t="s">
        <v>2266</v>
      </c>
      <c r="B1932" s="6" t="s">
        <v>219</v>
      </c>
      <c r="C1932" s="6" t="s">
        <v>51</v>
      </c>
      <c r="D1932" s="6" t="s">
        <v>11</v>
      </c>
      <c r="E1932" s="6" t="e"/>
    </row>
    <row r="1933" ht="22" customHeight="true" s="1" customFormat="true" hidden="true" outlineLevel="3">
      <c r="A1933" s="6" t="s">
        <v>2267</v>
      </c>
      <c r="B1933" s="6" t="s">
        <v>139</v>
      </c>
      <c r="C1933" s="6" t="s">
        <v>99</v>
      </c>
      <c r="D1933" s="6" t="s">
        <v>184</v>
      </c>
      <c r="E1933" s="6" t="e"/>
    </row>
    <row r="1934" ht="22" customHeight="true" s="1" customFormat="true" hidden="true" outlineLevel="3">
      <c r="A1934" s="6" t="s">
        <v>2268</v>
      </c>
      <c r="B1934" s="6" t="s">
        <v>141</v>
      </c>
      <c r="C1934" s="6" t="s">
        <v>142</v>
      </c>
      <c r="D1934" s="6" t="s">
        <v>11</v>
      </c>
      <c r="E1934" s="6" t="e"/>
    </row>
    <row r="1935" ht="33" customHeight="true" s="1" customFormat="true" hidden="true" outlineLevel="3">
      <c r="A1935" s="6" t="s">
        <v>2269</v>
      </c>
      <c r="B1935" s="6" t="s">
        <v>308</v>
      </c>
      <c r="C1935" s="6" t="s">
        <v>103</v>
      </c>
      <c r="D1935" s="6" t="s">
        <v>184</v>
      </c>
      <c r="E1935" s="6" t="e"/>
    </row>
    <row r="1936" ht="33" customHeight="true" s="1" customFormat="true" hidden="true" outlineLevel="3">
      <c r="A1936" s="6" t="s">
        <v>2270</v>
      </c>
      <c r="B1936" s="6" t="s">
        <v>129</v>
      </c>
      <c r="C1936" s="6" t="s">
        <v>72</v>
      </c>
      <c r="D1936" s="6" t="s">
        <v>57</v>
      </c>
      <c r="E1936" s="6" t="e"/>
    </row>
    <row r="1937" ht="22" customHeight="true" s="1" customFormat="true" hidden="true" outlineLevel="3">
      <c r="A1937" s="6" t="s">
        <v>2271</v>
      </c>
      <c r="B1937" s="6" t="s">
        <v>494</v>
      </c>
      <c r="C1937" s="6" t="s">
        <v>127</v>
      </c>
      <c r="D1937" s="6" t="s">
        <v>276</v>
      </c>
      <c r="E1937" s="6" t="e"/>
    </row>
    <row r="1938" ht="22" customHeight="true" s="1" customFormat="true" hidden="true" outlineLevel="3">
      <c r="A1938" s="6" t="s">
        <v>2272</v>
      </c>
      <c r="B1938" s="6" t="s">
        <v>103</v>
      </c>
      <c r="C1938" s="6" t="s">
        <v>127</v>
      </c>
      <c r="D1938" s="6" t="s">
        <v>123</v>
      </c>
      <c r="E1938" s="6" t="e"/>
    </row>
    <row r="1939" ht="22" customHeight="true" s="1" customFormat="true" hidden="true" outlineLevel="3">
      <c r="A1939" s="6" t="s">
        <v>2273</v>
      </c>
      <c r="B1939" s="6" t="s">
        <v>163</v>
      </c>
      <c r="C1939" s="6" t="s">
        <v>55</v>
      </c>
      <c r="D1939" s="6" t="s">
        <v>11</v>
      </c>
      <c r="E1939" s="6" t="e"/>
    </row>
    <row r="1940" ht="11" customHeight="true" s="1" customFormat="true" hidden="true" outlineLevel="3">
      <c r="A1940" s="6" t="s">
        <v>2274</v>
      </c>
      <c r="B1940" s="6" t="s">
        <v>322</v>
      </c>
      <c r="C1940" s="6" t="s">
        <v>149</v>
      </c>
      <c r="D1940" s="6" t="s">
        <v>26</v>
      </c>
      <c r="E1940" s="6" t="e"/>
    </row>
    <row r="1941" ht="22" customHeight="true" s="1" customFormat="true" hidden="true" outlineLevel="3">
      <c r="A1941" s="6" t="s">
        <v>2275</v>
      </c>
      <c r="B1941" s="6" t="s">
        <v>102</v>
      </c>
      <c r="C1941" s="6" t="s">
        <v>103</v>
      </c>
      <c r="D1941" s="6" t="s">
        <v>15</v>
      </c>
      <c r="E1941" s="6" t="e"/>
    </row>
    <row r="1942" ht="44" customHeight="true" s="1" customFormat="true" hidden="true" collapsed="true" outlineLevel="3">
      <c r="A1942" s="6" t="s">
        <v>2276</v>
      </c>
      <c r="B1942" s="6" t="s">
        <v>296</v>
      </c>
      <c r="C1942" s="6" t="s">
        <v>103</v>
      </c>
      <c r="D1942" s="6" t="s">
        <v>40</v>
      </c>
      <c r="E1942" s="6" t="e"/>
    </row>
    <row r="1943" ht="11" customHeight="true" s="1" customFormat="true" hidden="true" collapsed="true" outlineLevel="2">
      <c r="A1943" s="5" t="s">
        <v>2277</v>
      </c>
      <c r="B1943" s="5" t="e"/>
      <c r="C1943" s="5" t="e"/>
      <c r="D1943" s="5" t="e"/>
      <c r="E1943" s="5" t="e"/>
    </row>
    <row r="1944" ht="22" customHeight="true" s="1" customFormat="true" hidden="true" outlineLevel="3">
      <c r="A1944" s="6" t="s">
        <v>2278</v>
      </c>
      <c r="B1944" s="6" t="s">
        <v>83</v>
      </c>
      <c r="C1944" s="6" t="s">
        <v>14</v>
      </c>
      <c r="D1944" s="6" t="s">
        <v>11</v>
      </c>
      <c r="E1944" s="6" t="e"/>
    </row>
    <row r="1945" ht="22" customHeight="true" s="1" customFormat="true" hidden="true" outlineLevel="3">
      <c r="A1945" s="6" t="s">
        <v>2279</v>
      </c>
      <c r="B1945" s="6" t="s">
        <v>47</v>
      </c>
      <c r="C1945" s="6" t="s">
        <v>28</v>
      </c>
      <c r="D1945" s="6" t="s">
        <v>15</v>
      </c>
      <c r="E1945" s="6" t="e"/>
    </row>
    <row r="1946" ht="22" customHeight="true" s="1" customFormat="true" hidden="true" outlineLevel="3">
      <c r="A1946" s="6" t="s">
        <v>2280</v>
      </c>
      <c r="B1946" s="6" t="s">
        <v>1181</v>
      </c>
      <c r="C1946" s="6" t="s">
        <v>14</v>
      </c>
      <c r="D1946" s="6" t="s">
        <v>26</v>
      </c>
      <c r="E1946" s="6" t="e"/>
    </row>
    <row r="1947" ht="22" customHeight="true" s="1" customFormat="true" hidden="true" outlineLevel="3">
      <c r="A1947" s="6" t="s">
        <v>2281</v>
      </c>
      <c r="B1947" s="6" t="s">
        <v>80</v>
      </c>
      <c r="C1947" s="6" t="s">
        <v>430</v>
      </c>
      <c r="D1947" s="6" t="s">
        <v>11</v>
      </c>
      <c r="E1947" s="6" t="e"/>
    </row>
    <row r="1948" ht="11" customHeight="true" s="1" customFormat="true" hidden="true" outlineLevel="3">
      <c r="A1948" s="6" t="s">
        <v>2282</v>
      </c>
      <c r="B1948" s="6" t="s">
        <v>83</v>
      </c>
      <c r="C1948" s="6" t="s">
        <v>28</v>
      </c>
      <c r="D1948" s="6" t="s">
        <v>11</v>
      </c>
      <c r="E1948" s="6" t="e"/>
    </row>
    <row r="1949" ht="11" customHeight="true" s="1" customFormat="true" hidden="true" outlineLevel="3">
      <c r="A1949" s="6" t="s">
        <v>2283</v>
      </c>
      <c r="B1949" s="6" t="s">
        <v>290</v>
      </c>
      <c r="C1949" s="6" t="s">
        <v>931</v>
      </c>
      <c r="D1949" s="6" t="s">
        <v>11</v>
      </c>
      <c r="E1949" s="6" t="e"/>
    </row>
    <row r="1950" ht="22" customHeight="true" s="1" customFormat="true" hidden="true" outlineLevel="3">
      <c r="A1950" s="6" t="s">
        <v>2284</v>
      </c>
      <c r="B1950" s="6" t="s">
        <v>290</v>
      </c>
      <c r="C1950" s="6" t="s">
        <v>14</v>
      </c>
      <c r="D1950" s="6" t="s">
        <v>15</v>
      </c>
      <c r="E1950" s="6" t="e"/>
    </row>
    <row r="1951" ht="11" customHeight="true" collapsed="true" outlineLevel="1">
      <c r="A1951" s="5" t="s">
        <v>2285</v>
      </c>
      <c r="B1951" s="5" t="e"/>
      <c r="C1951" s="5" t="e"/>
      <c r="D1951" s="5" t="e"/>
      <c r="E1951" s="5" t="e"/>
    </row>
    <row r="1952" ht="11" customHeight="true" s="1" customFormat="true" hidden="true" collapsed="true" outlineLevel="2">
      <c r="A1952" s="5" t="s">
        <v>2286</v>
      </c>
      <c r="B1952" s="5" t="e"/>
      <c r="C1952" s="5" t="e"/>
      <c r="D1952" s="5" t="e"/>
      <c r="E1952" s="5" t="e"/>
    </row>
    <row r="1953" ht="22" customHeight="true" s="1" customFormat="true" hidden="true" collapsed="true" outlineLevel="3">
      <c r="A1953" s="6" t="s">
        <v>2287</v>
      </c>
      <c r="B1953" s="6" t="s">
        <v>127</v>
      </c>
      <c r="C1953" s="6" t="s">
        <v>73</v>
      </c>
      <c r="D1953" s="6" t="s">
        <v>123</v>
      </c>
      <c r="E1953" s="6" t="e"/>
    </row>
    <row r="1954" ht="11" customHeight="true" s="1" customFormat="true" hidden="true" collapsed="true" outlineLevel="2">
      <c r="A1954" s="5" t="s">
        <v>2288</v>
      </c>
      <c r="B1954" s="5" t="e"/>
      <c r="C1954" s="5" t="e"/>
      <c r="D1954" s="5" t="e"/>
      <c r="E1954" s="5" t="e"/>
    </row>
    <row r="1955" ht="22" customHeight="true" s="1" customFormat="true" hidden="true" outlineLevel="3">
      <c r="A1955" s="6" t="s">
        <v>2289</v>
      </c>
      <c r="B1955" s="6" t="s">
        <v>136</v>
      </c>
      <c r="C1955" s="6" t="s">
        <v>219</v>
      </c>
      <c r="D1955" s="6" t="s">
        <v>184</v>
      </c>
      <c r="E1955" s="6" t="e"/>
    </row>
    <row r="1956" ht="33" customHeight="true" s="1" customFormat="true" hidden="true" outlineLevel="3">
      <c r="A1956" s="6" t="s">
        <v>2290</v>
      </c>
      <c r="B1956" s="6" t="s">
        <v>126</v>
      </c>
      <c r="C1956" s="6" t="s">
        <v>127</v>
      </c>
      <c r="D1956" s="6" t="s">
        <v>15</v>
      </c>
      <c r="E1956" s="6" t="e"/>
    </row>
    <row r="1957" ht="22" customHeight="true" s="1" customFormat="true" hidden="true" collapsed="true" outlineLevel="3">
      <c r="A1957" s="6" t="s">
        <v>2291</v>
      </c>
      <c r="B1957" s="6" t="s">
        <v>105</v>
      </c>
      <c r="C1957" s="6" t="s">
        <v>72</v>
      </c>
      <c r="D1957" s="6" t="s">
        <v>123</v>
      </c>
      <c r="E1957" s="6" t="e"/>
    </row>
    <row r="1958" ht="11" customHeight="true" s="1" customFormat="true" hidden="true" collapsed="true" outlineLevel="2">
      <c r="A1958" s="5" t="s">
        <v>2292</v>
      </c>
      <c r="B1958" s="5" t="e"/>
      <c r="C1958" s="5" t="e"/>
      <c r="D1958" s="5" t="e"/>
      <c r="E1958" s="5" t="e"/>
    </row>
    <row r="1959" ht="22" customHeight="true" s="1" customFormat="true" hidden="true" collapsed="true" outlineLevel="3">
      <c r="A1959" s="6" t="s">
        <v>2293</v>
      </c>
      <c r="B1959" s="6" t="s">
        <v>55</v>
      </c>
      <c r="C1959" s="6" t="s">
        <v>62</v>
      </c>
      <c r="D1959" s="6" t="s">
        <v>26</v>
      </c>
      <c r="E1959" s="6" t="e"/>
    </row>
    <row r="1960" ht="11" customHeight="true" s="1" customFormat="true" hidden="true" collapsed="true" outlineLevel="2">
      <c r="A1960" s="5" t="s">
        <v>2294</v>
      </c>
      <c r="B1960" s="5" t="e"/>
      <c r="C1960" s="5" t="e"/>
      <c r="D1960" s="5" t="e"/>
      <c r="E1960" s="5" t="e"/>
    </row>
    <row r="1961" ht="44" customHeight="true" s="1" customFormat="true" hidden="true" outlineLevel="3">
      <c r="A1961" s="6" t="s">
        <v>2295</v>
      </c>
      <c r="B1961" s="6" t="s">
        <v>678</v>
      </c>
      <c r="C1961" s="6" t="s">
        <v>167</v>
      </c>
      <c r="D1961" s="6" t="s">
        <v>176</v>
      </c>
      <c r="E1961" s="6" t="e"/>
    </row>
    <row r="1962" ht="44" customHeight="true" s="1" customFormat="true" hidden="true" outlineLevel="3">
      <c r="A1962" s="6" t="s">
        <v>2296</v>
      </c>
      <c r="B1962" s="6" t="s">
        <v>1338</v>
      </c>
      <c r="C1962" s="6" t="s">
        <v>308</v>
      </c>
      <c r="D1962" s="6" t="s">
        <v>40</v>
      </c>
      <c r="E1962" s="6" t="e"/>
    </row>
    <row r="1963" ht="44" customHeight="true" s="1" customFormat="true" hidden="true" collapsed="true" outlineLevel="3">
      <c r="A1963" s="6" t="s">
        <v>2297</v>
      </c>
      <c r="B1963" s="6" t="s">
        <v>242</v>
      </c>
      <c r="C1963" s="6" t="s">
        <v>149</v>
      </c>
      <c r="D1963" s="6" t="s">
        <v>100</v>
      </c>
      <c r="E1963" s="6" t="e"/>
    </row>
    <row r="1964" ht="11" customHeight="true" s="1" customFormat="true" hidden="true" collapsed="true" outlineLevel="2">
      <c r="A1964" s="5" t="s">
        <v>2298</v>
      </c>
      <c r="B1964" s="5" t="e"/>
      <c r="C1964" s="5" t="e"/>
      <c r="D1964" s="5" t="e"/>
      <c r="E1964" s="5" t="e"/>
    </row>
    <row r="1965" ht="11" customHeight="true" s="1" customFormat="true" hidden="true" outlineLevel="3">
      <c r="A1965" s="6" t="s">
        <v>2299</v>
      </c>
      <c r="B1965" s="6" t="s">
        <v>446</v>
      </c>
      <c r="C1965" s="6" t="s">
        <v>167</v>
      </c>
      <c r="D1965" s="6" t="s">
        <v>165</v>
      </c>
      <c r="E1965" s="6" t="e"/>
    </row>
    <row r="1966" ht="11" customHeight="true" s="1" customFormat="true" hidden="true" collapsed="true" outlineLevel="3">
      <c r="A1966" s="6" t="s">
        <v>2300</v>
      </c>
      <c r="B1966" s="6" t="s">
        <v>448</v>
      </c>
      <c r="C1966" s="6" t="s">
        <v>296</v>
      </c>
      <c r="D1966" s="6" t="s">
        <v>2148</v>
      </c>
      <c r="E1966" s="6" t="e"/>
    </row>
    <row r="1967" ht="11" customHeight="true" s="1" customFormat="true" hidden="true" collapsed="true" outlineLevel="2">
      <c r="A1967" s="5" t="s">
        <v>2301</v>
      </c>
      <c r="B1967" s="5" t="e"/>
      <c r="C1967" s="5" t="e"/>
      <c r="D1967" s="5" t="e"/>
      <c r="E1967" s="5" t="e"/>
    </row>
    <row r="1968" ht="56" customHeight="true" s="1" customFormat="true" hidden="true" outlineLevel="3">
      <c r="A1968" s="6" t="s">
        <v>2302</v>
      </c>
      <c r="B1968" s="6" t="s">
        <v>225</v>
      </c>
      <c r="C1968" s="6" t="s">
        <v>126</v>
      </c>
      <c r="D1968" s="6" t="s">
        <v>57</v>
      </c>
      <c r="E1968" s="6" t="e"/>
    </row>
    <row r="1969" ht="56" customHeight="true" s="1" customFormat="true" hidden="true" outlineLevel="3">
      <c r="A1969" s="6" t="s">
        <v>2303</v>
      </c>
      <c r="B1969" s="6" t="s">
        <v>296</v>
      </c>
      <c r="C1969" s="6" t="s">
        <v>136</v>
      </c>
      <c r="D1969" s="6" t="s">
        <v>40</v>
      </c>
      <c r="E1969" s="6" t="e"/>
    </row>
    <row r="1970" ht="44" customHeight="true" s="1" customFormat="true" hidden="true" outlineLevel="3">
      <c r="A1970" s="6" t="s">
        <v>2304</v>
      </c>
      <c r="B1970" s="6" t="s">
        <v>478</v>
      </c>
      <c r="C1970" s="6" t="s">
        <v>219</v>
      </c>
      <c r="D1970" s="6" t="s">
        <v>26</v>
      </c>
      <c r="E1970" s="6" t="e"/>
    </row>
    <row r="1971" ht="44" customHeight="true" s="1" customFormat="true" hidden="true" outlineLevel="3">
      <c r="A1971" s="6" t="s">
        <v>2305</v>
      </c>
      <c r="B1971" s="6" t="s">
        <v>188</v>
      </c>
      <c r="C1971" s="6" t="s">
        <v>50</v>
      </c>
      <c r="D1971" s="6" t="s">
        <v>26</v>
      </c>
      <c r="E1971" s="6" t="e"/>
    </row>
    <row r="1972" ht="33" customHeight="true" s="1" customFormat="true" hidden="true" outlineLevel="3">
      <c r="A1972" s="6" t="s">
        <v>2306</v>
      </c>
      <c r="B1972" s="6" t="s">
        <v>176</v>
      </c>
      <c r="C1972" s="6" t="s">
        <v>167</v>
      </c>
      <c r="D1972" s="6" t="s">
        <v>460</v>
      </c>
      <c r="E1972" s="6" t="e"/>
    </row>
    <row r="1973" ht="33" customHeight="true" s="1" customFormat="true" hidden="true" outlineLevel="3">
      <c r="A1973" s="6" t="s">
        <v>2307</v>
      </c>
      <c r="B1973" s="6" t="s">
        <v>574</v>
      </c>
      <c r="C1973" s="6" t="s">
        <v>242</v>
      </c>
      <c r="D1973" s="6" t="s">
        <v>276</v>
      </c>
      <c r="E1973" s="6" t="e"/>
    </row>
    <row r="1974" ht="44" customHeight="true" s="1" customFormat="true" hidden="true" outlineLevel="3">
      <c r="A1974" s="6" t="s">
        <v>2308</v>
      </c>
      <c r="B1974" s="6" t="s">
        <v>446</v>
      </c>
      <c r="C1974" s="6" t="s">
        <v>167</v>
      </c>
      <c r="D1974" s="6" t="s">
        <v>123</v>
      </c>
      <c r="E1974" s="6" t="e"/>
    </row>
    <row r="1975" ht="22" customHeight="true" s="1" customFormat="true" hidden="true" outlineLevel="3">
      <c r="A1975" s="6" t="s">
        <v>2309</v>
      </c>
      <c r="B1975" s="6" t="s">
        <v>446</v>
      </c>
      <c r="C1975" s="6" t="s">
        <v>296</v>
      </c>
      <c r="D1975" s="6" t="s">
        <v>1135</v>
      </c>
      <c r="E1975" s="6" t="e"/>
    </row>
    <row r="1976" ht="44" customHeight="true" s="1" customFormat="true" hidden="true" outlineLevel="3">
      <c r="A1976" s="6" t="s">
        <v>2310</v>
      </c>
      <c r="B1976" s="6" t="s">
        <v>167</v>
      </c>
      <c r="C1976" s="6" t="s">
        <v>225</v>
      </c>
      <c r="D1976" s="6" t="s">
        <v>1037</v>
      </c>
      <c r="E1976" s="6" t="e"/>
    </row>
    <row r="1977" ht="22" customHeight="true" s="1" customFormat="true" hidden="true" outlineLevel="3">
      <c r="A1977" s="6" t="s">
        <v>2311</v>
      </c>
      <c r="B1977" s="6" t="s">
        <v>448</v>
      </c>
      <c r="C1977" s="6" t="s">
        <v>197</v>
      </c>
      <c r="D1977" s="6" t="s">
        <v>1523</v>
      </c>
      <c r="E1977" s="6" t="e"/>
    </row>
    <row r="1978" ht="22" customHeight="true" s="1" customFormat="true" hidden="true" collapsed="true" outlineLevel="3">
      <c r="A1978" s="6" t="s">
        <v>2312</v>
      </c>
      <c r="B1978" s="6" t="s">
        <v>453</v>
      </c>
      <c r="C1978" s="6" t="s">
        <v>296</v>
      </c>
      <c r="D1978" s="6" t="s">
        <v>2313</v>
      </c>
      <c r="E1978" s="6" t="e"/>
    </row>
    <row r="1979" ht="11" customHeight="true" s="1" customFormat="true" hidden="true" collapsed="true" outlineLevel="2">
      <c r="A1979" s="5" t="s">
        <v>2208</v>
      </c>
      <c r="B1979" s="5" t="e"/>
      <c r="C1979" s="5" t="e"/>
      <c r="D1979" s="5" t="e"/>
      <c r="E1979" s="5" t="e"/>
    </row>
    <row r="1980" ht="33" customHeight="true" s="1" customFormat="true" hidden="true" outlineLevel="3">
      <c r="A1980" s="6" t="s">
        <v>2314</v>
      </c>
      <c r="B1980" s="6" t="s">
        <v>149</v>
      </c>
      <c r="C1980" s="6" t="s">
        <v>219</v>
      </c>
      <c r="D1980" s="6" t="s">
        <v>26</v>
      </c>
      <c r="E1980" s="6" t="e"/>
    </row>
    <row r="1981" ht="44" customHeight="true" s="1" customFormat="true" hidden="true" outlineLevel="3">
      <c r="A1981" s="6" t="s">
        <v>2315</v>
      </c>
      <c r="B1981" s="6" t="s">
        <v>308</v>
      </c>
      <c r="C1981" s="6" t="s">
        <v>136</v>
      </c>
      <c r="D1981" s="6" t="s">
        <v>100</v>
      </c>
      <c r="E1981" s="6" t="e"/>
    </row>
    <row r="1982" ht="44" customHeight="true" s="1" customFormat="true" hidden="true" outlineLevel="3">
      <c r="A1982" s="6" t="s">
        <v>2316</v>
      </c>
      <c r="B1982" s="6" t="s">
        <v>308</v>
      </c>
      <c r="C1982" s="6" t="s">
        <v>99</v>
      </c>
      <c r="D1982" s="6" t="s">
        <v>26</v>
      </c>
      <c r="E1982" s="6" t="e"/>
    </row>
    <row r="1983" ht="44" customHeight="true" s="1" customFormat="true" hidden="true" outlineLevel="3">
      <c r="A1983" s="6" t="s">
        <v>2317</v>
      </c>
      <c r="B1983" s="6" t="s">
        <v>302</v>
      </c>
      <c r="C1983" s="6" t="s">
        <v>99</v>
      </c>
      <c r="D1983" s="6" t="s">
        <v>68</v>
      </c>
      <c r="E1983" s="6" t="e"/>
    </row>
    <row r="1984" ht="56" customHeight="true" s="1" customFormat="true" hidden="true" outlineLevel="3">
      <c r="A1984" s="6" t="s">
        <v>2318</v>
      </c>
      <c r="B1984" s="6" t="s">
        <v>308</v>
      </c>
      <c r="C1984" s="6" t="s">
        <v>99</v>
      </c>
      <c r="D1984" s="6" t="s">
        <v>11</v>
      </c>
      <c r="E1984" s="6" t="e"/>
    </row>
    <row r="1985" ht="44" customHeight="true" s="1" customFormat="true" hidden="true" outlineLevel="3">
      <c r="A1985" s="6" t="s">
        <v>2319</v>
      </c>
      <c r="B1985" s="6" t="s">
        <v>149</v>
      </c>
      <c r="C1985" s="6" t="s">
        <v>103</v>
      </c>
      <c r="D1985" s="6" t="s">
        <v>40</v>
      </c>
      <c r="E1985" s="6" t="e"/>
    </row>
    <row r="1986" ht="56" customHeight="true" s="1" customFormat="true" hidden="true" outlineLevel="3">
      <c r="A1986" s="6" t="s">
        <v>2320</v>
      </c>
      <c r="B1986" s="6" t="s">
        <v>149</v>
      </c>
      <c r="C1986" s="6" t="s">
        <v>155</v>
      </c>
      <c r="D1986" s="6" t="s">
        <v>11</v>
      </c>
      <c r="E1986" s="6" t="e"/>
    </row>
    <row r="1987" ht="44" customHeight="true" s="1" customFormat="true" hidden="true" outlineLevel="3">
      <c r="A1987" s="6" t="s">
        <v>2321</v>
      </c>
      <c r="B1987" s="6" t="s">
        <v>2322</v>
      </c>
      <c r="C1987" s="6" t="s">
        <v>188</v>
      </c>
      <c r="D1987" s="6" t="s">
        <v>11</v>
      </c>
      <c r="E1987" s="6" t="e"/>
    </row>
    <row r="1988" ht="56" customHeight="true" s="1" customFormat="true" hidden="true" outlineLevel="3">
      <c r="A1988" s="6" t="s">
        <v>2323</v>
      </c>
      <c r="B1988" s="6" t="s">
        <v>141</v>
      </c>
      <c r="C1988" s="6" t="s">
        <v>103</v>
      </c>
      <c r="D1988" s="6" t="s">
        <v>40</v>
      </c>
      <c r="E1988" s="6" t="e"/>
    </row>
    <row r="1989" ht="44" customHeight="true" s="1" customFormat="true" hidden="true" outlineLevel="3">
      <c r="A1989" s="6" t="s">
        <v>2324</v>
      </c>
      <c r="B1989" s="6" t="s">
        <v>149</v>
      </c>
      <c r="C1989" s="6" t="s">
        <v>155</v>
      </c>
      <c r="D1989" s="6" t="s">
        <v>26</v>
      </c>
      <c r="E1989" s="6" t="e"/>
    </row>
    <row r="1990" ht="44" customHeight="true" s="1" customFormat="true" hidden="true" outlineLevel="3">
      <c r="A1990" s="6" t="s">
        <v>2325</v>
      </c>
      <c r="B1990" s="6" t="s">
        <v>242</v>
      </c>
      <c r="C1990" s="6" t="s">
        <v>149</v>
      </c>
      <c r="D1990" s="6" t="s">
        <v>400</v>
      </c>
      <c r="E1990" s="6" t="e"/>
    </row>
    <row r="1991" ht="44" customHeight="true" s="1" customFormat="true" hidden="true" outlineLevel="3">
      <c r="A1991" s="6" t="s">
        <v>2326</v>
      </c>
      <c r="B1991" s="6" t="s">
        <v>242</v>
      </c>
      <c r="C1991" s="6" t="s">
        <v>149</v>
      </c>
      <c r="D1991" s="6" t="s">
        <v>123</v>
      </c>
      <c r="E1991" s="6" t="e"/>
    </row>
    <row r="1992" ht="44" customHeight="true" s="1" customFormat="true" hidden="true" outlineLevel="3">
      <c r="A1992" s="6" t="s">
        <v>2327</v>
      </c>
      <c r="B1992" s="6" t="s">
        <v>242</v>
      </c>
      <c r="C1992" s="6" t="s">
        <v>136</v>
      </c>
      <c r="D1992" s="6" t="s">
        <v>276</v>
      </c>
      <c r="E1992" s="6" t="e"/>
    </row>
    <row r="1993" ht="56" customHeight="true" s="1" customFormat="true" hidden="true" outlineLevel="3">
      <c r="A1993" s="6" t="s">
        <v>2328</v>
      </c>
      <c r="B1993" s="6" t="s">
        <v>302</v>
      </c>
      <c r="C1993" s="6" t="s">
        <v>99</v>
      </c>
      <c r="D1993" s="6" t="s">
        <v>400</v>
      </c>
      <c r="E1993" s="6" t="e"/>
    </row>
    <row r="1994" ht="44" customHeight="true" s="1" customFormat="true" hidden="true" outlineLevel="3">
      <c r="A1994" s="6" t="s">
        <v>2329</v>
      </c>
      <c r="B1994" s="6" t="s">
        <v>302</v>
      </c>
      <c r="C1994" s="6" t="s">
        <v>99</v>
      </c>
      <c r="D1994" s="6" t="s">
        <v>453</v>
      </c>
      <c r="E1994" s="6" t="e"/>
    </row>
    <row r="1995" ht="44" customHeight="true" s="1" customFormat="true" hidden="true" outlineLevel="3">
      <c r="A1995" s="6" t="s">
        <v>2330</v>
      </c>
      <c r="B1995" s="6" t="s">
        <v>225</v>
      </c>
      <c r="C1995" s="6" t="s">
        <v>99</v>
      </c>
      <c r="D1995" s="6" t="s">
        <v>446</v>
      </c>
      <c r="E1995" s="6" t="e"/>
    </row>
    <row r="1996" ht="44" customHeight="true" s="1" customFormat="true" hidden="true" outlineLevel="3">
      <c r="A1996" s="6" t="s">
        <v>2331</v>
      </c>
      <c r="B1996" s="6" t="s">
        <v>308</v>
      </c>
      <c r="C1996" s="6" t="s">
        <v>99</v>
      </c>
      <c r="D1996" s="6" t="s">
        <v>165</v>
      </c>
      <c r="E1996" s="6" t="e"/>
    </row>
    <row r="1997" ht="44" customHeight="true" s="1" customFormat="true" hidden="true" outlineLevel="3">
      <c r="A1997" s="6" t="s">
        <v>2332</v>
      </c>
      <c r="B1997" s="6" t="s">
        <v>308</v>
      </c>
      <c r="C1997" s="6" t="s">
        <v>99</v>
      </c>
      <c r="D1997" s="6" t="s">
        <v>678</v>
      </c>
      <c r="E1997" s="6" t="e"/>
    </row>
    <row r="1998" ht="56" customHeight="true" s="1" customFormat="true" hidden="true" outlineLevel="3">
      <c r="A1998" s="6" t="s">
        <v>2333</v>
      </c>
      <c r="B1998" s="6" t="s">
        <v>1391</v>
      </c>
      <c r="C1998" s="6" t="s">
        <v>99</v>
      </c>
      <c r="D1998" s="6" t="s">
        <v>123</v>
      </c>
      <c r="E1998" s="6" t="e"/>
    </row>
    <row r="1999" ht="44" customHeight="true" s="1" customFormat="true" hidden="true" collapsed="true" outlineLevel="3">
      <c r="A1999" s="6" t="s">
        <v>2334</v>
      </c>
      <c r="B1999" s="6" t="s">
        <v>308</v>
      </c>
      <c r="C1999" s="6" t="s">
        <v>136</v>
      </c>
      <c r="D1999" s="6" t="s">
        <v>165</v>
      </c>
      <c r="E1999" s="6" t="e"/>
    </row>
    <row r="2000" ht="11" customHeight="true" s="1" customFormat="true" hidden="true" collapsed="true" outlineLevel="2">
      <c r="A2000" s="5" t="s">
        <v>2335</v>
      </c>
      <c r="B2000" s="5" t="e"/>
      <c r="C2000" s="5" t="e"/>
      <c r="D2000" s="5" t="e"/>
      <c r="E2000" s="5" t="e"/>
    </row>
    <row r="2001" ht="22" customHeight="true" s="1" customFormat="true" hidden="true" collapsed="true" outlineLevel="3">
      <c r="A2001" s="6" t="s">
        <v>2336</v>
      </c>
      <c r="B2001" s="6" t="s">
        <v>15</v>
      </c>
      <c r="C2001" s="6" t="s">
        <v>57</v>
      </c>
      <c r="D2001" s="6" t="s">
        <v>664</v>
      </c>
      <c r="E2001" s="6" t="e"/>
    </row>
    <row r="2002" ht="11" customHeight="true" s="1" customFormat="true" hidden="true" collapsed="true" outlineLevel="2">
      <c r="A2002" s="5" t="s">
        <v>2337</v>
      </c>
      <c r="B2002" s="5" t="e"/>
      <c r="C2002" s="5" t="e"/>
      <c r="D2002" s="5" t="e"/>
      <c r="E2002" s="5" t="e"/>
    </row>
    <row r="2003" ht="11" customHeight="true" s="1" customFormat="true" hidden="true" outlineLevel="3">
      <c r="A2003" s="6" t="s">
        <v>2338</v>
      </c>
      <c r="B2003" s="6" t="e"/>
      <c r="C2003" s="6" t="s">
        <v>1212</v>
      </c>
      <c r="D2003" s="6" t="s">
        <v>11</v>
      </c>
      <c r="E2003" s="6" t="e"/>
    </row>
    <row r="2004" ht="22" customHeight="true" s="1" customFormat="true" hidden="true" outlineLevel="3">
      <c r="A2004" s="6" t="s">
        <v>2339</v>
      </c>
      <c r="B2004" s="6" t="s">
        <v>61</v>
      </c>
      <c r="C2004" s="6" t="s">
        <v>73</v>
      </c>
      <c r="D2004" s="6" t="s">
        <v>400</v>
      </c>
      <c r="E2004" s="6" t="e"/>
    </row>
    <row r="2005" ht="22" customHeight="true" s="1" customFormat="true" hidden="true" outlineLevel="3">
      <c r="A2005" s="6" t="s">
        <v>2340</v>
      </c>
      <c r="B2005" s="6" t="s">
        <v>103</v>
      </c>
      <c r="C2005" s="6" t="s">
        <v>72</v>
      </c>
      <c r="D2005" s="6" t="s">
        <v>176</v>
      </c>
      <c r="E2005" s="6" t="e"/>
    </row>
    <row r="2006" ht="22" customHeight="true" s="1" customFormat="true" hidden="true" outlineLevel="3">
      <c r="A2006" s="6" t="s">
        <v>2341</v>
      </c>
      <c r="B2006" s="6" t="s">
        <v>50</v>
      </c>
      <c r="C2006" s="6" t="s">
        <v>62</v>
      </c>
      <c r="D2006" s="6" t="s">
        <v>2313</v>
      </c>
      <c r="E2006" s="6" t="e"/>
    </row>
    <row r="2007" ht="33" customHeight="true" s="1" customFormat="true" hidden="true" outlineLevel="3">
      <c r="A2007" s="6" t="s">
        <v>2342</v>
      </c>
      <c r="B2007" s="6" t="s">
        <v>112</v>
      </c>
      <c r="C2007" s="6" t="s">
        <v>235</v>
      </c>
      <c r="D2007" s="6" t="s">
        <v>11</v>
      </c>
      <c r="E2007" s="6" t="e"/>
    </row>
    <row r="2008" ht="33" customHeight="true" s="1" customFormat="true" hidden="true" outlineLevel="3">
      <c r="A2008" s="6" t="s">
        <v>2343</v>
      </c>
      <c r="B2008" s="6" t="s">
        <v>374</v>
      </c>
      <c r="C2008" s="6" t="s">
        <v>272</v>
      </c>
      <c r="D2008" s="6" t="s">
        <v>68</v>
      </c>
      <c r="E2008" s="6" t="e"/>
    </row>
    <row r="2009" ht="33" customHeight="true" s="1" customFormat="true" hidden="true" collapsed="true" outlineLevel="3">
      <c r="A2009" s="6" t="s">
        <v>2344</v>
      </c>
      <c r="B2009" s="6" t="e"/>
      <c r="C2009" s="6" t="s">
        <v>127</v>
      </c>
      <c r="D2009" s="6" t="s">
        <v>26</v>
      </c>
      <c r="E2009" s="6" t="e"/>
    </row>
    <row r="2010" ht="11" customHeight="true" s="1" customFormat="true" hidden="true" collapsed="true" outlineLevel="2">
      <c r="A2010" s="5" t="s">
        <v>2345</v>
      </c>
      <c r="B2010" s="5" t="e"/>
      <c r="C2010" s="5" t="e"/>
      <c r="D2010" s="5" t="e"/>
      <c r="E2010" s="5" t="e"/>
    </row>
    <row r="2011" ht="33" customHeight="true" s="1" customFormat="true" hidden="true" outlineLevel="3">
      <c r="A2011" s="6" t="s">
        <v>2346</v>
      </c>
      <c r="B2011" s="6" t="s">
        <v>92</v>
      </c>
      <c r="C2011" s="6" t="s">
        <v>83</v>
      </c>
      <c r="D2011" s="6" t="s">
        <v>11</v>
      </c>
      <c r="E2011" s="6" t="e"/>
    </row>
    <row r="2012" ht="33" customHeight="true" s="1" customFormat="true" hidden="true" outlineLevel="3">
      <c r="A2012" s="6" t="s">
        <v>2347</v>
      </c>
      <c r="B2012" s="6" t="s">
        <v>82</v>
      </c>
      <c r="C2012" s="6" t="s">
        <v>290</v>
      </c>
      <c r="D2012" s="6" t="s">
        <v>15</v>
      </c>
      <c r="E2012" s="6" t="e"/>
    </row>
    <row r="2013" ht="33" customHeight="true" s="1" customFormat="true" hidden="true" outlineLevel="3">
      <c r="A2013" s="6" t="s">
        <v>2348</v>
      </c>
      <c r="B2013" s="6" t="s">
        <v>2349</v>
      </c>
      <c r="C2013" s="6" t="s">
        <v>13</v>
      </c>
      <c r="D2013" s="6" t="s">
        <v>40</v>
      </c>
      <c r="E2013" s="6" t="e"/>
    </row>
    <row r="2014" ht="33" customHeight="true" s="1" customFormat="true" hidden="true" outlineLevel="3">
      <c r="A2014" s="6" t="s">
        <v>2350</v>
      </c>
      <c r="B2014" s="6" t="s">
        <v>1186</v>
      </c>
      <c r="C2014" s="6" t="s">
        <v>1187</v>
      </c>
      <c r="D2014" s="6" t="s">
        <v>15</v>
      </c>
      <c r="E2014" s="6" t="e"/>
    </row>
    <row r="2015" ht="22" customHeight="true" s="1" customFormat="true" hidden="true" outlineLevel="3">
      <c r="A2015" s="6" t="s">
        <v>2351</v>
      </c>
      <c r="B2015" s="6" t="s">
        <v>73</v>
      </c>
      <c r="C2015" s="6" t="s">
        <v>1187</v>
      </c>
      <c r="D2015" s="6" t="s">
        <v>15</v>
      </c>
      <c r="E2015" s="6" t="e"/>
    </row>
    <row r="2016" ht="22" customHeight="true" s="1" customFormat="true" hidden="true" collapsed="true" outlineLevel="3">
      <c r="A2016" s="6" t="s">
        <v>2352</v>
      </c>
      <c r="B2016" s="6" t="s">
        <v>1229</v>
      </c>
      <c r="C2016" s="6" t="s">
        <v>80</v>
      </c>
      <c r="D2016" s="6" t="s">
        <v>11</v>
      </c>
      <c r="E2016" s="6" t="e"/>
    </row>
    <row r="2017" ht="11" customHeight="true" s="1" customFormat="true" hidden="true" collapsed="true" outlineLevel="2">
      <c r="A2017" s="5" t="s">
        <v>2353</v>
      </c>
      <c r="B2017" s="5" t="e"/>
      <c r="C2017" s="5" t="e"/>
      <c r="D2017" s="5" t="e"/>
      <c r="E2017" s="5" t="e"/>
    </row>
    <row r="2018" ht="11" customHeight="true" s="1" customFormat="true" hidden="true" outlineLevel="3">
      <c r="A2018" s="6" t="s">
        <v>2354</v>
      </c>
      <c r="B2018" s="6" t="s">
        <v>296</v>
      </c>
      <c r="C2018" s="6" t="s">
        <v>149</v>
      </c>
      <c r="D2018" s="6" t="s">
        <v>15</v>
      </c>
      <c r="E2018" s="6" t="e"/>
    </row>
    <row r="2019" ht="22" customHeight="true" s="1" customFormat="true" hidden="true" outlineLevel="3">
      <c r="A2019" s="6" t="s">
        <v>2355</v>
      </c>
      <c r="B2019" s="6" t="s">
        <v>2356</v>
      </c>
      <c r="C2019" s="6" t="s">
        <v>421</v>
      </c>
      <c r="D2019" s="6" t="s">
        <v>57</v>
      </c>
      <c r="E2019" s="6" t="e"/>
    </row>
    <row r="2020" ht="22" customHeight="true" s="1" customFormat="true" hidden="true" outlineLevel="3">
      <c r="A2020" s="6" t="s">
        <v>2357</v>
      </c>
      <c r="B2020" s="6" t="s">
        <v>219</v>
      </c>
      <c r="C2020" s="6" t="s">
        <v>62</v>
      </c>
      <c r="D2020" s="6" t="s">
        <v>11</v>
      </c>
      <c r="E2020" s="6" t="e"/>
    </row>
    <row r="2021" ht="22" customHeight="true" s="1" customFormat="true" hidden="true" outlineLevel="3">
      <c r="A2021" s="6" t="s">
        <v>2358</v>
      </c>
      <c r="B2021" s="6" t="s">
        <v>289</v>
      </c>
      <c r="C2021" s="6" t="s">
        <v>290</v>
      </c>
      <c r="D2021" s="6" t="s">
        <v>15</v>
      </c>
      <c r="E2021" s="6" t="e"/>
    </row>
    <row r="2022" ht="22" customHeight="true" s="1" customFormat="true" hidden="true" collapsed="true" outlineLevel="3">
      <c r="A2022" s="6" t="s">
        <v>2359</v>
      </c>
      <c r="B2022" s="6" t="s">
        <v>494</v>
      </c>
      <c r="C2022" s="6" t="s">
        <v>127</v>
      </c>
      <c r="D2022" s="6" t="s">
        <v>15</v>
      </c>
      <c r="E2022" s="6" t="e"/>
    </row>
    <row r="2023" ht="11" customHeight="true" s="1" customFormat="true" hidden="true" collapsed="true" outlineLevel="2">
      <c r="A2023" s="5" t="s">
        <v>2360</v>
      </c>
      <c r="B2023" s="5" t="e"/>
      <c r="C2023" s="5" t="e"/>
      <c r="D2023" s="5" t="e"/>
      <c r="E2023" s="5" t="e"/>
    </row>
    <row r="2024" ht="44" customHeight="true" s="1" customFormat="true" hidden="true" outlineLevel="3">
      <c r="A2024" s="6" t="s">
        <v>2361</v>
      </c>
      <c r="B2024" s="6" t="s">
        <v>139</v>
      </c>
      <c r="C2024" s="6" t="s">
        <v>99</v>
      </c>
      <c r="D2024" s="6" t="s">
        <v>11</v>
      </c>
      <c r="E2024" s="6" t="e"/>
    </row>
    <row r="2025" ht="44" customHeight="true" s="1" customFormat="true" hidden="true" outlineLevel="3">
      <c r="A2025" s="6" t="s">
        <v>2362</v>
      </c>
      <c r="B2025" s="6" t="s">
        <v>322</v>
      </c>
      <c r="C2025" s="6" t="s">
        <v>149</v>
      </c>
      <c r="D2025" s="6" t="s">
        <v>11</v>
      </c>
      <c r="E2025" s="6" t="e"/>
    </row>
    <row r="2026" ht="22" customHeight="true" s="1" customFormat="true" hidden="true" outlineLevel="3">
      <c r="A2026" s="6" t="s">
        <v>2363</v>
      </c>
      <c r="B2026" s="6" t="s">
        <v>400</v>
      </c>
      <c r="C2026" s="6" t="s">
        <v>167</v>
      </c>
      <c r="D2026" s="6" t="s">
        <v>11</v>
      </c>
      <c r="E2026" s="6" t="e"/>
    </row>
    <row r="2027" ht="22" customHeight="true" s="1" customFormat="true" hidden="true" outlineLevel="3">
      <c r="A2027" s="6" t="s">
        <v>2364</v>
      </c>
      <c r="B2027" s="6" t="s">
        <v>2148</v>
      </c>
      <c r="C2027" s="6" t="s">
        <v>296</v>
      </c>
      <c r="D2027" s="6" t="s">
        <v>40</v>
      </c>
      <c r="E2027" s="6" t="e"/>
    </row>
    <row r="2028" ht="33" customHeight="true" s="1" customFormat="true" hidden="true" outlineLevel="3">
      <c r="A2028" s="6" t="s">
        <v>2365</v>
      </c>
      <c r="B2028" s="6" t="s">
        <v>639</v>
      </c>
      <c r="C2028" s="6" t="s">
        <v>296</v>
      </c>
      <c r="D2028" s="6" t="s">
        <v>26</v>
      </c>
      <c r="E2028" s="6" t="e"/>
    </row>
    <row r="2029" ht="22" customHeight="true" s="1" customFormat="true" hidden="true" outlineLevel="3">
      <c r="A2029" s="6" t="s">
        <v>2366</v>
      </c>
      <c r="B2029" s="6" t="s">
        <v>1021</v>
      </c>
      <c r="C2029" s="6" t="s">
        <v>142</v>
      </c>
      <c r="D2029" s="6" t="s">
        <v>26</v>
      </c>
      <c r="E2029" s="6" t="e"/>
    </row>
    <row r="2030" ht="22" customHeight="true" s="1" customFormat="true" hidden="true" outlineLevel="3">
      <c r="A2030" s="6" t="s">
        <v>2367</v>
      </c>
      <c r="B2030" s="6" t="s">
        <v>98</v>
      </c>
      <c r="C2030" s="6" t="s">
        <v>242</v>
      </c>
      <c r="D2030" s="6" t="s">
        <v>26</v>
      </c>
      <c r="E2030" s="6" t="e"/>
    </row>
    <row r="2031" ht="56" customHeight="true" s="1" customFormat="true" hidden="true" collapsed="true" outlineLevel="3">
      <c r="A2031" s="6" t="s">
        <v>2368</v>
      </c>
      <c r="B2031" s="6" t="s">
        <v>519</v>
      </c>
      <c r="C2031" s="6" t="s">
        <v>219</v>
      </c>
      <c r="D2031" s="6" t="s">
        <v>644</v>
      </c>
      <c r="E2031" s="6" t="e"/>
    </row>
    <row r="2032" ht="11" customHeight="true" s="1" customFormat="true" hidden="true" collapsed="true" outlineLevel="2">
      <c r="A2032" s="5" t="s">
        <v>2369</v>
      </c>
      <c r="B2032" s="5" t="e"/>
      <c r="C2032" s="5" t="e"/>
      <c r="D2032" s="5" t="e"/>
      <c r="E2032" s="5" t="e"/>
    </row>
    <row r="2033" ht="44" customHeight="true" s="1" customFormat="true" hidden="true" outlineLevel="3">
      <c r="A2033" s="6" t="s">
        <v>2370</v>
      </c>
      <c r="B2033" s="6" t="s">
        <v>112</v>
      </c>
      <c r="C2033" s="6" t="s">
        <v>235</v>
      </c>
      <c r="D2033" s="6" t="s">
        <v>11</v>
      </c>
      <c r="E2033" s="6" t="e"/>
    </row>
    <row r="2034" ht="44" customHeight="true" s="1" customFormat="true" hidden="true" outlineLevel="3">
      <c r="A2034" s="6" t="s">
        <v>2371</v>
      </c>
      <c r="B2034" s="6" t="s">
        <v>1229</v>
      </c>
      <c r="C2034" s="6" t="s">
        <v>78</v>
      </c>
      <c r="D2034" s="6" t="s">
        <v>40</v>
      </c>
      <c r="E2034" s="6" t="e"/>
    </row>
    <row r="2035" ht="44" customHeight="true" s="1" customFormat="true" hidden="true" outlineLevel="3">
      <c r="A2035" s="6" t="s">
        <v>2372</v>
      </c>
      <c r="B2035" s="6" t="s">
        <v>376</v>
      </c>
      <c r="C2035" s="6" t="s">
        <v>51</v>
      </c>
      <c r="D2035" s="6" t="s">
        <v>11</v>
      </c>
      <c r="E2035" s="6" t="e"/>
    </row>
    <row r="2036" ht="33" customHeight="true" s="1" customFormat="true" hidden="true" outlineLevel="3">
      <c r="A2036" s="6" t="s">
        <v>2373</v>
      </c>
      <c r="B2036" s="6" t="s">
        <v>99</v>
      </c>
      <c r="C2036" s="6" t="s">
        <v>219</v>
      </c>
      <c r="D2036" s="6" t="s">
        <v>68</v>
      </c>
      <c r="E2036" s="6" t="e"/>
    </row>
    <row r="2037" ht="56" customHeight="true" s="1" customFormat="true" hidden="true" outlineLevel="3">
      <c r="A2037" s="6" t="s">
        <v>2374</v>
      </c>
      <c r="B2037" s="6" t="s">
        <v>72</v>
      </c>
      <c r="C2037" s="6" t="s">
        <v>235</v>
      </c>
      <c r="D2037" s="6" t="s">
        <v>11</v>
      </c>
      <c r="E2037" s="6" t="e"/>
    </row>
    <row r="2038" ht="56" customHeight="true" s="1" customFormat="true" hidden="true" outlineLevel="3">
      <c r="A2038" s="6" t="s">
        <v>2375</v>
      </c>
      <c r="B2038" s="6" t="s">
        <v>290</v>
      </c>
      <c r="C2038" s="6" t="s">
        <v>430</v>
      </c>
      <c r="D2038" s="6" t="s">
        <v>11</v>
      </c>
      <c r="E2038" s="6" t="e"/>
    </row>
    <row r="2039" ht="44" customHeight="true" s="1" customFormat="true" hidden="true" outlineLevel="3">
      <c r="A2039" s="6" t="s">
        <v>2376</v>
      </c>
      <c r="B2039" s="6" t="s">
        <v>1740</v>
      </c>
      <c r="C2039" s="6" t="s">
        <v>77</v>
      </c>
      <c r="D2039" s="6" t="s">
        <v>40</v>
      </c>
      <c r="E2039" s="6" t="e"/>
    </row>
    <row r="2040" ht="22" customHeight="true" s="1" customFormat="true" hidden="true" outlineLevel="3">
      <c r="A2040" s="6" t="s">
        <v>2377</v>
      </c>
      <c r="B2040" s="6" t="s">
        <v>2378</v>
      </c>
      <c r="C2040" s="6" t="s">
        <v>62</v>
      </c>
      <c r="D2040" s="6" t="s">
        <v>11</v>
      </c>
      <c r="E2040" s="6" t="e"/>
    </row>
    <row r="2041" ht="56" customHeight="true" s="1" customFormat="true" hidden="true" outlineLevel="3">
      <c r="A2041" s="6" t="s">
        <v>2379</v>
      </c>
      <c r="B2041" s="6" t="s">
        <v>112</v>
      </c>
      <c r="C2041" s="6" t="s">
        <v>80</v>
      </c>
      <c r="D2041" s="6" t="s">
        <v>57</v>
      </c>
      <c r="E2041" s="6" t="e"/>
    </row>
    <row r="2042" ht="33" customHeight="true" s="1" customFormat="true" hidden="true" outlineLevel="3">
      <c r="A2042" s="6" t="s">
        <v>2380</v>
      </c>
      <c r="B2042" s="6" t="s">
        <v>103</v>
      </c>
      <c r="C2042" s="6" t="s">
        <v>72</v>
      </c>
      <c r="D2042" s="6" t="s">
        <v>123</v>
      </c>
      <c r="E2042" s="6" t="e"/>
    </row>
    <row r="2043" ht="33" customHeight="true" s="1" customFormat="true" hidden="true" outlineLevel="3">
      <c r="A2043" s="6" t="s">
        <v>2381</v>
      </c>
      <c r="B2043" s="6" t="s">
        <v>50</v>
      </c>
      <c r="C2043" s="6" t="s">
        <v>51</v>
      </c>
      <c r="D2043" s="6" t="s">
        <v>15</v>
      </c>
      <c r="E2043" s="6" t="e"/>
    </row>
    <row r="2044" ht="33" customHeight="true" s="1" customFormat="true" hidden="true" outlineLevel="3">
      <c r="A2044" s="6" t="s">
        <v>2382</v>
      </c>
      <c r="B2044" s="6" t="s">
        <v>112</v>
      </c>
      <c r="C2044" s="6" t="s">
        <v>73</v>
      </c>
      <c r="D2044" s="6" t="s">
        <v>11</v>
      </c>
      <c r="E2044" s="6" t="e"/>
    </row>
    <row r="2045" ht="56" customHeight="true" s="1" customFormat="true" hidden="true" outlineLevel="3">
      <c r="A2045" s="6" t="s">
        <v>2383</v>
      </c>
      <c r="B2045" s="6" t="s">
        <v>232</v>
      </c>
      <c r="C2045" s="6" t="s">
        <v>13</v>
      </c>
      <c r="D2045" s="6" t="s">
        <v>57</v>
      </c>
      <c r="E2045" s="6" t="e"/>
    </row>
    <row r="2046" ht="33" customHeight="true" s="1" customFormat="true" hidden="true" outlineLevel="3">
      <c r="A2046" s="6" t="s">
        <v>2384</v>
      </c>
      <c r="B2046" s="6" t="s">
        <v>73</v>
      </c>
      <c r="C2046" s="6" t="s">
        <v>80</v>
      </c>
      <c r="D2046" s="6" t="s">
        <v>15</v>
      </c>
      <c r="E2046" s="6" t="e"/>
    </row>
    <row r="2047" ht="56" customHeight="true" s="1" customFormat="true" hidden="true" outlineLevel="3">
      <c r="A2047" s="6" t="s">
        <v>2385</v>
      </c>
      <c r="B2047" s="6" t="s">
        <v>292</v>
      </c>
      <c r="C2047" s="6" t="s">
        <v>78</v>
      </c>
      <c r="D2047" s="6" t="s">
        <v>57</v>
      </c>
      <c r="E2047" s="6" t="e"/>
    </row>
    <row r="2048" ht="56" customHeight="true" s="1" customFormat="true" hidden="true" outlineLevel="3">
      <c r="A2048" s="6" t="s">
        <v>2386</v>
      </c>
      <c r="B2048" s="6" t="s">
        <v>73</v>
      </c>
      <c r="C2048" s="6" t="s">
        <v>80</v>
      </c>
      <c r="D2048" s="6" t="s">
        <v>57</v>
      </c>
      <c r="E2048" s="6" t="e"/>
    </row>
    <row r="2049" ht="56" customHeight="true" s="1" customFormat="true" hidden="true" outlineLevel="3">
      <c r="A2049" s="6" t="s">
        <v>2387</v>
      </c>
      <c r="B2049" s="6" t="s">
        <v>232</v>
      </c>
      <c r="C2049" s="6" t="s">
        <v>47</v>
      </c>
      <c r="D2049" s="6" t="s">
        <v>26</v>
      </c>
      <c r="E2049" s="6" t="e"/>
    </row>
    <row r="2050" ht="44" customHeight="true" s="1" customFormat="true" hidden="true" outlineLevel="3">
      <c r="A2050" s="6" t="s">
        <v>2388</v>
      </c>
      <c r="B2050" s="6" t="s">
        <v>53</v>
      </c>
      <c r="C2050" s="6" t="s">
        <v>51</v>
      </c>
      <c r="D2050" s="6" t="s">
        <v>26</v>
      </c>
      <c r="E2050" s="6" t="e"/>
    </row>
    <row r="2051" ht="22" customHeight="true" s="1" customFormat="true" hidden="true" outlineLevel="3">
      <c r="A2051" s="6" t="s">
        <v>2389</v>
      </c>
      <c r="B2051" s="6" t="s">
        <v>308</v>
      </c>
      <c r="C2051" s="6" t="s">
        <v>99</v>
      </c>
      <c r="D2051" s="6" t="s">
        <v>68</v>
      </c>
      <c r="E2051" s="6" t="e"/>
    </row>
    <row r="2052" ht="22" customHeight="true" s="1" customFormat="true" hidden="true" outlineLevel="3">
      <c r="A2052" s="6" t="s">
        <v>2390</v>
      </c>
      <c r="B2052" s="6" t="s">
        <v>172</v>
      </c>
      <c r="C2052" s="6" t="s">
        <v>103</v>
      </c>
      <c r="D2052" s="6" t="s">
        <v>454</v>
      </c>
      <c r="E2052" s="6" t="e"/>
    </row>
    <row r="2053" ht="33" customHeight="true" s="1" customFormat="true" hidden="true" collapsed="true" outlineLevel="3">
      <c r="A2053" s="6" t="s">
        <v>2391</v>
      </c>
      <c r="B2053" s="6" t="s">
        <v>2392</v>
      </c>
      <c r="C2053" s="6" t="s">
        <v>55</v>
      </c>
      <c r="D2053" s="6" t="s">
        <v>11</v>
      </c>
      <c r="E2053" s="6" t="e"/>
    </row>
    <row r="2054" ht="11" customHeight="true" s="1" customFormat="true" hidden="true" collapsed="true" outlineLevel="2">
      <c r="A2054" s="5" t="s">
        <v>2393</v>
      </c>
      <c r="B2054" s="5" t="e"/>
      <c r="C2054" s="5" t="e"/>
      <c r="D2054" s="5" t="e"/>
      <c r="E2054" s="5" t="e"/>
    </row>
    <row r="2055" ht="33" customHeight="true" s="1" customFormat="true" hidden="true" outlineLevel="3">
      <c r="A2055" s="6" t="s">
        <v>2394</v>
      </c>
      <c r="B2055" s="6" t="s">
        <v>61</v>
      </c>
      <c r="C2055" s="6" t="s">
        <v>235</v>
      </c>
      <c r="D2055" s="6" t="s">
        <v>15</v>
      </c>
      <c r="E2055" s="6" t="e"/>
    </row>
    <row r="2056" ht="33" customHeight="true" s="1" customFormat="true" hidden="true" outlineLevel="3">
      <c r="A2056" s="6" t="s">
        <v>2395</v>
      </c>
      <c r="B2056" s="6" t="s">
        <v>61</v>
      </c>
      <c r="C2056" s="6" t="s">
        <v>73</v>
      </c>
      <c r="D2056" s="6" t="s">
        <v>68</v>
      </c>
      <c r="E2056" s="6" t="e"/>
    </row>
    <row r="2057" ht="33" customHeight="true" s="1" customFormat="true" hidden="true" outlineLevel="3">
      <c r="A2057" s="6" t="s">
        <v>2396</v>
      </c>
      <c r="B2057" s="6" t="s">
        <v>61</v>
      </c>
      <c r="C2057" s="6" t="s">
        <v>78</v>
      </c>
      <c r="D2057" s="6" t="s">
        <v>68</v>
      </c>
      <c r="E2057" s="6" t="e"/>
    </row>
    <row r="2058" ht="22" customHeight="true" s="1" customFormat="true" hidden="true" outlineLevel="3">
      <c r="A2058" s="6" t="s">
        <v>2397</v>
      </c>
      <c r="B2058" s="6" t="s">
        <v>920</v>
      </c>
      <c r="C2058" s="6" t="s">
        <v>921</v>
      </c>
      <c r="D2058" s="6" t="s">
        <v>11</v>
      </c>
      <c r="E2058" s="6" t="e"/>
    </row>
    <row r="2059" ht="33" customHeight="true" s="1" customFormat="true" hidden="true" outlineLevel="3">
      <c r="A2059" s="6" t="s">
        <v>2398</v>
      </c>
      <c r="B2059" s="6" t="s">
        <v>61</v>
      </c>
      <c r="C2059" s="6" t="s">
        <v>80</v>
      </c>
      <c r="D2059" s="6" t="s">
        <v>184</v>
      </c>
      <c r="E2059" s="6" t="e"/>
    </row>
    <row r="2060" ht="33" customHeight="true" s="1" customFormat="true" hidden="true" outlineLevel="3">
      <c r="A2060" s="6" t="s">
        <v>2399</v>
      </c>
      <c r="B2060" s="6" t="s">
        <v>328</v>
      </c>
      <c r="C2060" s="6" t="s">
        <v>78</v>
      </c>
      <c r="D2060" s="6" t="s">
        <v>26</v>
      </c>
      <c r="E2060" s="6" t="e"/>
    </row>
    <row r="2061" ht="33" customHeight="true" s="1" customFormat="true" hidden="true" collapsed="true" outlineLevel="3">
      <c r="A2061" s="6" t="s">
        <v>2400</v>
      </c>
      <c r="B2061" s="6" t="s">
        <v>51</v>
      </c>
      <c r="C2061" s="6" t="s">
        <v>78</v>
      </c>
      <c r="D2061" s="6" t="s">
        <v>26</v>
      </c>
      <c r="E2061" s="6" t="e"/>
    </row>
    <row r="2062" ht="11" customHeight="true" s="1" customFormat="true" hidden="true" collapsed="true" outlineLevel="2">
      <c r="A2062" s="5" t="s">
        <v>2401</v>
      </c>
      <c r="B2062" s="5" t="e"/>
      <c r="C2062" s="5" t="e"/>
      <c r="D2062" s="5" t="e"/>
      <c r="E2062" s="5" t="e"/>
    </row>
    <row r="2063" ht="33" customHeight="true" s="1" customFormat="true" hidden="true" outlineLevel="3">
      <c r="A2063" s="6" t="s">
        <v>2402</v>
      </c>
      <c r="B2063" s="6" t="s">
        <v>388</v>
      </c>
      <c r="C2063" s="6" t="s">
        <v>21</v>
      </c>
      <c r="D2063" s="6" t="s">
        <v>26</v>
      </c>
      <c r="E2063" s="6" t="e"/>
    </row>
    <row r="2064" ht="22" customHeight="true" s="1" customFormat="true" hidden="true" outlineLevel="3">
      <c r="A2064" s="6" t="s">
        <v>2403</v>
      </c>
      <c r="B2064" s="6" t="s">
        <v>2404</v>
      </c>
      <c r="C2064" s="6" t="s">
        <v>316</v>
      </c>
      <c r="D2064" s="6" t="s">
        <v>11</v>
      </c>
      <c r="E2064" s="6" t="e"/>
    </row>
    <row r="2065" ht="33" customHeight="true" s="1" customFormat="true" hidden="true" outlineLevel="3">
      <c r="A2065" s="6" t="s">
        <v>2405</v>
      </c>
      <c r="B2065" s="6" t="s">
        <v>283</v>
      </c>
      <c r="C2065" s="6" t="s">
        <v>219</v>
      </c>
      <c r="D2065" s="6" t="s">
        <v>26</v>
      </c>
      <c r="E2065" s="6" t="e"/>
    </row>
    <row r="2066" ht="22" customHeight="true" s="1" customFormat="true" hidden="true" outlineLevel="3">
      <c r="A2066" s="6" t="s">
        <v>2406</v>
      </c>
      <c r="B2066" s="6" t="s">
        <v>155</v>
      </c>
      <c r="C2066" s="6" t="s">
        <v>72</v>
      </c>
      <c r="D2066" s="6" t="s">
        <v>26</v>
      </c>
      <c r="E2066" s="6" t="e"/>
    </row>
    <row r="2067" ht="33" customHeight="true" s="1" customFormat="true" hidden="true" outlineLevel="3">
      <c r="A2067" s="6" t="s">
        <v>2407</v>
      </c>
      <c r="B2067" s="6" t="s">
        <v>21</v>
      </c>
      <c r="C2067" s="6" t="s">
        <v>80</v>
      </c>
      <c r="D2067" s="6" t="s">
        <v>57</v>
      </c>
      <c r="E2067" s="6" t="e"/>
    </row>
    <row r="2068" ht="33" customHeight="true" s="1" customFormat="true" hidden="true" outlineLevel="3">
      <c r="A2068" s="6" t="s">
        <v>2408</v>
      </c>
      <c r="B2068" s="6" t="s">
        <v>1152</v>
      </c>
      <c r="C2068" s="6" t="s">
        <v>21</v>
      </c>
      <c r="D2068" s="6" t="s">
        <v>11</v>
      </c>
      <c r="E2068" s="6" t="e"/>
    </row>
    <row r="2069" ht="33" customHeight="true" s="1" customFormat="true" hidden="true" outlineLevel="3">
      <c r="A2069" s="6" t="s">
        <v>2409</v>
      </c>
      <c r="B2069" s="6" t="s">
        <v>283</v>
      </c>
      <c r="C2069" s="6" t="s">
        <v>219</v>
      </c>
      <c r="D2069" s="6" t="s">
        <v>674</v>
      </c>
      <c r="E2069" s="6" t="e"/>
    </row>
    <row r="2070" ht="33" customHeight="true" s="1" customFormat="true" hidden="true" outlineLevel="3">
      <c r="A2070" s="6" t="s">
        <v>2410</v>
      </c>
      <c r="B2070" s="6" t="s">
        <v>155</v>
      </c>
      <c r="C2070" s="6" t="s">
        <v>72</v>
      </c>
      <c r="D2070" s="6" t="s">
        <v>26</v>
      </c>
      <c r="E2070" s="6" t="e"/>
    </row>
    <row r="2071" ht="33" customHeight="true" s="1" customFormat="true" hidden="true" outlineLevel="3">
      <c r="A2071" s="6" t="s">
        <v>2411</v>
      </c>
      <c r="B2071" s="6" t="s">
        <v>105</v>
      </c>
      <c r="C2071" s="6" t="s">
        <v>51</v>
      </c>
      <c r="D2071" s="6" t="s">
        <v>184</v>
      </c>
      <c r="E2071" s="6" t="e"/>
    </row>
    <row r="2072" ht="22" customHeight="true" s="1" customFormat="true" hidden="true" outlineLevel="3">
      <c r="A2072" s="6" t="s">
        <v>2412</v>
      </c>
      <c r="B2072" s="6" t="s">
        <v>2404</v>
      </c>
      <c r="C2072" s="6" t="s">
        <v>939</v>
      </c>
      <c r="D2072" s="6" t="s">
        <v>11</v>
      </c>
      <c r="E2072" s="6" t="e"/>
    </row>
    <row r="2073" ht="33" customHeight="true" s="1" customFormat="true" hidden="true" outlineLevel="3">
      <c r="A2073" s="6" t="s">
        <v>2413</v>
      </c>
      <c r="B2073" s="6" t="s">
        <v>105</v>
      </c>
      <c r="C2073" s="6" t="s">
        <v>51</v>
      </c>
      <c r="D2073" s="6" t="s">
        <v>57</v>
      </c>
      <c r="E2073" s="6" t="e"/>
    </row>
    <row r="2074" ht="33" customHeight="true" s="1" customFormat="true" hidden="true" outlineLevel="3">
      <c r="A2074" s="6" t="s">
        <v>2414</v>
      </c>
      <c r="B2074" s="6" t="s">
        <v>1949</v>
      </c>
      <c r="C2074" s="6" t="s">
        <v>926</v>
      </c>
      <c r="D2074" s="6" t="s">
        <v>11</v>
      </c>
      <c r="E2074" s="6" t="e"/>
    </row>
    <row r="2075" ht="67" customHeight="true" s="1" customFormat="true" hidden="true" outlineLevel="3">
      <c r="A2075" s="6" t="s">
        <v>2415</v>
      </c>
      <c r="B2075" s="6" t="s">
        <v>986</v>
      </c>
      <c r="C2075" s="6" t="s">
        <v>939</v>
      </c>
      <c r="D2075" s="6" t="s">
        <v>11</v>
      </c>
      <c r="E2075" s="6" t="e"/>
    </row>
    <row r="2076" ht="11" customHeight="true" collapsed="true" outlineLevel="1">
      <c r="A2076" s="5" t="s">
        <v>2416</v>
      </c>
      <c r="B2076" s="5" t="e"/>
      <c r="C2076" s="5" t="e"/>
      <c r="D2076" s="5" t="e"/>
      <c r="E2076" s="5" t="e"/>
    </row>
    <row r="2077" ht="22" customHeight="true" s="1" customFormat="true" hidden="true" outlineLevel="2">
      <c r="A2077" s="6" t="s">
        <v>2417</v>
      </c>
      <c r="B2077" s="6" t="s">
        <v>374</v>
      </c>
      <c r="C2077" s="6" t="s">
        <v>1187</v>
      </c>
      <c r="D2077" s="6" t="s">
        <v>11</v>
      </c>
      <c r="E2077" s="6" t="e"/>
    </row>
    <row r="2078" ht="78" customHeight="true" s="1" customFormat="true" hidden="true" outlineLevel="2">
      <c r="A2078" s="6" t="s">
        <v>2418</v>
      </c>
      <c r="B2078" s="6" t="s">
        <v>155</v>
      </c>
      <c r="C2078" s="6" t="s">
        <v>72</v>
      </c>
      <c r="D2078" s="6" t="s">
        <v>15</v>
      </c>
      <c r="E2078" s="6" t="e"/>
    </row>
    <row r="2079" ht="33" customHeight="true" s="1" customFormat="true" hidden="true" outlineLevel="2">
      <c r="A2079" s="6" t="s">
        <v>2419</v>
      </c>
      <c r="B2079" s="6" t="s">
        <v>1186</v>
      </c>
      <c r="C2079" s="6" t="s">
        <v>1187</v>
      </c>
      <c r="D2079" s="6" t="s">
        <v>11</v>
      </c>
      <c r="E2079" s="6" t="e"/>
    </row>
    <row r="2080" ht="22" customHeight="true" s="1" customFormat="true" hidden="true" outlineLevel="2">
      <c r="A2080" s="6" t="s">
        <v>2420</v>
      </c>
      <c r="B2080" s="6" t="s">
        <v>290</v>
      </c>
      <c r="C2080" s="6" t="s">
        <v>10</v>
      </c>
      <c r="D2080" s="6" t="s">
        <v>26</v>
      </c>
      <c r="E2080" s="6" t="e"/>
    </row>
    <row r="2081" ht="11" customHeight="true" collapsed="true" outlineLevel="1">
      <c r="A2081" s="5" t="s">
        <v>2421</v>
      </c>
      <c r="B2081" s="5" t="e"/>
      <c r="C2081" s="5" t="e"/>
      <c r="D2081" s="5" t="e"/>
      <c r="E2081" s="5" t="e"/>
    </row>
    <row r="2082" ht="11" customHeight="true" s="1" customFormat="true" hidden="true" collapsed="true" outlineLevel="2">
      <c r="A2082" s="5" t="s">
        <v>2422</v>
      </c>
      <c r="B2082" s="5" t="e"/>
      <c r="C2082" s="5" t="e"/>
      <c r="D2082" s="5" t="e"/>
      <c r="E2082" s="5" t="e"/>
    </row>
    <row r="2083" ht="33" customHeight="true" s="1" customFormat="true" hidden="true" outlineLevel="3">
      <c r="A2083" s="6" t="s">
        <v>2423</v>
      </c>
      <c r="B2083" s="6" t="s">
        <v>2424</v>
      </c>
      <c r="C2083" s="6" t="s">
        <v>2425</v>
      </c>
      <c r="D2083" s="6" t="s">
        <v>11</v>
      </c>
      <c r="E2083" s="6" t="e"/>
    </row>
    <row r="2084" ht="33" customHeight="true" s="1" customFormat="true" hidden="true" collapsed="true" outlineLevel="3">
      <c r="A2084" s="6" t="s">
        <v>2426</v>
      </c>
      <c r="B2084" s="6" t="s">
        <v>2427</v>
      </c>
      <c r="C2084" s="6" t="s">
        <v>2428</v>
      </c>
      <c r="D2084" s="6" t="s">
        <v>11</v>
      </c>
      <c r="E2084" s="6" t="e"/>
    </row>
    <row r="2085" ht="11" customHeight="true" s="1" customFormat="true" hidden="true" collapsed="true" outlineLevel="2">
      <c r="A2085" s="5" t="s">
        <v>2429</v>
      </c>
      <c r="B2085" s="5" t="e"/>
      <c r="C2085" s="5" t="e"/>
      <c r="D2085" s="5" t="e"/>
      <c r="E2085" s="5" t="e"/>
    </row>
    <row r="2086" ht="33" customHeight="true" s="1" customFormat="true" hidden="true" outlineLevel="3">
      <c r="A2086" s="6" t="s">
        <v>2430</v>
      </c>
      <c r="B2086" s="6" t="s">
        <v>136</v>
      </c>
      <c r="C2086" s="6" t="s">
        <v>142</v>
      </c>
      <c r="D2086" s="6" t="s">
        <v>165</v>
      </c>
      <c r="E2086" s="6" t="e"/>
    </row>
    <row r="2087" ht="44" customHeight="true" s="1" customFormat="true" hidden="true" outlineLevel="3">
      <c r="A2087" s="6" t="s">
        <v>2431</v>
      </c>
      <c r="B2087" s="6" t="s">
        <v>219</v>
      </c>
      <c r="C2087" s="6" t="s">
        <v>72</v>
      </c>
      <c r="D2087" s="6" t="s">
        <v>276</v>
      </c>
      <c r="E2087" s="6" t="e"/>
    </row>
    <row r="2088" ht="67" customHeight="true" s="1" customFormat="true" hidden="true" outlineLevel="3">
      <c r="A2088" s="6" t="s">
        <v>2432</v>
      </c>
      <c r="B2088" s="6" t="s">
        <v>219</v>
      </c>
      <c r="C2088" s="6" t="s">
        <v>62</v>
      </c>
      <c r="D2088" s="6" t="s">
        <v>195</v>
      </c>
      <c r="E2088" s="6" t="e"/>
    </row>
    <row r="2089" ht="22" customHeight="true" s="1" customFormat="true" hidden="true" outlineLevel="3">
      <c r="A2089" s="6" t="s">
        <v>2433</v>
      </c>
      <c r="B2089" s="6" t="s">
        <v>21</v>
      </c>
      <c r="C2089" s="6" t="s">
        <v>80</v>
      </c>
      <c r="D2089" s="6" t="s">
        <v>26</v>
      </c>
      <c r="E2089" s="6" t="e"/>
    </row>
    <row r="2090" ht="33" customHeight="true" s="1" customFormat="true" hidden="true" outlineLevel="3">
      <c r="A2090" s="6" t="s">
        <v>2434</v>
      </c>
      <c r="B2090" s="6" t="s">
        <v>72</v>
      </c>
      <c r="C2090" s="6" t="s">
        <v>80</v>
      </c>
      <c r="D2090" s="6" t="s">
        <v>15</v>
      </c>
      <c r="E2090" s="6" t="e"/>
    </row>
    <row r="2091" ht="33" customHeight="true" s="1" customFormat="true" hidden="true" outlineLevel="3">
      <c r="A2091" s="6" t="s">
        <v>2435</v>
      </c>
      <c r="B2091" s="6" t="s">
        <v>87</v>
      </c>
      <c r="C2091" s="6" t="s">
        <v>290</v>
      </c>
      <c r="D2091" s="6" t="s">
        <v>26</v>
      </c>
      <c r="E2091" s="6" t="e"/>
    </row>
    <row r="2092" ht="44" customHeight="true" s="1" customFormat="true" hidden="true" outlineLevel="3">
      <c r="A2092" s="6" t="s">
        <v>2436</v>
      </c>
      <c r="B2092" s="6" t="s">
        <v>219</v>
      </c>
      <c r="C2092" s="6" t="s">
        <v>62</v>
      </c>
      <c r="D2092" s="6" t="s">
        <v>448</v>
      </c>
      <c r="E2092" s="6" t="e"/>
    </row>
    <row r="2093" ht="44" customHeight="true" s="1" customFormat="true" hidden="true" outlineLevel="3">
      <c r="A2093" s="6" t="s">
        <v>2437</v>
      </c>
      <c r="B2093" s="6" t="s">
        <v>61</v>
      </c>
      <c r="C2093" s="6" t="s">
        <v>73</v>
      </c>
      <c r="D2093" s="6" t="s">
        <v>11</v>
      </c>
      <c r="E2093" s="6" t="e"/>
    </row>
    <row r="2094" ht="33" customHeight="true" s="1" customFormat="true" hidden="true" outlineLevel="3">
      <c r="A2094" s="6" t="s">
        <v>2438</v>
      </c>
      <c r="B2094" s="6" t="s">
        <v>72</v>
      </c>
      <c r="C2094" s="6" t="s">
        <v>78</v>
      </c>
      <c r="D2094" s="6" t="s">
        <v>26</v>
      </c>
      <c r="E2094" s="6" t="e"/>
    </row>
    <row r="2095" ht="33" customHeight="true" s="1" customFormat="true" hidden="true" outlineLevel="3">
      <c r="A2095" s="6" t="s">
        <v>2439</v>
      </c>
      <c r="B2095" s="6" t="s">
        <v>235</v>
      </c>
      <c r="C2095" s="6" t="s">
        <v>47</v>
      </c>
      <c r="D2095" s="6" t="s">
        <v>11</v>
      </c>
      <c r="E2095" s="6" t="e"/>
    </row>
    <row r="2096" ht="56" customHeight="true" s="1" customFormat="true" hidden="true" outlineLevel="3">
      <c r="A2096" s="6" t="s">
        <v>2440</v>
      </c>
      <c r="B2096" s="6" t="s">
        <v>316</v>
      </c>
      <c r="C2096" s="6" t="s">
        <v>279</v>
      </c>
      <c r="D2096" s="6" t="s">
        <v>26</v>
      </c>
      <c r="E2096" s="6" t="e"/>
    </row>
    <row r="2097" ht="56" customHeight="true" s="1" customFormat="true" hidden="true" outlineLevel="3">
      <c r="A2097" s="6" t="s">
        <v>2441</v>
      </c>
      <c r="B2097" s="6" t="s">
        <v>316</v>
      </c>
      <c r="C2097" s="6" t="s">
        <v>279</v>
      </c>
      <c r="D2097" s="6" t="s">
        <v>15</v>
      </c>
      <c r="E2097" s="6" t="e"/>
    </row>
    <row r="2098" ht="33" customHeight="true" s="1" customFormat="true" hidden="true" outlineLevel="3">
      <c r="A2098" s="6" t="s">
        <v>2442</v>
      </c>
      <c r="B2098" s="6" t="s">
        <v>324</v>
      </c>
      <c r="C2098" s="6" t="s">
        <v>325</v>
      </c>
      <c r="D2098" s="6" t="s">
        <v>123</v>
      </c>
      <c r="E2098" s="6" t="e"/>
    </row>
    <row r="2099" ht="33" customHeight="true" s="1" customFormat="true" hidden="true" outlineLevel="3">
      <c r="A2099" s="6" t="s">
        <v>2443</v>
      </c>
      <c r="B2099" s="6" t="s">
        <v>78</v>
      </c>
      <c r="C2099" s="6" t="s">
        <v>421</v>
      </c>
      <c r="D2099" s="6" t="s">
        <v>123</v>
      </c>
      <c r="E2099" s="6" t="e"/>
    </row>
    <row r="2100" ht="33" customHeight="true" s="1" customFormat="true" hidden="true" outlineLevel="3">
      <c r="A2100" s="6" t="s">
        <v>2444</v>
      </c>
      <c r="B2100" s="6" t="s">
        <v>78</v>
      </c>
      <c r="C2100" s="6" t="s">
        <v>421</v>
      </c>
      <c r="D2100" s="6" t="s">
        <v>15</v>
      </c>
      <c r="E2100" s="6" t="e"/>
    </row>
    <row r="2101" ht="56" customHeight="true" s="1" customFormat="true" hidden="true" outlineLevel="3">
      <c r="A2101" s="6" t="s">
        <v>2445</v>
      </c>
      <c r="B2101" s="6" t="s">
        <v>2000</v>
      </c>
      <c r="C2101" s="6" t="s">
        <v>1860</v>
      </c>
      <c r="D2101" s="6" t="s">
        <v>15</v>
      </c>
      <c r="E2101" s="6" t="e"/>
    </row>
    <row r="2102" ht="33" customHeight="true" s="1" customFormat="true" hidden="true" outlineLevel="3">
      <c r="A2102" s="6" t="s">
        <v>2446</v>
      </c>
      <c r="B2102" s="6" t="s">
        <v>986</v>
      </c>
      <c r="C2102" s="6" t="s">
        <v>1212</v>
      </c>
      <c r="D2102" s="6" t="s">
        <v>11</v>
      </c>
      <c r="E2102" s="6" t="e"/>
    </row>
    <row r="2103" ht="44" customHeight="true" s="1" customFormat="true" hidden="true" outlineLevel="3">
      <c r="A2103" s="6" t="s">
        <v>2447</v>
      </c>
      <c r="B2103" s="6" t="s">
        <v>251</v>
      </c>
      <c r="C2103" s="6" t="s">
        <v>230</v>
      </c>
      <c r="D2103" s="6" t="s">
        <v>26</v>
      </c>
      <c r="E2103" s="6" t="e"/>
    </row>
    <row r="2104" ht="56" customHeight="true" s="1" customFormat="true" hidden="true" collapsed="true" outlineLevel="3">
      <c r="A2104" s="6" t="s">
        <v>2448</v>
      </c>
      <c r="B2104" s="6" t="s">
        <v>136</v>
      </c>
      <c r="C2104" s="6" t="s">
        <v>219</v>
      </c>
      <c r="D2104" s="6" t="s">
        <v>123</v>
      </c>
      <c r="E2104" s="6" t="e"/>
    </row>
    <row r="2105" ht="11" customHeight="true" s="1" customFormat="true" hidden="true" collapsed="true" outlineLevel="2">
      <c r="A2105" s="5" t="s">
        <v>2449</v>
      </c>
      <c r="B2105" s="5" t="e"/>
      <c r="C2105" s="5" t="e"/>
      <c r="D2105" s="5" t="e"/>
      <c r="E2105" s="5" t="e"/>
    </row>
    <row r="2106" ht="22" customHeight="true" s="1" customFormat="true" hidden="true" outlineLevel="3">
      <c r="A2106" s="6" t="s">
        <v>2450</v>
      </c>
      <c r="B2106" s="6" t="s">
        <v>1187</v>
      </c>
      <c r="C2106" s="6" t="s">
        <v>42</v>
      </c>
      <c r="D2106" s="6" t="s">
        <v>57</v>
      </c>
      <c r="E2106" s="6" t="e"/>
    </row>
    <row r="2107" ht="33" customHeight="true" s="1" customFormat="true" hidden="true" outlineLevel="3">
      <c r="A2107" s="6" t="s">
        <v>2451</v>
      </c>
      <c r="B2107" s="6" t="s">
        <v>80</v>
      </c>
      <c r="C2107" s="6" t="s">
        <v>14</v>
      </c>
      <c r="D2107" s="6" t="s">
        <v>184</v>
      </c>
      <c r="E2107" s="6" t="e"/>
    </row>
    <row r="2108" ht="33" customHeight="true" s="1" customFormat="true" hidden="true" outlineLevel="3">
      <c r="A2108" s="6" t="s">
        <v>2452</v>
      </c>
      <c r="B2108" s="6" t="s">
        <v>350</v>
      </c>
      <c r="C2108" s="6" t="s">
        <v>62</v>
      </c>
      <c r="D2108" s="6" t="s">
        <v>26</v>
      </c>
      <c r="E2108" s="6" t="e"/>
    </row>
    <row r="2109" ht="22" customHeight="true" s="1" customFormat="true" hidden="true" outlineLevel="3">
      <c r="A2109" s="6" t="s">
        <v>2453</v>
      </c>
      <c r="B2109" s="6" t="s">
        <v>99</v>
      </c>
      <c r="C2109" s="6" t="s">
        <v>219</v>
      </c>
      <c r="D2109" s="6" t="s">
        <v>2313</v>
      </c>
      <c r="E2109" s="6" t="e"/>
    </row>
    <row r="2110" ht="44" customHeight="true" s="1" customFormat="true" hidden="true" outlineLevel="3">
      <c r="A2110" s="6" t="s">
        <v>2454</v>
      </c>
      <c r="B2110" s="6" t="s">
        <v>260</v>
      </c>
      <c r="C2110" s="6" t="s">
        <v>232</v>
      </c>
      <c r="D2110" s="6" t="s">
        <v>15</v>
      </c>
      <c r="E2110" s="6" t="e"/>
    </row>
    <row r="2111" ht="33" customHeight="true" s="1" customFormat="true" hidden="true" outlineLevel="3">
      <c r="A2111" s="6" t="s">
        <v>2455</v>
      </c>
      <c r="B2111" s="6" t="s">
        <v>114</v>
      </c>
      <c r="C2111" s="6" t="s">
        <v>51</v>
      </c>
      <c r="D2111" s="6" t="s">
        <v>898</v>
      </c>
      <c r="E2111" s="6" t="e"/>
    </row>
    <row r="2112" ht="33" customHeight="true" s="1" customFormat="true" hidden="true" outlineLevel="3">
      <c r="A2112" s="6" t="s">
        <v>2456</v>
      </c>
      <c r="B2112" s="6" t="s">
        <v>343</v>
      </c>
      <c r="C2112" s="6" t="s">
        <v>62</v>
      </c>
      <c r="D2112" s="6" t="s">
        <v>1523</v>
      </c>
      <c r="E2112" s="6" t="e"/>
    </row>
    <row r="2113" ht="33" customHeight="true" s="1" customFormat="true" hidden="true" outlineLevel="3">
      <c r="A2113" s="6" t="s">
        <v>2457</v>
      </c>
      <c r="B2113" s="6" t="s">
        <v>114</v>
      </c>
      <c r="C2113" s="6" t="s">
        <v>51</v>
      </c>
      <c r="D2113" s="6" t="s">
        <v>2313</v>
      </c>
      <c r="E2113" s="6" t="e"/>
    </row>
    <row r="2114" ht="33" customHeight="true" s="1" customFormat="true" hidden="true" outlineLevel="3">
      <c r="A2114" s="6" t="s">
        <v>2458</v>
      </c>
      <c r="B2114" s="6" t="s">
        <v>114</v>
      </c>
      <c r="C2114" s="6" t="s">
        <v>51</v>
      </c>
      <c r="D2114" s="6" t="s">
        <v>453</v>
      </c>
      <c r="E2114" s="6" t="e"/>
    </row>
    <row r="2115" ht="33" customHeight="true" s="1" customFormat="true" hidden="true" outlineLevel="3">
      <c r="A2115" s="6" t="s">
        <v>2459</v>
      </c>
      <c r="B2115" s="6" t="s">
        <v>219</v>
      </c>
      <c r="C2115" s="6" t="s">
        <v>62</v>
      </c>
      <c r="D2115" s="6" t="s">
        <v>1135</v>
      </c>
      <c r="E2115" s="6" t="e"/>
    </row>
    <row r="2116" ht="33" customHeight="true" s="1" customFormat="true" hidden="true" outlineLevel="3">
      <c r="A2116" s="6" t="s">
        <v>2460</v>
      </c>
      <c r="B2116" s="6" t="s">
        <v>1187</v>
      </c>
      <c r="C2116" s="6" t="s">
        <v>42</v>
      </c>
      <c r="D2116" s="6" t="s">
        <v>26</v>
      </c>
      <c r="E2116" s="6" t="e"/>
    </row>
    <row r="2117" ht="44" customHeight="true" s="1" customFormat="true" hidden="true" outlineLevel="3">
      <c r="A2117" s="6" t="s">
        <v>2461</v>
      </c>
      <c r="B2117" s="6" t="s">
        <v>72</v>
      </c>
      <c r="C2117" s="6" t="s">
        <v>235</v>
      </c>
      <c r="D2117" s="6" t="s">
        <v>68</v>
      </c>
      <c r="E2117" s="6" t="e"/>
    </row>
    <row r="2118" ht="11" customHeight="true" collapsed="true" outlineLevel="1">
      <c r="A2118" s="5" t="s">
        <v>2462</v>
      </c>
      <c r="B2118" s="5" t="e"/>
      <c r="C2118" s="5" t="e"/>
      <c r="D2118" s="5" t="e"/>
      <c r="E2118" s="5" t="e"/>
    </row>
    <row r="2119" ht="11" customHeight="true" s="1" customFormat="true" hidden="true" collapsed="true" outlineLevel="2">
      <c r="A2119" s="5" t="s">
        <v>2463</v>
      </c>
      <c r="B2119" s="5" t="e"/>
      <c r="C2119" s="5" t="e"/>
      <c r="D2119" s="5" t="e"/>
      <c r="E2119" s="5" t="e"/>
    </row>
    <row r="2120" ht="33" customHeight="true" s="1" customFormat="true" hidden="true" outlineLevel="3">
      <c r="A2120" s="6" t="s">
        <v>2464</v>
      </c>
      <c r="B2120" s="6" t="s">
        <v>235</v>
      </c>
      <c r="C2120" s="6" t="s">
        <v>18</v>
      </c>
      <c r="D2120" s="6" t="s">
        <v>11</v>
      </c>
      <c r="E2120" s="6" t="e"/>
    </row>
    <row r="2121" ht="22" customHeight="true" s="1" customFormat="true" hidden="true" outlineLevel="3">
      <c r="A2121" s="6" t="s">
        <v>2465</v>
      </c>
      <c r="B2121" s="6" t="s">
        <v>155</v>
      </c>
      <c r="C2121" s="6" t="s">
        <v>127</v>
      </c>
      <c r="D2121" s="6" t="s">
        <v>678</v>
      </c>
      <c r="E2121" s="6" t="e"/>
    </row>
    <row r="2122" ht="22" customHeight="true" s="1" customFormat="true" hidden="true" outlineLevel="3">
      <c r="A2122" s="6" t="s">
        <v>2466</v>
      </c>
      <c r="B2122" s="6" t="s">
        <v>292</v>
      </c>
      <c r="C2122" s="6" t="s">
        <v>235</v>
      </c>
      <c r="D2122" s="6" t="s">
        <v>678</v>
      </c>
      <c r="E2122" s="6" t="e"/>
    </row>
    <row r="2123" ht="33" customHeight="true" s="1" customFormat="true" hidden="true" outlineLevel="3">
      <c r="A2123" s="6" t="s">
        <v>2467</v>
      </c>
      <c r="B2123" s="6" t="s">
        <v>122</v>
      </c>
      <c r="C2123" s="6" t="s">
        <v>72</v>
      </c>
      <c r="D2123" s="6" t="s">
        <v>26</v>
      </c>
      <c r="E2123" s="6" t="e"/>
    </row>
    <row r="2124" ht="22" customHeight="true" s="1" customFormat="true" hidden="true" outlineLevel="3">
      <c r="A2124" s="6" t="s">
        <v>2468</v>
      </c>
      <c r="B2124" s="6" t="s">
        <v>149</v>
      </c>
      <c r="C2124" s="6" t="s">
        <v>219</v>
      </c>
      <c r="D2124" s="6" t="s">
        <v>15</v>
      </c>
      <c r="E2124" s="6" t="e"/>
    </row>
    <row r="2125" ht="22" customHeight="true" s="1" customFormat="true" hidden="true" outlineLevel="3">
      <c r="A2125" s="6" t="s">
        <v>2469</v>
      </c>
      <c r="B2125" s="6" t="s">
        <v>136</v>
      </c>
      <c r="C2125" s="6" t="s">
        <v>219</v>
      </c>
      <c r="D2125" s="6" t="s">
        <v>15</v>
      </c>
      <c r="E2125" s="6" t="e"/>
    </row>
    <row r="2126" ht="22" customHeight="true" s="1" customFormat="true" hidden="true" outlineLevel="3">
      <c r="A2126" s="6" t="s">
        <v>2470</v>
      </c>
      <c r="B2126" s="6" t="s">
        <v>494</v>
      </c>
      <c r="C2126" s="6" t="s">
        <v>142</v>
      </c>
      <c r="D2126" s="6" t="s">
        <v>26</v>
      </c>
      <c r="E2126" s="6" t="e"/>
    </row>
    <row r="2127" ht="44" customHeight="true" s="1" customFormat="true" hidden="true" outlineLevel="3">
      <c r="A2127" s="6" t="s">
        <v>2471</v>
      </c>
      <c r="B2127" s="6" t="s">
        <v>369</v>
      </c>
      <c r="C2127" s="6" t="s">
        <v>235</v>
      </c>
      <c r="D2127" s="6" t="s">
        <v>11</v>
      </c>
      <c r="E2127" s="6" t="e"/>
    </row>
    <row r="2128" ht="44" customHeight="true" s="1" customFormat="true" hidden="true" outlineLevel="3">
      <c r="A2128" s="6" t="s">
        <v>2472</v>
      </c>
      <c r="B2128" s="6" t="s">
        <v>369</v>
      </c>
      <c r="C2128" s="6" t="s">
        <v>18</v>
      </c>
      <c r="D2128" s="6" t="s">
        <v>11</v>
      </c>
      <c r="E2128" s="6" t="e"/>
    </row>
    <row r="2129" ht="44" customHeight="true" s="1" customFormat="true" hidden="true" outlineLevel="3">
      <c r="A2129" s="6" t="s">
        <v>2473</v>
      </c>
      <c r="B2129" s="6" t="s">
        <v>341</v>
      </c>
      <c r="C2129" s="6" t="s">
        <v>62</v>
      </c>
      <c r="D2129" s="6" t="s">
        <v>184</v>
      </c>
      <c r="E2129" s="6" t="e"/>
    </row>
    <row r="2130" ht="33" customHeight="true" s="1" customFormat="true" hidden="true" outlineLevel="3">
      <c r="A2130" s="6" t="s">
        <v>2474</v>
      </c>
      <c r="B2130" s="6" t="s">
        <v>142</v>
      </c>
      <c r="C2130" s="6" t="s">
        <v>51</v>
      </c>
      <c r="D2130" s="6" t="s">
        <v>57</v>
      </c>
      <c r="E2130" s="6" t="e"/>
    </row>
    <row r="2131" ht="33" customHeight="true" s="1" customFormat="true" hidden="true" outlineLevel="3">
      <c r="A2131" s="6" t="s">
        <v>2475</v>
      </c>
      <c r="B2131" s="6" t="s">
        <v>155</v>
      </c>
      <c r="C2131" s="6" t="s">
        <v>72</v>
      </c>
      <c r="D2131" s="6" t="s">
        <v>165</v>
      </c>
      <c r="E2131" s="6" t="e"/>
    </row>
    <row r="2132" ht="33" customHeight="true" s="1" customFormat="true" hidden="true" outlineLevel="3">
      <c r="A2132" s="6" t="s">
        <v>2476</v>
      </c>
      <c r="B2132" s="6" t="s">
        <v>64</v>
      </c>
      <c r="C2132" s="6" t="s">
        <v>235</v>
      </c>
      <c r="D2132" s="6" t="s">
        <v>40</v>
      </c>
      <c r="E2132" s="6" t="e"/>
    </row>
    <row r="2133" ht="22" customHeight="true" s="1" customFormat="true" hidden="true" outlineLevel="3">
      <c r="A2133" s="6" t="s">
        <v>2477</v>
      </c>
      <c r="B2133" s="6" t="s">
        <v>62</v>
      </c>
      <c r="C2133" s="6" t="s">
        <v>83</v>
      </c>
      <c r="D2133" s="6" t="s">
        <v>123</v>
      </c>
      <c r="E2133" s="6" t="e"/>
    </row>
    <row r="2134" ht="33" customHeight="true" s="1" customFormat="true" hidden="true" collapsed="true" outlineLevel="3">
      <c r="A2134" s="6" t="s">
        <v>2478</v>
      </c>
      <c r="B2134" s="6" t="s">
        <v>72</v>
      </c>
      <c r="C2134" s="6" t="s">
        <v>62</v>
      </c>
      <c r="D2134" s="6" t="s">
        <v>26</v>
      </c>
      <c r="E2134" s="6" t="e"/>
    </row>
    <row r="2135" ht="11" customHeight="true" s="1" customFormat="true" hidden="true" collapsed="true" outlineLevel="2">
      <c r="A2135" s="5" t="s">
        <v>2479</v>
      </c>
      <c r="B2135" s="5" t="e"/>
      <c r="C2135" s="5" t="e"/>
      <c r="D2135" s="5" t="e"/>
      <c r="E2135" s="5" t="e"/>
    </row>
    <row r="2136" ht="11" customHeight="true" s="1" customFormat="true" hidden="true" outlineLevel="3">
      <c r="A2136" s="6" t="s">
        <v>2480</v>
      </c>
      <c r="B2136" s="6" t="s">
        <v>99</v>
      </c>
      <c r="C2136" s="6" t="s">
        <v>219</v>
      </c>
      <c r="D2136" s="6" t="s">
        <v>11</v>
      </c>
      <c r="E2136" s="6" t="e"/>
    </row>
    <row r="2137" ht="11" customHeight="true" s="1" customFormat="true" hidden="true" outlineLevel="3">
      <c r="A2137" s="6" t="s">
        <v>2481</v>
      </c>
      <c r="B2137" s="6" t="s">
        <v>519</v>
      </c>
      <c r="C2137" s="6" t="s">
        <v>219</v>
      </c>
      <c r="D2137" s="6" t="s">
        <v>276</v>
      </c>
      <c r="E2137" s="6" t="e"/>
    </row>
    <row r="2138" ht="11" customHeight="true" s="1" customFormat="true" hidden="true" outlineLevel="3">
      <c r="A2138" s="6" t="s">
        <v>2482</v>
      </c>
      <c r="B2138" s="6" t="s">
        <v>300</v>
      </c>
      <c r="C2138" s="6" t="s">
        <v>149</v>
      </c>
      <c r="D2138" s="6" t="s">
        <v>2313</v>
      </c>
      <c r="E2138" s="6" t="e"/>
    </row>
    <row r="2139" ht="22" customHeight="true" s="1" customFormat="true" hidden="true" outlineLevel="3">
      <c r="A2139" s="6" t="s">
        <v>2483</v>
      </c>
      <c r="B2139" s="6" t="s">
        <v>242</v>
      </c>
      <c r="C2139" s="6" t="s">
        <v>136</v>
      </c>
      <c r="D2139" s="6" t="s">
        <v>68</v>
      </c>
      <c r="E2139" s="6" t="e"/>
    </row>
    <row r="2140" ht="11" customHeight="true" s="1" customFormat="true" hidden="true" outlineLevel="3">
      <c r="A2140" s="6" t="s">
        <v>2484</v>
      </c>
      <c r="B2140" s="6" t="s">
        <v>308</v>
      </c>
      <c r="C2140" s="6" t="s">
        <v>99</v>
      </c>
      <c r="D2140" s="6" t="s">
        <v>572</v>
      </c>
      <c r="E2140" s="6" t="e"/>
    </row>
    <row r="2141" ht="11" customHeight="true" s="1" customFormat="true" hidden="true" outlineLevel="3">
      <c r="A2141" s="6" t="s">
        <v>2485</v>
      </c>
      <c r="B2141" s="6" t="s">
        <v>1135</v>
      </c>
      <c r="C2141" s="6" t="s">
        <v>167</v>
      </c>
      <c r="D2141" s="6" t="s">
        <v>26</v>
      </c>
      <c r="E2141" s="6" t="e"/>
    </row>
    <row r="2142" ht="11" customHeight="true" s="1" customFormat="true" hidden="true" collapsed="true" outlineLevel="3">
      <c r="A2142" s="6" t="s">
        <v>2486</v>
      </c>
      <c r="B2142" s="6" t="s">
        <v>460</v>
      </c>
      <c r="C2142" s="6" t="s">
        <v>574</v>
      </c>
      <c r="D2142" s="6" t="s">
        <v>68</v>
      </c>
      <c r="E2142" s="6" t="e"/>
    </row>
    <row r="2143" ht="11" customHeight="true" s="1" customFormat="true" hidden="true" collapsed="true" outlineLevel="2">
      <c r="A2143" s="5" t="s">
        <v>2487</v>
      </c>
      <c r="B2143" s="5" t="e"/>
      <c r="C2143" s="5" t="e"/>
      <c r="D2143" s="5" t="e"/>
      <c r="E2143" s="5" t="e"/>
    </row>
    <row r="2144" ht="22" customHeight="true" s="1" customFormat="true" hidden="true" outlineLevel="3">
      <c r="A2144" s="6" t="s">
        <v>2488</v>
      </c>
      <c r="B2144" s="6" t="s">
        <v>242</v>
      </c>
      <c r="C2144" s="6" t="s">
        <v>99</v>
      </c>
      <c r="D2144" s="6" t="s">
        <v>460</v>
      </c>
      <c r="E2144" s="6" t="e"/>
    </row>
    <row r="2145" ht="22" customHeight="true" s="1" customFormat="true" hidden="true" outlineLevel="3">
      <c r="A2145" s="6" t="s">
        <v>2489</v>
      </c>
      <c r="B2145" s="6" t="s">
        <v>129</v>
      </c>
      <c r="C2145" s="6" t="s">
        <v>371</v>
      </c>
      <c r="D2145" s="6" t="s">
        <v>674</v>
      </c>
      <c r="E2145" s="6" t="e"/>
    </row>
    <row r="2146" ht="22" customHeight="true" s="1" customFormat="true" hidden="true" outlineLevel="3">
      <c r="A2146" s="6" t="s">
        <v>2490</v>
      </c>
      <c r="B2146" s="6" t="s">
        <v>242</v>
      </c>
      <c r="C2146" s="6" t="s">
        <v>99</v>
      </c>
      <c r="D2146" s="6" t="s">
        <v>15</v>
      </c>
      <c r="E2146" s="6" t="e"/>
    </row>
    <row r="2147" ht="22" customHeight="true" s="1" customFormat="true" hidden="true" outlineLevel="3">
      <c r="A2147" s="6" t="s">
        <v>2491</v>
      </c>
      <c r="B2147" s="6" t="s">
        <v>1391</v>
      </c>
      <c r="C2147" s="6" t="s">
        <v>142</v>
      </c>
      <c r="D2147" s="6" t="s">
        <v>40</v>
      </c>
      <c r="E2147" s="6" t="e"/>
    </row>
    <row r="2148" ht="22" customHeight="true" s="1" customFormat="true" hidden="true" outlineLevel="3">
      <c r="A2148" s="6" t="s">
        <v>2492</v>
      </c>
      <c r="B2148" s="6" t="s">
        <v>167</v>
      </c>
      <c r="C2148" s="6" t="s">
        <v>225</v>
      </c>
      <c r="D2148" s="6" t="s">
        <v>454</v>
      </c>
      <c r="E2148" s="6" t="e"/>
    </row>
    <row r="2149" ht="22" customHeight="true" s="1" customFormat="true" hidden="true" collapsed="true" outlineLevel="3">
      <c r="A2149" s="6" t="s">
        <v>2493</v>
      </c>
      <c r="B2149" s="6" t="s">
        <v>494</v>
      </c>
      <c r="C2149" s="6" t="s">
        <v>55</v>
      </c>
      <c r="D2149" s="6" t="s">
        <v>15</v>
      </c>
      <c r="E2149" s="6" t="e"/>
    </row>
    <row r="2150" ht="11" customHeight="true" s="1" customFormat="true" hidden="true" collapsed="true" outlineLevel="2">
      <c r="A2150" s="5" t="s">
        <v>2494</v>
      </c>
      <c r="B2150" s="5" t="e"/>
      <c r="C2150" s="5" t="e"/>
      <c r="D2150" s="5" t="e"/>
      <c r="E2150" s="5" t="e"/>
    </row>
    <row r="2151" ht="22" customHeight="true" s="1" customFormat="true" hidden="true" outlineLevel="3">
      <c r="A2151" s="6" t="s">
        <v>2495</v>
      </c>
      <c r="B2151" s="6" t="s">
        <v>1135</v>
      </c>
      <c r="C2151" s="6" t="s">
        <v>574</v>
      </c>
      <c r="D2151" s="6" t="s">
        <v>184</v>
      </c>
      <c r="E2151" s="6" t="e"/>
    </row>
    <row r="2152" ht="22" customHeight="true" s="1" customFormat="true" hidden="true" outlineLevel="3">
      <c r="A2152" s="6" t="s">
        <v>2496</v>
      </c>
      <c r="B2152" s="6" t="s">
        <v>2497</v>
      </c>
      <c r="C2152" s="6" t="s">
        <v>446</v>
      </c>
      <c r="D2152" s="6" t="s">
        <v>26</v>
      </c>
      <c r="E2152" s="6" t="e"/>
    </row>
    <row r="2153" ht="22" customHeight="true" s="1" customFormat="true" hidden="true" outlineLevel="3">
      <c r="A2153" s="6" t="s">
        <v>2498</v>
      </c>
      <c r="B2153" s="6" t="s">
        <v>2497</v>
      </c>
      <c r="C2153" s="6" t="s">
        <v>446</v>
      </c>
      <c r="D2153" s="6" t="s">
        <v>184</v>
      </c>
      <c r="E2153" s="6" t="e"/>
    </row>
    <row r="2154" ht="22" customHeight="true" s="1" customFormat="true" hidden="true" outlineLevel="3">
      <c r="A2154" s="6" t="s">
        <v>2499</v>
      </c>
      <c r="B2154" s="6" t="s">
        <v>1135</v>
      </c>
      <c r="C2154" s="6" t="s">
        <v>574</v>
      </c>
      <c r="D2154" s="6" t="s">
        <v>525</v>
      </c>
      <c r="E2154" s="6" t="e"/>
    </row>
    <row r="2155" ht="22" customHeight="true" s="1" customFormat="true" hidden="true" outlineLevel="3">
      <c r="A2155" s="6" t="s">
        <v>2500</v>
      </c>
      <c r="B2155" s="6" t="s">
        <v>1135</v>
      </c>
      <c r="C2155" s="6" t="s">
        <v>574</v>
      </c>
      <c r="D2155" s="6" t="s">
        <v>57</v>
      </c>
      <c r="E2155" s="6" t="e"/>
    </row>
    <row r="2156" ht="22" customHeight="true" s="1" customFormat="true" hidden="true" outlineLevel="3">
      <c r="A2156" s="6" t="s">
        <v>2501</v>
      </c>
      <c r="B2156" s="6" t="s">
        <v>674</v>
      </c>
      <c r="C2156" s="6" t="s">
        <v>574</v>
      </c>
      <c r="D2156" s="6" t="s">
        <v>26</v>
      </c>
      <c r="E2156" s="6" t="e"/>
    </row>
    <row r="2157" ht="22" customHeight="true" s="1" customFormat="true" hidden="true" outlineLevel="3">
      <c r="A2157" s="6" t="s">
        <v>2502</v>
      </c>
      <c r="B2157" s="6" t="s">
        <v>276</v>
      </c>
      <c r="C2157" s="6" t="s">
        <v>446</v>
      </c>
      <c r="D2157" s="6" t="s">
        <v>2148</v>
      </c>
      <c r="E2157" s="6" t="e"/>
    </row>
    <row r="2158" ht="22" customHeight="true" s="1" customFormat="true" hidden="true" outlineLevel="3">
      <c r="A2158" s="6" t="s">
        <v>2503</v>
      </c>
      <c r="B2158" s="6" t="s">
        <v>644</v>
      </c>
      <c r="C2158" s="6" t="s">
        <v>446</v>
      </c>
      <c r="D2158" s="6" t="s">
        <v>40</v>
      </c>
      <c r="E2158" s="6" t="e"/>
    </row>
    <row r="2159" ht="22" customHeight="true" s="1" customFormat="true" hidden="true" outlineLevel="3">
      <c r="A2159" s="6" t="s">
        <v>2504</v>
      </c>
      <c r="B2159" s="6" t="s">
        <v>400</v>
      </c>
      <c r="C2159" s="6" t="s">
        <v>574</v>
      </c>
      <c r="D2159" s="6" t="s">
        <v>545</v>
      </c>
      <c r="E2159" s="6" t="e"/>
    </row>
    <row r="2160" ht="22" customHeight="true" s="1" customFormat="true" hidden="true" outlineLevel="3">
      <c r="A2160" s="6" t="s">
        <v>2505</v>
      </c>
      <c r="B2160" s="6" t="s">
        <v>644</v>
      </c>
      <c r="C2160" s="6" t="s">
        <v>448</v>
      </c>
      <c r="D2160" s="6" t="s">
        <v>123</v>
      </c>
      <c r="E2160" s="6" t="e"/>
    </row>
    <row r="2161" ht="44" customHeight="true" s="1" customFormat="true" hidden="true" outlineLevel="3">
      <c r="A2161" s="6" t="s">
        <v>2506</v>
      </c>
      <c r="B2161" s="6" t="s">
        <v>167</v>
      </c>
      <c r="C2161" s="6" t="s">
        <v>242</v>
      </c>
      <c r="D2161" s="6" t="s">
        <v>572</v>
      </c>
      <c r="E2161" s="6" t="e"/>
    </row>
    <row r="2162" ht="56" customHeight="true" s="1" customFormat="true" hidden="true" outlineLevel="3">
      <c r="A2162" s="6" t="s">
        <v>2507</v>
      </c>
      <c r="B2162" s="6" t="s">
        <v>167</v>
      </c>
      <c r="C2162" s="6" t="s">
        <v>242</v>
      </c>
      <c r="D2162" s="6" t="s">
        <v>1338</v>
      </c>
      <c r="E2162" s="6" t="e"/>
    </row>
    <row r="2163" ht="56" customHeight="true" s="1" customFormat="true" hidden="true" outlineLevel="3">
      <c r="A2163" s="6" t="s">
        <v>2508</v>
      </c>
      <c r="B2163" s="6" t="s">
        <v>242</v>
      </c>
      <c r="C2163" s="6" t="s">
        <v>149</v>
      </c>
      <c r="D2163" s="6" t="s">
        <v>195</v>
      </c>
      <c r="E2163" s="6" t="e"/>
    </row>
    <row r="2164" ht="44" customHeight="true" s="1" customFormat="true" hidden="true" outlineLevel="3">
      <c r="A2164" s="6" t="s">
        <v>2509</v>
      </c>
      <c r="B2164" s="6" t="s">
        <v>296</v>
      </c>
      <c r="C2164" s="6" t="s">
        <v>149</v>
      </c>
      <c r="D2164" s="6" t="s">
        <v>453</v>
      </c>
      <c r="E2164" s="6" t="e"/>
    </row>
    <row r="2165" ht="44" customHeight="true" s="1" customFormat="true" hidden="true" outlineLevel="3">
      <c r="A2165" s="6" t="s">
        <v>2510</v>
      </c>
      <c r="B2165" s="6" t="s">
        <v>296</v>
      </c>
      <c r="C2165" s="6" t="s">
        <v>141</v>
      </c>
      <c r="D2165" s="6" t="s">
        <v>664</v>
      </c>
      <c r="E2165" s="6" t="e"/>
    </row>
    <row r="2166" ht="44" customHeight="true" s="1" customFormat="true" hidden="true" outlineLevel="3">
      <c r="A2166" s="6" t="s">
        <v>2511</v>
      </c>
      <c r="B2166" s="6" t="s">
        <v>300</v>
      </c>
      <c r="C2166" s="6" t="s">
        <v>149</v>
      </c>
      <c r="D2166" s="6" t="s">
        <v>2226</v>
      </c>
      <c r="E2166" s="6" t="e"/>
    </row>
    <row r="2167" ht="22" customHeight="true" s="1" customFormat="true" hidden="true" outlineLevel="3">
      <c r="A2167" s="6" t="s">
        <v>2512</v>
      </c>
      <c r="B2167" s="6" t="s">
        <v>100</v>
      </c>
      <c r="C2167" s="6" t="s">
        <v>446</v>
      </c>
      <c r="D2167" s="6" t="s">
        <v>664</v>
      </c>
      <c r="E2167" s="6" t="e"/>
    </row>
    <row r="2168" ht="11" customHeight="true" s="1" customFormat="true" hidden="true" outlineLevel="3">
      <c r="A2168" s="6" t="s">
        <v>2513</v>
      </c>
      <c r="B2168" s="6" t="s">
        <v>165</v>
      </c>
      <c r="C2168" s="6" t="s">
        <v>574</v>
      </c>
      <c r="D2168" s="6" t="s">
        <v>2514</v>
      </c>
      <c r="E2168" s="6" t="e"/>
    </row>
    <row r="2169" ht="22" customHeight="true" s="1" customFormat="true" hidden="true" outlineLevel="3">
      <c r="A2169" s="6" t="s">
        <v>2515</v>
      </c>
      <c r="B2169" s="6" t="s">
        <v>165</v>
      </c>
      <c r="C2169" s="6" t="s">
        <v>574</v>
      </c>
      <c r="D2169" s="6" t="s">
        <v>2516</v>
      </c>
      <c r="E2169" s="6" t="e"/>
    </row>
    <row r="2170" ht="11" customHeight="true" s="1" customFormat="true" hidden="true" outlineLevel="3">
      <c r="A2170" s="6" t="s">
        <v>2517</v>
      </c>
      <c r="B2170" s="6" t="s">
        <v>176</v>
      </c>
      <c r="C2170" s="6" t="s">
        <v>574</v>
      </c>
      <c r="D2170" s="6" t="s">
        <v>187</v>
      </c>
      <c r="E2170" s="6" t="e"/>
    </row>
    <row r="2171" ht="11" customHeight="true" s="1" customFormat="true" hidden="true" outlineLevel="3">
      <c r="A2171" s="6" t="s">
        <v>2518</v>
      </c>
      <c r="B2171" s="6" t="s">
        <v>176</v>
      </c>
      <c r="C2171" s="6" t="s">
        <v>574</v>
      </c>
      <c r="D2171" s="6" t="s">
        <v>154</v>
      </c>
      <c r="E2171" s="6" t="e"/>
    </row>
    <row r="2172" ht="22" customHeight="true" s="1" customFormat="true" hidden="true" outlineLevel="3">
      <c r="A2172" s="6" t="s">
        <v>2519</v>
      </c>
      <c r="B2172" s="6" t="s">
        <v>308</v>
      </c>
      <c r="C2172" s="6" t="s">
        <v>103</v>
      </c>
      <c r="D2172" s="6" t="s">
        <v>68</v>
      </c>
      <c r="E2172" s="6" t="e"/>
    </row>
    <row r="2173" ht="22" customHeight="true" s="1" customFormat="true" hidden="true" outlineLevel="3">
      <c r="A2173" s="6" t="s">
        <v>2520</v>
      </c>
      <c r="B2173" s="6" t="s">
        <v>184</v>
      </c>
      <c r="C2173" s="6" t="s">
        <v>176</v>
      </c>
      <c r="D2173" s="6" t="s">
        <v>11</v>
      </c>
      <c r="E2173" s="6" t="e"/>
    </row>
    <row r="2174" ht="22" customHeight="true" s="1" customFormat="true" hidden="true" outlineLevel="3">
      <c r="A2174" s="6" t="s">
        <v>2521</v>
      </c>
      <c r="B2174" s="6" t="s">
        <v>57</v>
      </c>
      <c r="C2174" s="6" t="s">
        <v>176</v>
      </c>
      <c r="D2174" s="6" t="s">
        <v>100</v>
      </c>
      <c r="E2174" s="6" t="e"/>
    </row>
    <row r="2175" ht="33" customHeight="true" s="1" customFormat="true" hidden="true" outlineLevel="3">
      <c r="A2175" s="6" t="s">
        <v>2522</v>
      </c>
      <c r="B2175" s="6" t="s">
        <v>123</v>
      </c>
      <c r="C2175" s="6" t="s">
        <v>176</v>
      </c>
      <c r="D2175" s="6" t="s">
        <v>11</v>
      </c>
      <c r="E2175" s="6" t="e"/>
    </row>
    <row r="2176" ht="22" customHeight="true" s="1" customFormat="true" hidden="true" outlineLevel="3">
      <c r="A2176" s="6" t="s">
        <v>2523</v>
      </c>
      <c r="B2176" s="6" t="s">
        <v>57</v>
      </c>
      <c r="C2176" s="6" t="s">
        <v>176</v>
      </c>
      <c r="D2176" s="6" t="s">
        <v>540</v>
      </c>
      <c r="E2176" s="6" t="e"/>
    </row>
    <row r="2177" ht="33" customHeight="true" s="1" customFormat="true" hidden="true" outlineLevel="3">
      <c r="A2177" s="6" t="s">
        <v>2524</v>
      </c>
      <c r="B2177" s="6" t="s">
        <v>197</v>
      </c>
      <c r="C2177" s="6" t="s">
        <v>149</v>
      </c>
      <c r="D2177" s="6" t="s">
        <v>26</v>
      </c>
      <c r="E2177" s="6" t="e"/>
    </row>
    <row r="2178" ht="33" customHeight="true" s="1" customFormat="true" hidden="true" outlineLevel="3">
      <c r="A2178" s="6" t="s">
        <v>2525</v>
      </c>
      <c r="B2178" s="6" t="s">
        <v>167</v>
      </c>
      <c r="C2178" s="6" t="s">
        <v>149</v>
      </c>
      <c r="D2178" s="6" t="s">
        <v>674</v>
      </c>
      <c r="E2178" s="6" t="e"/>
    </row>
    <row r="2179" ht="22" customHeight="true" s="1" customFormat="true" hidden="true" outlineLevel="3">
      <c r="A2179" s="6" t="s">
        <v>2526</v>
      </c>
      <c r="B2179" s="6" t="s">
        <v>172</v>
      </c>
      <c r="C2179" s="6" t="s">
        <v>103</v>
      </c>
      <c r="D2179" s="6" t="s">
        <v>678</v>
      </c>
      <c r="E2179" s="6" t="e"/>
    </row>
    <row r="2180" ht="22" customHeight="true" s="1" customFormat="true" hidden="true" outlineLevel="3">
      <c r="A2180" s="6" t="s">
        <v>2527</v>
      </c>
      <c r="B2180" s="6" t="s">
        <v>100</v>
      </c>
      <c r="C2180" s="6" t="s">
        <v>446</v>
      </c>
      <c r="D2180" s="6" t="s">
        <v>123</v>
      </c>
      <c r="E2180" s="6" t="e"/>
    </row>
    <row r="2181" ht="22" customHeight="true" s="1" customFormat="true" hidden="true" collapsed="true" outlineLevel="3">
      <c r="A2181" s="6" t="s">
        <v>2528</v>
      </c>
      <c r="B2181" s="6" t="s">
        <v>123</v>
      </c>
      <c r="C2181" s="6" t="s">
        <v>446</v>
      </c>
      <c r="D2181" s="6" t="s">
        <v>100</v>
      </c>
      <c r="E2181" s="6" t="e"/>
    </row>
    <row r="2182" ht="11" customHeight="true" s="1" customFormat="true" hidden="true" collapsed="true" outlineLevel="2">
      <c r="A2182" s="5" t="s">
        <v>2529</v>
      </c>
      <c r="B2182" s="5" t="e"/>
      <c r="C2182" s="5" t="e"/>
      <c r="D2182" s="5" t="e"/>
      <c r="E2182" s="5" t="e"/>
    </row>
    <row r="2183" ht="11" customHeight="true" s="1" customFormat="true" hidden="true" outlineLevel="3">
      <c r="A2183" s="6" t="s">
        <v>2530</v>
      </c>
      <c r="B2183" s="6" t="s">
        <v>574</v>
      </c>
      <c r="C2183" s="6" t="s">
        <v>242</v>
      </c>
      <c r="D2183" s="6" t="s">
        <v>68</v>
      </c>
      <c r="E2183" s="6" t="e"/>
    </row>
    <row r="2184" ht="11" customHeight="true" s="1" customFormat="true" hidden="true" outlineLevel="3">
      <c r="A2184" s="6" t="s">
        <v>2531</v>
      </c>
      <c r="B2184" s="6" t="s">
        <v>126</v>
      </c>
      <c r="C2184" s="6" t="s">
        <v>127</v>
      </c>
      <c r="D2184" s="6" t="s">
        <v>460</v>
      </c>
      <c r="E2184" s="6" t="e"/>
    </row>
    <row r="2185" ht="11" customHeight="true" s="1" customFormat="true" hidden="true" outlineLevel="3">
      <c r="A2185" s="6" t="s">
        <v>2532</v>
      </c>
      <c r="B2185" s="6" t="s">
        <v>172</v>
      </c>
      <c r="C2185" s="6" t="s">
        <v>103</v>
      </c>
      <c r="D2185" s="6" t="s">
        <v>674</v>
      </c>
      <c r="E2185" s="6" t="e"/>
    </row>
    <row r="2186" ht="11" customHeight="true" s="1" customFormat="true" hidden="true" outlineLevel="3">
      <c r="A2186" s="6" t="s">
        <v>2533</v>
      </c>
      <c r="B2186" s="6" t="s">
        <v>167</v>
      </c>
      <c r="C2186" s="6" t="s">
        <v>225</v>
      </c>
      <c r="D2186" s="6" t="s">
        <v>57</v>
      </c>
      <c r="E2186" s="6" t="e"/>
    </row>
    <row r="2187" ht="11" customHeight="true" s="1" customFormat="true" hidden="true" outlineLevel="3">
      <c r="A2187" s="6" t="s">
        <v>2534</v>
      </c>
      <c r="B2187" s="6" t="s">
        <v>197</v>
      </c>
      <c r="C2187" s="6" t="s">
        <v>225</v>
      </c>
      <c r="D2187" s="6" t="s">
        <v>400</v>
      </c>
      <c r="E2187" s="6" t="e"/>
    </row>
    <row r="2188" ht="11" customHeight="true" s="1" customFormat="true" hidden="true" outlineLevel="3">
      <c r="A2188" s="6" t="s">
        <v>2535</v>
      </c>
      <c r="B2188" s="6" t="s">
        <v>478</v>
      </c>
      <c r="C2188" s="6" t="s">
        <v>219</v>
      </c>
      <c r="D2188" s="6" t="s">
        <v>100</v>
      </c>
      <c r="E2188" s="6" t="e"/>
    </row>
    <row r="2189" ht="11" customHeight="true" s="1" customFormat="true" hidden="true" outlineLevel="3">
      <c r="A2189" s="6" t="s">
        <v>2536</v>
      </c>
      <c r="B2189" s="6" t="s">
        <v>126</v>
      </c>
      <c r="C2189" s="6" t="s">
        <v>219</v>
      </c>
      <c r="D2189" s="6" t="s">
        <v>40</v>
      </c>
      <c r="E2189" s="6" t="e"/>
    </row>
    <row r="2190" ht="11" customHeight="true" s="1" customFormat="true" hidden="true" outlineLevel="3">
      <c r="A2190" s="6" t="s">
        <v>2537</v>
      </c>
      <c r="B2190" s="6" t="s">
        <v>308</v>
      </c>
      <c r="C2190" s="6" t="s">
        <v>103</v>
      </c>
      <c r="D2190" s="6" t="s">
        <v>123</v>
      </c>
      <c r="E2190" s="6" t="e"/>
    </row>
    <row r="2191" ht="11" customHeight="true" s="1" customFormat="true" hidden="true" outlineLevel="3">
      <c r="A2191" s="6" t="s">
        <v>2538</v>
      </c>
      <c r="B2191" s="6" t="s">
        <v>300</v>
      </c>
      <c r="C2191" s="6" t="s">
        <v>302</v>
      </c>
      <c r="D2191" s="6" t="s">
        <v>11</v>
      </c>
      <c r="E2191" s="6" t="e"/>
    </row>
    <row r="2192" ht="11" customHeight="true" s="1" customFormat="true" hidden="true" outlineLevel="3">
      <c r="A2192" s="6" t="s">
        <v>2539</v>
      </c>
      <c r="B2192" s="6" t="s">
        <v>167</v>
      </c>
      <c r="C2192" s="6" t="s">
        <v>149</v>
      </c>
      <c r="D2192" s="6" t="s">
        <v>11</v>
      </c>
      <c r="E2192" s="6" t="e"/>
    </row>
    <row r="2193" ht="22" customHeight="true" s="1" customFormat="true" hidden="true" outlineLevel="3">
      <c r="A2193" s="6" t="s">
        <v>2540</v>
      </c>
      <c r="B2193" s="6" t="s">
        <v>448</v>
      </c>
      <c r="C2193" s="6" t="s">
        <v>296</v>
      </c>
      <c r="D2193" s="6" t="s">
        <v>11</v>
      </c>
      <c r="E2193" s="6" t="e"/>
    </row>
    <row r="2194" ht="22" customHeight="true" s="1" customFormat="true" hidden="true" outlineLevel="3">
      <c r="A2194" s="6" t="s">
        <v>2541</v>
      </c>
      <c r="B2194" s="6" t="s">
        <v>296</v>
      </c>
      <c r="C2194" s="6" t="s">
        <v>225</v>
      </c>
      <c r="D2194" s="6" t="s">
        <v>276</v>
      </c>
      <c r="E2194" s="6" t="e"/>
    </row>
    <row r="2195" ht="22" customHeight="true" s="1" customFormat="true" hidden="true" outlineLevel="3">
      <c r="A2195" s="6" t="s">
        <v>2542</v>
      </c>
      <c r="B2195" s="6" t="s">
        <v>296</v>
      </c>
      <c r="C2195" s="6" t="s">
        <v>149</v>
      </c>
      <c r="D2195" s="6" t="s">
        <v>165</v>
      </c>
      <c r="E2195" s="6" t="e"/>
    </row>
    <row r="2196" ht="22" customHeight="true" s="1" customFormat="true" hidden="true" outlineLevel="3">
      <c r="A2196" s="6" t="s">
        <v>2543</v>
      </c>
      <c r="B2196" s="6" t="s">
        <v>300</v>
      </c>
      <c r="C2196" s="6" t="s">
        <v>99</v>
      </c>
      <c r="D2196" s="6" t="s">
        <v>460</v>
      </c>
      <c r="E2196" s="6" t="e"/>
    </row>
    <row r="2197" ht="22" customHeight="true" s="1" customFormat="true" hidden="true" outlineLevel="3">
      <c r="A2197" s="6" t="s">
        <v>2544</v>
      </c>
      <c r="B2197" s="6" t="s">
        <v>167</v>
      </c>
      <c r="C2197" s="6" t="s">
        <v>225</v>
      </c>
      <c r="D2197" s="6" t="s">
        <v>40</v>
      </c>
      <c r="E2197" s="6" t="e"/>
    </row>
    <row r="2198" ht="22" customHeight="true" s="1" customFormat="true" hidden="true" outlineLevel="3">
      <c r="A2198" s="6" t="s">
        <v>2545</v>
      </c>
      <c r="B2198" s="6" t="s">
        <v>167</v>
      </c>
      <c r="C2198" s="6" t="s">
        <v>225</v>
      </c>
      <c r="D2198" s="6" t="s">
        <v>644</v>
      </c>
      <c r="E2198" s="6" t="e"/>
    </row>
    <row r="2199" ht="22" customHeight="true" s="1" customFormat="true" hidden="true" outlineLevel="3">
      <c r="A2199" s="6" t="s">
        <v>2546</v>
      </c>
      <c r="B2199" s="6" t="s">
        <v>167</v>
      </c>
      <c r="C2199" s="6" t="s">
        <v>225</v>
      </c>
      <c r="D2199" s="6" t="s">
        <v>11</v>
      </c>
      <c r="E2199" s="6" t="e"/>
    </row>
    <row r="2200" ht="22" customHeight="true" s="1" customFormat="true" hidden="true" outlineLevel="3">
      <c r="A2200" s="6" t="s">
        <v>2547</v>
      </c>
      <c r="B2200" s="6" t="s">
        <v>1391</v>
      </c>
      <c r="C2200" s="6" t="s">
        <v>103</v>
      </c>
      <c r="D2200" s="6" t="s">
        <v>176</v>
      </c>
      <c r="E2200" s="6" t="e"/>
    </row>
    <row r="2201" ht="22" customHeight="true" s="1" customFormat="true" hidden="true" outlineLevel="3">
      <c r="A2201" s="6" t="s">
        <v>2548</v>
      </c>
      <c r="B2201" s="6" t="s">
        <v>149</v>
      </c>
      <c r="C2201" s="6" t="s">
        <v>142</v>
      </c>
      <c r="D2201" s="6" t="s">
        <v>276</v>
      </c>
      <c r="E2201" s="6" t="e"/>
    </row>
    <row r="2202" ht="11" customHeight="true" s="1" customFormat="true" hidden="true" outlineLevel="3">
      <c r="A2202" s="6" t="s">
        <v>2549</v>
      </c>
      <c r="B2202" s="6" t="s">
        <v>446</v>
      </c>
      <c r="C2202" s="6" t="s">
        <v>167</v>
      </c>
      <c r="D2202" s="6" t="s">
        <v>11</v>
      </c>
      <c r="E2202" s="6" t="e"/>
    </row>
    <row r="2203" ht="11" customHeight="true" s="1" customFormat="true" hidden="true" outlineLevel="3">
      <c r="A2203" s="6" t="s">
        <v>2550</v>
      </c>
      <c r="B2203" s="6" t="s">
        <v>446</v>
      </c>
      <c r="C2203" s="6" t="s">
        <v>167</v>
      </c>
      <c r="D2203" s="6" t="s">
        <v>26</v>
      </c>
      <c r="E2203" s="6" t="e"/>
    </row>
    <row r="2204" ht="11" customHeight="true" s="1" customFormat="true" hidden="true" outlineLevel="3">
      <c r="A2204" s="6" t="s">
        <v>2551</v>
      </c>
      <c r="B2204" s="6" t="s">
        <v>639</v>
      </c>
      <c r="C2204" s="6" t="s">
        <v>167</v>
      </c>
      <c r="D2204" s="6" t="s">
        <v>11</v>
      </c>
      <c r="E2204" s="6" t="e"/>
    </row>
    <row r="2205" ht="11" customHeight="true" s="1" customFormat="true" hidden="true" outlineLevel="3">
      <c r="A2205" s="6" t="s">
        <v>2552</v>
      </c>
      <c r="B2205" s="6" t="s">
        <v>195</v>
      </c>
      <c r="C2205" s="6" t="s">
        <v>551</v>
      </c>
      <c r="D2205" s="6" t="s">
        <v>15</v>
      </c>
      <c r="E2205" s="6" t="e"/>
    </row>
    <row r="2206" ht="22" customHeight="true" s="1" customFormat="true" hidden="true" outlineLevel="3">
      <c r="A2206" s="6" t="s">
        <v>2553</v>
      </c>
      <c r="B2206" s="6" t="s">
        <v>176</v>
      </c>
      <c r="C2206" s="6" t="s">
        <v>574</v>
      </c>
      <c r="D2206" s="6" t="s">
        <v>11</v>
      </c>
      <c r="E2206" s="6" t="e"/>
    </row>
    <row r="2207" ht="11" customHeight="true" s="1" customFormat="true" hidden="true" collapsed="true" outlineLevel="3">
      <c r="A2207" s="6" t="s">
        <v>2554</v>
      </c>
      <c r="B2207" s="6" t="s">
        <v>1884</v>
      </c>
      <c r="C2207" s="6" t="s">
        <v>225</v>
      </c>
      <c r="D2207" s="6" t="s">
        <v>1135</v>
      </c>
      <c r="E2207" s="6" t="e"/>
    </row>
    <row r="2208" ht="11" customHeight="true" s="1" customFormat="true" hidden="true" collapsed="true" outlineLevel="2">
      <c r="A2208" s="5" t="s">
        <v>2555</v>
      </c>
      <c r="B2208" s="5" t="e"/>
      <c r="C2208" s="5" t="e"/>
      <c r="D2208" s="5" t="e"/>
      <c r="E2208" s="5" t="e"/>
    </row>
    <row r="2209" ht="33" customHeight="true" s="1" customFormat="true" hidden="true" outlineLevel="3">
      <c r="A2209" s="6" t="s">
        <v>2556</v>
      </c>
      <c r="B2209" s="6" t="s">
        <v>242</v>
      </c>
      <c r="C2209" s="6" t="s">
        <v>149</v>
      </c>
      <c r="D2209" s="6" t="s">
        <v>26</v>
      </c>
      <c r="E2209" s="6" t="e"/>
    </row>
    <row r="2210" ht="22" customHeight="true" s="1" customFormat="true" hidden="true" outlineLevel="3">
      <c r="A2210" s="6" t="s">
        <v>2557</v>
      </c>
      <c r="B2210" s="6" t="s">
        <v>296</v>
      </c>
      <c r="C2210" s="6" t="s">
        <v>225</v>
      </c>
      <c r="D2210" s="6" t="s">
        <v>2558</v>
      </c>
      <c r="E2210" s="6" t="e"/>
    </row>
    <row r="2211" ht="11" customHeight="true" s="1" customFormat="true" hidden="true" outlineLevel="3">
      <c r="A2211" s="6" t="s">
        <v>2559</v>
      </c>
      <c r="B2211" s="6" t="s">
        <v>448</v>
      </c>
      <c r="C2211" s="6" t="s">
        <v>296</v>
      </c>
      <c r="D2211" s="6" t="s">
        <v>302</v>
      </c>
      <c r="E2211" s="6" t="e"/>
    </row>
    <row r="2212" ht="44" customHeight="true" s="1" customFormat="true" hidden="true" outlineLevel="3">
      <c r="A2212" s="6" t="s">
        <v>2560</v>
      </c>
      <c r="B2212" s="6" t="s">
        <v>167</v>
      </c>
      <c r="C2212" s="6" t="s">
        <v>302</v>
      </c>
      <c r="D2212" s="6" t="s">
        <v>1875</v>
      </c>
      <c r="E2212" s="6" t="e"/>
    </row>
    <row r="2213" ht="22" customHeight="true" s="1" customFormat="true" hidden="true" outlineLevel="3">
      <c r="A2213" s="6" t="s">
        <v>2561</v>
      </c>
      <c r="B2213" s="6" t="s">
        <v>176</v>
      </c>
      <c r="C2213" s="6" t="s">
        <v>551</v>
      </c>
      <c r="D2213" s="6" t="s">
        <v>169</v>
      </c>
      <c r="E2213" s="6" t="e"/>
    </row>
    <row r="2214" ht="22" customHeight="true" s="1" customFormat="true" hidden="true" outlineLevel="3">
      <c r="A2214" s="6" t="s">
        <v>2562</v>
      </c>
      <c r="B2214" s="6" t="s">
        <v>898</v>
      </c>
      <c r="C2214" s="6" t="s">
        <v>296</v>
      </c>
      <c r="D2214" s="6" t="s">
        <v>1159</v>
      </c>
      <c r="E2214" s="6" t="e"/>
    </row>
    <row r="2215" ht="22" customHeight="true" s="1" customFormat="true" hidden="true" collapsed="true" outlineLevel="3">
      <c r="A2215" s="6" t="s">
        <v>2563</v>
      </c>
      <c r="B2215" s="6" t="s">
        <v>195</v>
      </c>
      <c r="C2215" s="6" t="s">
        <v>551</v>
      </c>
      <c r="D2215" s="6" t="s">
        <v>188</v>
      </c>
      <c r="E2215" s="6" t="e"/>
    </row>
    <row r="2216" ht="11" customHeight="true" s="1" customFormat="true" hidden="true" collapsed="true" outlineLevel="2">
      <c r="A2216" s="5" t="s">
        <v>2564</v>
      </c>
      <c r="B2216" s="5" t="e"/>
      <c r="C2216" s="5" t="e"/>
      <c r="D2216" s="5" t="e"/>
      <c r="E2216" s="5" t="e"/>
    </row>
    <row r="2217" ht="33" customHeight="true" s="1" customFormat="true" hidden="true" outlineLevel="3">
      <c r="A2217" s="6" t="s">
        <v>2565</v>
      </c>
      <c r="B2217" s="6" t="s">
        <v>242</v>
      </c>
      <c r="C2217" s="6" t="s">
        <v>149</v>
      </c>
      <c r="D2217" s="6" t="s">
        <v>454</v>
      </c>
      <c r="E2217" s="6" t="e"/>
    </row>
    <row r="2218" ht="22" customHeight="true" s="1" customFormat="true" hidden="true" outlineLevel="3">
      <c r="A2218" s="6" t="s">
        <v>2566</v>
      </c>
      <c r="B2218" s="6" t="s">
        <v>197</v>
      </c>
      <c r="C2218" s="6" t="s">
        <v>225</v>
      </c>
      <c r="D2218" s="6" t="s">
        <v>1538</v>
      </c>
      <c r="E2218" s="6" t="e"/>
    </row>
    <row r="2219" ht="11" customHeight="true" s="1" customFormat="true" hidden="true" outlineLevel="3">
      <c r="A2219" s="6" t="s">
        <v>2567</v>
      </c>
      <c r="B2219" s="6" t="s">
        <v>540</v>
      </c>
      <c r="C2219" s="6" t="s">
        <v>296</v>
      </c>
      <c r="D2219" s="6" t="s">
        <v>454</v>
      </c>
      <c r="E2219" s="6" t="e"/>
    </row>
    <row r="2220" ht="33" customHeight="true" s="1" customFormat="true" hidden="true" outlineLevel="3">
      <c r="A2220" s="6" t="s">
        <v>2568</v>
      </c>
      <c r="B2220" s="6" t="s">
        <v>167</v>
      </c>
      <c r="C2220" s="6" t="s">
        <v>302</v>
      </c>
      <c r="D2220" s="6" t="s">
        <v>2569</v>
      </c>
      <c r="E2220" s="6" t="e"/>
    </row>
    <row r="2221" ht="22" customHeight="true" s="1" customFormat="true" hidden="true" outlineLevel="3">
      <c r="A2221" s="6" t="s">
        <v>2570</v>
      </c>
      <c r="B2221" s="6" t="s">
        <v>898</v>
      </c>
      <c r="C2221" s="6" t="s">
        <v>296</v>
      </c>
      <c r="D2221" s="6" t="s">
        <v>100</v>
      </c>
      <c r="E2221" s="6" t="e"/>
    </row>
    <row r="2222" ht="11" customHeight="true" s="1" customFormat="true" hidden="true" collapsed="true" outlineLevel="3">
      <c r="A2222" s="6" t="s">
        <v>2571</v>
      </c>
      <c r="B2222" s="6" t="s">
        <v>195</v>
      </c>
      <c r="C2222" s="6" t="s">
        <v>551</v>
      </c>
      <c r="D2222" s="6" t="s">
        <v>2572</v>
      </c>
      <c r="E2222" s="6" t="e"/>
    </row>
    <row r="2223" ht="11" customHeight="true" s="1" customFormat="true" hidden="true" collapsed="true" outlineLevel="2">
      <c r="A2223" s="5" t="s">
        <v>2573</v>
      </c>
      <c r="B2223" s="5" t="e"/>
      <c r="C2223" s="5" t="e"/>
      <c r="D2223" s="5" t="e"/>
      <c r="E2223" s="5" t="e"/>
    </row>
    <row r="2224" ht="11" customHeight="true" s="1" customFormat="true" hidden="true" outlineLevel="3">
      <c r="A2224" s="6" t="s">
        <v>2574</v>
      </c>
      <c r="B2224" s="6" t="s">
        <v>165</v>
      </c>
      <c r="C2224" s="6" t="s">
        <v>448</v>
      </c>
      <c r="D2224" s="6" t="s">
        <v>2575</v>
      </c>
      <c r="E2224" s="6" t="e"/>
    </row>
    <row r="2225" ht="22" customHeight="true" s="1" customFormat="true" hidden="true" outlineLevel="3">
      <c r="A2225" s="6" t="s">
        <v>2576</v>
      </c>
      <c r="B2225" s="6" t="s">
        <v>448</v>
      </c>
      <c r="C2225" s="6" t="s">
        <v>167</v>
      </c>
      <c r="D2225" s="6" t="s">
        <v>446</v>
      </c>
      <c r="E2225" s="6" t="e"/>
    </row>
    <row r="2226" ht="22" customHeight="true" s="1" customFormat="true" hidden="true" outlineLevel="3">
      <c r="A2226" s="6" t="s">
        <v>2577</v>
      </c>
      <c r="B2226" s="6" t="s">
        <v>176</v>
      </c>
      <c r="C2226" s="6" t="s">
        <v>448</v>
      </c>
      <c r="D2226" s="6" t="s">
        <v>998</v>
      </c>
      <c r="E2226" s="6" t="e"/>
    </row>
    <row r="2227" ht="11" customHeight="true" s="1" customFormat="true" hidden="true" collapsed="true" outlineLevel="3">
      <c r="A2227" s="6" t="s">
        <v>2578</v>
      </c>
      <c r="B2227" s="6" t="s">
        <v>100</v>
      </c>
      <c r="C2227" s="6" t="s">
        <v>446</v>
      </c>
      <c r="D2227" s="6" t="s">
        <v>139</v>
      </c>
      <c r="E2227" s="6" t="e"/>
    </row>
    <row r="2228" ht="11" customHeight="true" s="1" customFormat="true" hidden="true" collapsed="true" outlineLevel="2">
      <c r="A2228" s="5" t="s">
        <v>2579</v>
      </c>
      <c r="B2228" s="5" t="e"/>
      <c r="C2228" s="5" t="e"/>
      <c r="D2228" s="5" t="e"/>
      <c r="E2228" s="5" t="e"/>
    </row>
    <row r="2229" ht="11" customHeight="true" s="1" customFormat="true" hidden="true" outlineLevel="3">
      <c r="A2229" s="6" t="s">
        <v>2580</v>
      </c>
      <c r="B2229" s="6" t="s">
        <v>165</v>
      </c>
      <c r="C2229" s="6" t="s">
        <v>448</v>
      </c>
      <c r="D2229" s="6" t="s">
        <v>2581</v>
      </c>
      <c r="E2229" s="6" t="e"/>
    </row>
    <row r="2230" ht="22" customHeight="true" s="1" customFormat="true" hidden="true" outlineLevel="3">
      <c r="A2230" s="6" t="s">
        <v>2582</v>
      </c>
      <c r="B2230" s="6" t="s">
        <v>448</v>
      </c>
      <c r="C2230" s="6" t="s">
        <v>167</v>
      </c>
      <c r="D2230" s="6" t="s">
        <v>57</v>
      </c>
      <c r="E2230" s="6" t="e"/>
    </row>
    <row r="2231" ht="11" customHeight="true" s="1" customFormat="true" hidden="true" outlineLevel="3">
      <c r="A2231" s="6" t="s">
        <v>2583</v>
      </c>
      <c r="B2231" s="6" t="s">
        <v>100</v>
      </c>
      <c r="C2231" s="6" t="s">
        <v>446</v>
      </c>
      <c r="D2231" s="6" t="s">
        <v>26</v>
      </c>
      <c r="E2231" s="6" t="e"/>
    </row>
    <row r="2232" ht="11" customHeight="true" s="1" customFormat="true" hidden="true" outlineLevel="3">
      <c r="A2232" s="6" t="s">
        <v>2584</v>
      </c>
      <c r="B2232" s="6" t="s">
        <v>176</v>
      </c>
      <c r="C2232" s="6" t="s">
        <v>448</v>
      </c>
      <c r="D2232" s="6" t="s">
        <v>172</v>
      </c>
      <c r="E2232" s="6" t="e"/>
    </row>
    <row r="2233" ht="11" customHeight="true" s="1" customFormat="true" hidden="true" collapsed="true" outlineLevel="3">
      <c r="A2233" s="6" t="s">
        <v>2585</v>
      </c>
      <c r="B2233" s="6" t="s">
        <v>100</v>
      </c>
      <c r="C2233" s="6" t="s">
        <v>446</v>
      </c>
      <c r="D2233" s="6" t="s">
        <v>1074</v>
      </c>
      <c r="E2233" s="6" t="e"/>
    </row>
    <row r="2234" ht="11" customHeight="true" s="1" customFormat="true" hidden="true" collapsed="true" outlineLevel="2">
      <c r="A2234" s="5" t="s">
        <v>2586</v>
      </c>
      <c r="B2234" s="5" t="e"/>
      <c r="C2234" s="5" t="e"/>
      <c r="D2234" s="5" t="e"/>
      <c r="E2234" s="5" t="e"/>
    </row>
    <row r="2235" ht="11" customHeight="true" s="1" customFormat="true" hidden="true" outlineLevel="3">
      <c r="A2235" s="6" t="s">
        <v>2587</v>
      </c>
      <c r="B2235" s="6" t="s">
        <v>283</v>
      </c>
      <c r="C2235" s="6" t="s">
        <v>127</v>
      </c>
      <c r="D2235" s="6" t="s">
        <v>276</v>
      </c>
      <c r="E2235" s="6" t="e"/>
    </row>
    <row r="2236" ht="11" customHeight="true" s="1" customFormat="true" hidden="true" collapsed="true" outlineLevel="3">
      <c r="A2236" s="6" t="s">
        <v>2588</v>
      </c>
      <c r="B2236" s="6" t="s">
        <v>296</v>
      </c>
      <c r="C2236" s="6" t="s">
        <v>149</v>
      </c>
      <c r="D2236" s="6" t="s">
        <v>15</v>
      </c>
      <c r="E2236" s="6" t="e"/>
    </row>
    <row r="2237" ht="11" customHeight="true" s="1" customFormat="true" hidden="true" collapsed="true" outlineLevel="2">
      <c r="A2237" s="5" t="s">
        <v>2589</v>
      </c>
      <c r="B2237" s="5" t="e"/>
      <c r="C2237" s="5" t="e"/>
      <c r="D2237" s="5" t="e"/>
      <c r="E2237" s="5" t="e"/>
    </row>
    <row r="2238" ht="11" customHeight="true" s="1" customFormat="true" hidden="true" outlineLevel="3">
      <c r="A2238" s="6" t="s">
        <v>2590</v>
      </c>
      <c r="B2238" s="6" t="s">
        <v>341</v>
      </c>
      <c r="C2238" s="6" t="s">
        <v>51</v>
      </c>
      <c r="D2238" s="6" t="s">
        <v>644</v>
      </c>
      <c r="E2238" s="6" t="e"/>
    </row>
    <row r="2239" ht="22" customHeight="true" s="1" customFormat="true" hidden="true" outlineLevel="3">
      <c r="A2239" s="6" t="s">
        <v>2591</v>
      </c>
      <c r="B2239" s="6" t="s">
        <v>341</v>
      </c>
      <c r="C2239" s="6" t="s">
        <v>51</v>
      </c>
      <c r="D2239" s="6" t="s">
        <v>11</v>
      </c>
      <c r="E2239" s="6" t="e"/>
    </row>
    <row r="2240" ht="22" customHeight="true" s="1" customFormat="true" hidden="true" outlineLevel="3">
      <c r="A2240" s="6" t="s">
        <v>2592</v>
      </c>
      <c r="B2240" s="6" t="s">
        <v>103</v>
      </c>
      <c r="C2240" s="6" t="s">
        <v>127</v>
      </c>
      <c r="D2240" s="6" t="s">
        <v>11</v>
      </c>
      <c r="E2240" s="6" t="e"/>
    </row>
    <row r="2241" ht="11" customHeight="true" s="1" customFormat="true" hidden="true" outlineLevel="3">
      <c r="A2241" s="6" t="s">
        <v>2593</v>
      </c>
      <c r="B2241" s="6" t="s">
        <v>308</v>
      </c>
      <c r="C2241" s="6" t="s">
        <v>188</v>
      </c>
      <c r="D2241" s="6" t="s">
        <v>454</v>
      </c>
      <c r="E2241" s="6" t="e"/>
    </row>
    <row r="2242" ht="11" customHeight="true" s="1" customFormat="true" hidden="true" outlineLevel="3">
      <c r="A2242" s="6" t="s">
        <v>2594</v>
      </c>
      <c r="B2242" s="6" t="s">
        <v>149</v>
      </c>
      <c r="C2242" s="6" t="s">
        <v>142</v>
      </c>
      <c r="D2242" s="6" t="s">
        <v>11</v>
      </c>
      <c r="E2242" s="6" t="e"/>
    </row>
    <row r="2243" ht="11" customHeight="true" s="1" customFormat="true" hidden="true" outlineLevel="3">
      <c r="A2243" s="6" t="s">
        <v>2595</v>
      </c>
      <c r="B2243" s="6" t="s">
        <v>283</v>
      </c>
      <c r="C2243" s="6" t="s">
        <v>142</v>
      </c>
      <c r="D2243" s="6" t="s">
        <v>184</v>
      </c>
      <c r="E2243" s="6" t="e"/>
    </row>
    <row r="2244" ht="11" customHeight="true" s="1" customFormat="true" hidden="true" outlineLevel="3">
      <c r="A2244" s="6" t="s">
        <v>2596</v>
      </c>
      <c r="B2244" s="6" t="s">
        <v>110</v>
      </c>
      <c r="C2244" s="6" t="s">
        <v>72</v>
      </c>
      <c r="D2244" s="6" t="s">
        <v>453</v>
      </c>
      <c r="E2244" s="6" t="e"/>
    </row>
    <row r="2245" ht="11" customHeight="true" s="1" customFormat="true" hidden="true" outlineLevel="3">
      <c r="A2245" s="6" t="s">
        <v>2597</v>
      </c>
      <c r="B2245" s="6" t="s">
        <v>296</v>
      </c>
      <c r="C2245" s="6" t="s">
        <v>99</v>
      </c>
      <c r="D2245" s="6" t="s">
        <v>2148</v>
      </c>
      <c r="E2245" s="6" t="e"/>
    </row>
    <row r="2246" ht="11" customHeight="true" s="1" customFormat="true" hidden="true" outlineLevel="3">
      <c r="A2246" s="6" t="s">
        <v>2598</v>
      </c>
      <c r="B2246" s="6" t="s">
        <v>53</v>
      </c>
      <c r="C2246" s="6" t="s">
        <v>72</v>
      </c>
      <c r="D2246" s="6" t="s">
        <v>176</v>
      </c>
      <c r="E2246" s="6" t="e"/>
    </row>
    <row r="2247" ht="11" customHeight="true">
      <c r="A2247" s="5" t="s">
        <v>2599</v>
      </c>
      <c r="B2247" s="5" t="e"/>
      <c r="C2247" s="5" t="e"/>
      <c r="D2247" s="5" t="e"/>
      <c r="E2247" s="5" t="e"/>
    </row>
    <row r="2248" ht="11" customHeight="true" collapsed="true" outlineLevel="1">
      <c r="A2248" s="5" t="s">
        <v>2600</v>
      </c>
      <c r="B2248" s="5" t="e"/>
      <c r="C2248" s="5" t="e"/>
      <c r="D2248" s="5" t="e"/>
      <c r="E2248" s="5" t="e"/>
    </row>
    <row r="2249" ht="11" customHeight="true" s="1" customFormat="true" hidden="true" collapsed="true" outlineLevel="2">
      <c r="A2249" s="5" t="s">
        <v>2601</v>
      </c>
      <c r="B2249" s="5" t="e"/>
      <c r="C2249" s="5" t="e"/>
      <c r="D2249" s="5" t="e"/>
      <c r="E2249" s="5" t="e"/>
    </row>
    <row r="2250" ht="11" customHeight="true" s="1" customFormat="true" hidden="true" collapsed="true" outlineLevel="3">
      <c r="A2250" s="6" t="s">
        <v>2602</v>
      </c>
      <c r="B2250" s="6" t="s">
        <v>219</v>
      </c>
      <c r="C2250" s="6" t="s">
        <v>55</v>
      </c>
      <c r="D2250" s="6" t="s">
        <v>11</v>
      </c>
      <c r="E2250" s="6" t="e"/>
    </row>
    <row r="2251" ht="11" customHeight="true" s="1" customFormat="true" hidden="true" collapsed="true" outlineLevel="2">
      <c r="A2251" s="5" t="s">
        <v>2603</v>
      </c>
      <c r="B2251" s="5" t="e"/>
      <c r="C2251" s="5" t="e"/>
      <c r="D2251" s="5" t="e"/>
      <c r="E2251" s="5" t="e"/>
    </row>
    <row r="2252" ht="56" customHeight="true" s="1" customFormat="true" hidden="true" outlineLevel="3">
      <c r="A2252" s="6" t="s">
        <v>2604</v>
      </c>
      <c r="B2252" s="6" t="s">
        <v>61</v>
      </c>
      <c r="C2252" s="6" t="s">
        <v>253</v>
      </c>
      <c r="D2252" s="6" t="s">
        <v>26</v>
      </c>
      <c r="E2252" s="6" t="e"/>
    </row>
    <row r="2253" ht="33" customHeight="true" s="1" customFormat="true" hidden="true" collapsed="true" outlineLevel="3">
      <c r="A2253" s="6" t="s">
        <v>2605</v>
      </c>
      <c r="B2253" s="6" t="s">
        <v>371</v>
      </c>
      <c r="C2253" s="6" t="s">
        <v>428</v>
      </c>
      <c r="D2253" s="6" t="s">
        <v>11</v>
      </c>
      <c r="E2253" s="6" t="e"/>
    </row>
    <row r="2254" ht="11" customHeight="true" s="1" customFormat="true" hidden="true" collapsed="true" outlineLevel="2">
      <c r="A2254" s="5" t="s">
        <v>2606</v>
      </c>
      <c r="B2254" s="5" t="e"/>
      <c r="C2254" s="5" t="e"/>
      <c r="D2254" s="5" t="e"/>
      <c r="E2254" s="5" t="e"/>
    </row>
    <row r="2255" ht="33" customHeight="true" s="1" customFormat="true" hidden="true" outlineLevel="3">
      <c r="A2255" s="6" t="s">
        <v>2607</v>
      </c>
      <c r="B2255" s="6" t="s">
        <v>47</v>
      </c>
      <c r="C2255" s="6" t="s">
        <v>2608</v>
      </c>
      <c r="D2255" s="6" t="s">
        <v>11</v>
      </c>
      <c r="E2255" s="6" t="e"/>
    </row>
    <row r="2256" ht="22" customHeight="true" s="1" customFormat="true" hidden="true" outlineLevel="3">
      <c r="A2256" s="6" t="s">
        <v>2609</v>
      </c>
      <c r="B2256" s="6" t="s">
        <v>2610</v>
      </c>
      <c r="C2256" s="6" t="s">
        <v>421</v>
      </c>
      <c r="D2256" s="6" t="s">
        <v>11</v>
      </c>
      <c r="E2256" s="6" t="e"/>
    </row>
    <row r="2257" ht="33" customHeight="true" s="1" customFormat="true" hidden="true" outlineLevel="3">
      <c r="A2257" s="6" t="s">
        <v>2611</v>
      </c>
      <c r="B2257" s="6" t="s">
        <v>289</v>
      </c>
      <c r="C2257" s="6" t="s">
        <v>290</v>
      </c>
      <c r="D2257" s="6" t="s">
        <v>26</v>
      </c>
      <c r="E2257" s="6" t="e"/>
    </row>
    <row r="2258" ht="22" customHeight="true" s="1" customFormat="true" hidden="true" outlineLevel="3">
      <c r="A2258" s="6" t="s">
        <v>2612</v>
      </c>
      <c r="B2258" s="6" t="s">
        <v>235</v>
      </c>
      <c r="C2258" s="6" t="s">
        <v>325</v>
      </c>
      <c r="D2258" s="6" t="s">
        <v>11</v>
      </c>
      <c r="E2258" s="6" t="e"/>
    </row>
    <row r="2259" ht="22" customHeight="true" s="1" customFormat="true" hidden="true" outlineLevel="3">
      <c r="A2259" s="6" t="s">
        <v>2613</v>
      </c>
      <c r="B2259" s="6" t="s">
        <v>235</v>
      </c>
      <c r="C2259" s="6" t="s">
        <v>325</v>
      </c>
      <c r="D2259" s="6" t="s">
        <v>11</v>
      </c>
      <c r="E2259" s="6" t="e"/>
    </row>
    <row r="2260" ht="22" customHeight="true" s="1" customFormat="true" hidden="true" outlineLevel="3">
      <c r="A2260" s="6" t="s">
        <v>2614</v>
      </c>
      <c r="B2260" s="6" t="s">
        <v>1214</v>
      </c>
      <c r="C2260" s="6" t="s">
        <v>325</v>
      </c>
      <c r="D2260" s="6" t="s">
        <v>26</v>
      </c>
      <c r="E2260" s="6" t="e"/>
    </row>
    <row r="2261" ht="22" customHeight="true" s="1" customFormat="true" hidden="true" outlineLevel="3">
      <c r="A2261" s="6" t="s">
        <v>2615</v>
      </c>
      <c r="B2261" s="6" t="s">
        <v>47</v>
      </c>
      <c r="C2261" s="6" t="s">
        <v>279</v>
      </c>
      <c r="D2261" s="6" t="s">
        <v>11</v>
      </c>
      <c r="E2261" s="6" t="e"/>
    </row>
    <row r="2262" ht="22" customHeight="true" s="1" customFormat="true" hidden="true" outlineLevel="3">
      <c r="A2262" s="6" t="s">
        <v>2616</v>
      </c>
      <c r="B2262" s="6" t="s">
        <v>78</v>
      </c>
      <c r="C2262" s="6" t="s">
        <v>421</v>
      </c>
      <c r="D2262" s="6" t="s">
        <v>11</v>
      </c>
      <c r="E2262" s="6" t="e"/>
    </row>
    <row r="2263" ht="22" customHeight="true" s="1" customFormat="true" hidden="true" outlineLevel="3">
      <c r="A2263" s="6" t="s">
        <v>2617</v>
      </c>
      <c r="B2263" s="6" t="s">
        <v>83</v>
      </c>
      <c r="C2263" s="6" t="s">
        <v>14</v>
      </c>
      <c r="D2263" s="6" t="s">
        <v>11</v>
      </c>
      <c r="E2263" s="6" t="e"/>
    </row>
    <row r="2264" ht="22" customHeight="true" s="1" customFormat="true" hidden="true" outlineLevel="3">
      <c r="A2264" s="6" t="s">
        <v>2618</v>
      </c>
      <c r="B2264" s="6" t="s">
        <v>428</v>
      </c>
      <c r="C2264" s="6" t="s">
        <v>13</v>
      </c>
      <c r="D2264" s="6" t="s">
        <v>11</v>
      </c>
      <c r="E2264" s="6" t="e"/>
    </row>
    <row r="2265" ht="22" customHeight="true" s="1" customFormat="true" hidden="true" outlineLevel="3">
      <c r="A2265" s="6" t="s">
        <v>2619</v>
      </c>
      <c r="B2265" s="6" t="s">
        <v>73</v>
      </c>
      <c r="C2265" s="6" t="s">
        <v>83</v>
      </c>
      <c r="D2265" s="6" t="s">
        <v>11</v>
      </c>
      <c r="E2265" s="6" t="e"/>
    </row>
    <row r="2266" ht="22" customHeight="true" s="1" customFormat="true" hidden="true" outlineLevel="3">
      <c r="A2266" s="6" t="s">
        <v>2620</v>
      </c>
      <c r="B2266" s="6" t="s">
        <v>430</v>
      </c>
      <c r="C2266" s="6" t="s">
        <v>1694</v>
      </c>
      <c r="D2266" s="6" t="s">
        <v>11</v>
      </c>
      <c r="E2266" s="6" t="e"/>
    </row>
    <row r="2267" ht="22" customHeight="true" s="1" customFormat="true" hidden="true" collapsed="true" outlineLevel="3">
      <c r="A2267" s="6" t="s">
        <v>2621</v>
      </c>
      <c r="B2267" s="6" t="s">
        <v>72</v>
      </c>
      <c r="C2267" s="6" t="s">
        <v>73</v>
      </c>
      <c r="D2267" s="6" t="s">
        <v>11</v>
      </c>
      <c r="E2267" s="6" t="e"/>
    </row>
    <row r="2268" ht="11" customHeight="true" s="1" customFormat="true" hidden="true" collapsed="true" outlineLevel="2">
      <c r="A2268" s="5" t="s">
        <v>2622</v>
      </c>
      <c r="B2268" s="5" t="e"/>
      <c r="C2268" s="5" t="e"/>
      <c r="D2268" s="5" t="e"/>
      <c r="E2268" s="5" t="e"/>
    </row>
    <row r="2269" ht="33" customHeight="true" s="1" customFormat="true" hidden="true" collapsed="true" outlineLevel="3">
      <c r="A2269" s="6" t="s">
        <v>2623</v>
      </c>
      <c r="B2269" s="6" t="s">
        <v>72</v>
      </c>
      <c r="C2269" s="6" t="s">
        <v>292</v>
      </c>
      <c r="D2269" s="6" t="s">
        <v>11</v>
      </c>
      <c r="E2269" s="6" t="e"/>
    </row>
    <row r="2270" ht="11" customHeight="true" s="1" customFormat="true" hidden="true" collapsed="true" outlineLevel="2">
      <c r="A2270" s="5" t="s">
        <v>2624</v>
      </c>
      <c r="B2270" s="5" t="e"/>
      <c r="C2270" s="5" t="e"/>
      <c r="D2270" s="5" t="e"/>
      <c r="E2270" s="5" t="e"/>
    </row>
    <row r="2271" ht="22" customHeight="true" s="1" customFormat="true" hidden="true" outlineLevel="3">
      <c r="A2271" s="6" t="s">
        <v>2625</v>
      </c>
      <c r="B2271" s="6" t="s">
        <v>127</v>
      </c>
      <c r="C2271" s="6" t="s">
        <v>253</v>
      </c>
      <c r="D2271" s="6" t="s">
        <v>11</v>
      </c>
      <c r="E2271" s="6" t="e"/>
    </row>
    <row r="2272" ht="22" customHeight="true" s="1" customFormat="true" hidden="true" outlineLevel="3">
      <c r="A2272" s="6" t="s">
        <v>2626</v>
      </c>
      <c r="B2272" s="6" t="s">
        <v>341</v>
      </c>
      <c r="C2272" s="6" t="s">
        <v>66</v>
      </c>
      <c r="D2272" s="6" t="s">
        <v>11</v>
      </c>
      <c r="E2272" s="6" t="e"/>
    </row>
    <row r="2273" ht="22" customHeight="true" s="1" customFormat="true" hidden="true" collapsed="true" outlineLevel="3">
      <c r="A2273" s="6" t="s">
        <v>2627</v>
      </c>
      <c r="B2273" s="6" t="s">
        <v>127</v>
      </c>
      <c r="C2273" s="6" t="s">
        <v>253</v>
      </c>
      <c r="D2273" s="6" t="s">
        <v>11</v>
      </c>
      <c r="E2273" s="6" t="e"/>
    </row>
    <row r="2274" ht="11" customHeight="true" s="1" customFormat="true" hidden="true" collapsed="true" outlineLevel="2">
      <c r="A2274" s="5" t="s">
        <v>2628</v>
      </c>
      <c r="B2274" s="5" t="e"/>
      <c r="C2274" s="5" t="e"/>
      <c r="D2274" s="5" t="e"/>
      <c r="E2274" s="5" t="e"/>
    </row>
    <row r="2275" ht="44" customHeight="true" s="1" customFormat="true" hidden="true" outlineLevel="3">
      <c r="A2275" s="6" t="s">
        <v>2629</v>
      </c>
      <c r="B2275" s="6" t="s">
        <v>219</v>
      </c>
      <c r="C2275" s="6" t="s">
        <v>55</v>
      </c>
      <c r="D2275" s="6" t="s">
        <v>11</v>
      </c>
      <c r="E2275" s="6" t="e"/>
    </row>
    <row r="2276" ht="11" customHeight="true" s="1" customFormat="true" hidden="true" collapsed="true" outlineLevel="3">
      <c r="A2276" s="6" t="s">
        <v>2630</v>
      </c>
      <c r="B2276" s="6" t="e"/>
      <c r="C2276" s="6" t="s">
        <v>55</v>
      </c>
      <c r="D2276" s="6" t="s">
        <v>11</v>
      </c>
      <c r="E2276" s="6" t="e"/>
    </row>
    <row r="2277" ht="11" customHeight="true" s="1" customFormat="true" hidden="true" collapsed="true" outlineLevel="2">
      <c r="A2277" s="5" t="s">
        <v>2631</v>
      </c>
      <c r="B2277" s="5" t="e"/>
      <c r="C2277" s="5" t="e"/>
      <c r="D2277" s="5" t="e"/>
      <c r="E2277" s="5" t="e"/>
    </row>
    <row r="2278" ht="22" customHeight="true" s="1" customFormat="true" hidden="true" outlineLevel="3">
      <c r="A2278" s="6" t="s">
        <v>2632</v>
      </c>
      <c r="B2278" s="6" t="s">
        <v>230</v>
      </c>
      <c r="C2278" s="6" t="s">
        <v>428</v>
      </c>
      <c r="D2278" s="6" t="s">
        <v>11</v>
      </c>
      <c r="E2278" s="6" t="e"/>
    </row>
    <row r="2279" ht="33" customHeight="true" s="1" customFormat="true" hidden="true" outlineLevel="3">
      <c r="A2279" s="6" t="s">
        <v>2633</v>
      </c>
      <c r="B2279" s="6" t="s">
        <v>61</v>
      </c>
      <c r="C2279" s="6" t="s">
        <v>66</v>
      </c>
      <c r="D2279" s="6" t="s">
        <v>11</v>
      </c>
      <c r="E2279" s="6" t="e"/>
    </row>
    <row r="2280" ht="33" customHeight="true" s="1" customFormat="true" hidden="true" outlineLevel="3">
      <c r="A2280" s="6" t="s">
        <v>2634</v>
      </c>
      <c r="B2280" s="6" t="s">
        <v>72</v>
      </c>
      <c r="C2280" s="6" t="s">
        <v>292</v>
      </c>
      <c r="D2280" s="6" t="s">
        <v>11</v>
      </c>
      <c r="E2280" s="6" t="e"/>
    </row>
    <row r="2281" ht="33" customHeight="true" s="1" customFormat="true" hidden="true" outlineLevel="3">
      <c r="A2281" s="6" t="s">
        <v>2635</v>
      </c>
      <c r="B2281" s="6" t="e"/>
      <c r="C2281" s="6" t="s">
        <v>66</v>
      </c>
      <c r="D2281" s="6" t="s">
        <v>11</v>
      </c>
      <c r="E2281" s="6" t="e"/>
    </row>
    <row r="2282" ht="44" customHeight="true" s="1" customFormat="true" hidden="true" outlineLevel="3">
      <c r="A2282" s="6" t="s">
        <v>2636</v>
      </c>
      <c r="B2282" s="6" t="s">
        <v>50</v>
      </c>
      <c r="C2282" s="6" t="s">
        <v>55</v>
      </c>
      <c r="D2282" s="6" t="s">
        <v>11</v>
      </c>
      <c r="E2282" s="6" t="e"/>
    </row>
    <row r="2283" ht="33" customHeight="true" s="1" customFormat="true" hidden="true" outlineLevel="3">
      <c r="A2283" s="6" t="s">
        <v>2637</v>
      </c>
      <c r="B2283" s="6" t="s">
        <v>50</v>
      </c>
      <c r="C2283" s="6" t="s">
        <v>66</v>
      </c>
      <c r="D2283" s="6" t="s">
        <v>11</v>
      </c>
      <c r="E2283" s="6" t="e"/>
    </row>
    <row r="2284" ht="22" customHeight="true" s="1" customFormat="true" hidden="true" outlineLevel="3">
      <c r="A2284" s="6" t="s">
        <v>2638</v>
      </c>
      <c r="B2284" s="6" t="e"/>
      <c r="C2284" s="6" t="s">
        <v>55</v>
      </c>
      <c r="D2284" s="6" t="s">
        <v>26</v>
      </c>
      <c r="E2284" s="6" t="e"/>
    </row>
    <row r="2285" ht="33" customHeight="true" s="1" customFormat="true" hidden="true" outlineLevel="3">
      <c r="A2285" s="6" t="s">
        <v>2639</v>
      </c>
      <c r="B2285" s="6" t="s">
        <v>2640</v>
      </c>
      <c r="C2285" s="6" t="s">
        <v>62</v>
      </c>
      <c r="D2285" s="6" t="s">
        <v>11</v>
      </c>
      <c r="E2285" s="6" t="e"/>
    </row>
    <row r="2286" ht="22" customHeight="true" s="1" customFormat="true" hidden="true" outlineLevel="3">
      <c r="A2286" s="6" t="s">
        <v>2641</v>
      </c>
      <c r="B2286" s="6" t="e"/>
      <c r="C2286" s="6" t="s">
        <v>55</v>
      </c>
      <c r="D2286" s="6" t="s">
        <v>11</v>
      </c>
      <c r="E2286" s="6" t="e"/>
    </row>
    <row r="2287" ht="33" customHeight="true" s="1" customFormat="true" hidden="true" outlineLevel="3">
      <c r="A2287" s="6" t="s">
        <v>2642</v>
      </c>
      <c r="B2287" s="6" t="s">
        <v>2643</v>
      </c>
      <c r="C2287" s="6" t="s">
        <v>253</v>
      </c>
      <c r="D2287" s="6" t="s">
        <v>11</v>
      </c>
      <c r="E2287" s="6" t="e"/>
    </row>
    <row r="2288" ht="33" customHeight="true" s="1" customFormat="true" hidden="true" outlineLevel="3">
      <c r="A2288" s="6" t="s">
        <v>2644</v>
      </c>
      <c r="B2288" s="6" t="s">
        <v>978</v>
      </c>
      <c r="C2288" s="6" t="s">
        <v>379</v>
      </c>
      <c r="D2288" s="6" t="s">
        <v>11</v>
      </c>
      <c r="E2288" s="6" t="e"/>
    </row>
    <row r="2289" ht="33" customHeight="true" s="1" customFormat="true" hidden="true" outlineLevel="3">
      <c r="A2289" s="6" t="s">
        <v>2645</v>
      </c>
      <c r="B2289" s="6" t="e"/>
      <c r="C2289" s="6" t="s">
        <v>55</v>
      </c>
      <c r="D2289" s="6" t="s">
        <v>11</v>
      </c>
      <c r="E2289" s="6" t="e"/>
    </row>
    <row r="2290" ht="33" customHeight="true" s="1" customFormat="true" hidden="true" outlineLevel="3">
      <c r="A2290" s="6" t="s">
        <v>2646</v>
      </c>
      <c r="B2290" s="6" t="e"/>
      <c r="C2290" s="6" t="s">
        <v>55</v>
      </c>
      <c r="D2290" s="6" t="s">
        <v>26</v>
      </c>
      <c r="E2290" s="6" t="e"/>
    </row>
    <row r="2291" ht="22" customHeight="true" s="1" customFormat="true" hidden="true" outlineLevel="3">
      <c r="A2291" s="6" t="s">
        <v>2647</v>
      </c>
      <c r="B2291" s="6" t="e"/>
      <c r="C2291" s="6" t="s">
        <v>66</v>
      </c>
      <c r="D2291" s="6" t="s">
        <v>40</v>
      </c>
      <c r="E2291" s="6" t="e"/>
    </row>
    <row r="2292" ht="33" customHeight="true" s="1" customFormat="true" hidden="true" outlineLevel="3">
      <c r="A2292" s="6" t="s">
        <v>2648</v>
      </c>
      <c r="B2292" s="6" t="e"/>
      <c r="C2292" s="6" t="s">
        <v>66</v>
      </c>
      <c r="D2292" s="6" t="s">
        <v>26</v>
      </c>
      <c r="E2292" s="6" t="e"/>
    </row>
    <row r="2293" ht="22" customHeight="true" s="1" customFormat="true" hidden="true" outlineLevel="3">
      <c r="A2293" s="6" t="s">
        <v>2649</v>
      </c>
      <c r="B2293" s="6" t="e"/>
      <c r="C2293" s="6" t="s">
        <v>55</v>
      </c>
      <c r="D2293" s="6" t="s">
        <v>11</v>
      </c>
      <c r="E2293" s="6" t="e"/>
    </row>
    <row r="2294" ht="22" customHeight="true" s="1" customFormat="true" hidden="true" outlineLevel="3">
      <c r="A2294" s="6" t="s">
        <v>2650</v>
      </c>
      <c r="B2294" s="6" t="s">
        <v>219</v>
      </c>
      <c r="C2294" s="6" t="s">
        <v>55</v>
      </c>
      <c r="D2294" s="6" t="s">
        <v>11</v>
      </c>
      <c r="E2294" s="6" t="e"/>
    </row>
    <row r="2295" ht="33" customHeight="true" s="1" customFormat="true" hidden="true" outlineLevel="3">
      <c r="A2295" s="6" t="s">
        <v>2651</v>
      </c>
      <c r="B2295" s="6" t="s">
        <v>142</v>
      </c>
      <c r="C2295" s="6" t="s">
        <v>55</v>
      </c>
      <c r="D2295" s="6" t="s">
        <v>26</v>
      </c>
      <c r="E2295" s="6" t="e"/>
    </row>
    <row r="2296" ht="44" customHeight="true" s="1" customFormat="true" hidden="true" outlineLevel="3">
      <c r="A2296" s="6" t="s">
        <v>2652</v>
      </c>
      <c r="B2296" s="6" t="s">
        <v>127</v>
      </c>
      <c r="C2296" s="6" t="s">
        <v>66</v>
      </c>
      <c r="D2296" s="6" t="s">
        <v>11</v>
      </c>
      <c r="E2296" s="6" t="e"/>
    </row>
    <row r="2297" ht="22" customHeight="true" s="1" customFormat="true" hidden="true" outlineLevel="3">
      <c r="A2297" s="6" t="s">
        <v>2653</v>
      </c>
      <c r="B2297" s="6" t="s">
        <v>350</v>
      </c>
      <c r="C2297" s="6" t="s">
        <v>66</v>
      </c>
      <c r="D2297" s="6" t="s">
        <v>11</v>
      </c>
      <c r="E2297" s="6" t="e"/>
    </row>
    <row r="2298" ht="22" customHeight="true" s="1" customFormat="true" hidden="true" outlineLevel="3">
      <c r="A2298" s="6" t="s">
        <v>2654</v>
      </c>
      <c r="B2298" s="6" t="s">
        <v>1438</v>
      </c>
      <c r="C2298" s="6" t="s">
        <v>66</v>
      </c>
      <c r="D2298" s="6" t="s">
        <v>11</v>
      </c>
      <c r="E2298" s="6" t="e"/>
    </row>
    <row r="2299" ht="33" customHeight="true" s="1" customFormat="true" hidden="true" outlineLevel="3">
      <c r="A2299" s="6" t="s">
        <v>2655</v>
      </c>
      <c r="B2299" s="6" t="s">
        <v>350</v>
      </c>
      <c r="C2299" s="6" t="s">
        <v>55</v>
      </c>
      <c r="D2299" s="6" t="s">
        <v>11</v>
      </c>
      <c r="E2299" s="6" t="e"/>
    </row>
    <row r="2300" ht="22" customHeight="true" s="1" customFormat="true" hidden="true" outlineLevel="3">
      <c r="A2300" s="6" t="s">
        <v>2656</v>
      </c>
      <c r="B2300" s="6" t="s">
        <v>350</v>
      </c>
      <c r="C2300" s="6" t="s">
        <v>55</v>
      </c>
      <c r="D2300" s="6" t="s">
        <v>11</v>
      </c>
      <c r="E2300" s="6" t="e"/>
    </row>
    <row r="2301" ht="22" customHeight="true" s="1" customFormat="true" hidden="true" collapsed="true" outlineLevel="3">
      <c r="A2301" s="6" t="s">
        <v>2657</v>
      </c>
      <c r="B2301" s="6" t="s">
        <v>50</v>
      </c>
      <c r="C2301" s="6" t="s">
        <v>66</v>
      </c>
      <c r="D2301" s="6" t="s">
        <v>11</v>
      </c>
      <c r="E2301" s="6" t="e"/>
    </row>
    <row r="2302" ht="11" customHeight="true" s="1" customFormat="true" hidden="true" collapsed="true" outlineLevel="2">
      <c r="A2302" s="5" t="s">
        <v>2658</v>
      </c>
      <c r="B2302" s="5" t="e"/>
      <c r="C2302" s="5" t="e"/>
      <c r="D2302" s="5" t="e"/>
      <c r="E2302" s="5" t="e"/>
    </row>
    <row r="2303" ht="11" customHeight="true" s="1" customFormat="true" hidden="true" collapsed="true" outlineLevel="3">
      <c r="A2303" s="6" t="s">
        <v>2659</v>
      </c>
      <c r="B2303" s="6" t="s">
        <v>219</v>
      </c>
      <c r="C2303" s="6" t="s">
        <v>55</v>
      </c>
      <c r="D2303" s="6" t="s">
        <v>11</v>
      </c>
      <c r="E2303" s="6" t="e"/>
    </row>
    <row r="2304" ht="11" customHeight="true" s="1" customFormat="true" hidden="true" collapsed="true" outlineLevel="2">
      <c r="A2304" s="5" t="s">
        <v>2660</v>
      </c>
      <c r="B2304" s="5" t="e"/>
      <c r="C2304" s="5" t="e"/>
      <c r="D2304" s="5" t="e"/>
      <c r="E2304" s="5" t="e"/>
    </row>
    <row r="2305" ht="22" customHeight="true" s="1" customFormat="true" hidden="true" outlineLevel="3">
      <c r="A2305" s="6" t="s">
        <v>2661</v>
      </c>
      <c r="B2305" s="6" t="s">
        <v>114</v>
      </c>
      <c r="C2305" s="6" t="s">
        <v>55</v>
      </c>
      <c r="D2305" s="6" t="s">
        <v>26</v>
      </c>
      <c r="E2305" s="6" t="e"/>
    </row>
    <row r="2306" ht="22" customHeight="true" s="1" customFormat="true" hidden="true" outlineLevel="3">
      <c r="A2306" s="6" t="s">
        <v>2662</v>
      </c>
      <c r="B2306" s="6" t="s">
        <v>114</v>
      </c>
      <c r="C2306" s="6" t="s">
        <v>55</v>
      </c>
      <c r="D2306" s="6" t="s">
        <v>26</v>
      </c>
      <c r="E2306" s="6" t="e"/>
    </row>
    <row r="2307" ht="22" customHeight="true" s="1" customFormat="true" hidden="true" outlineLevel="3">
      <c r="A2307" s="6" t="s">
        <v>2663</v>
      </c>
      <c r="B2307" s="6" t="s">
        <v>114</v>
      </c>
      <c r="C2307" s="6" t="s">
        <v>55</v>
      </c>
      <c r="D2307" s="6" t="s">
        <v>11</v>
      </c>
      <c r="E2307" s="6" t="e"/>
    </row>
    <row r="2308" ht="22" customHeight="true" s="1" customFormat="true" hidden="true" outlineLevel="3">
      <c r="A2308" s="6" t="s">
        <v>2664</v>
      </c>
      <c r="B2308" s="6" t="s">
        <v>371</v>
      </c>
      <c r="C2308" s="6" t="s">
        <v>292</v>
      </c>
      <c r="D2308" s="6" t="s">
        <v>11</v>
      </c>
      <c r="E2308" s="6" t="e"/>
    </row>
    <row r="2309" ht="44" customHeight="true" s="1" customFormat="true" hidden="true" outlineLevel="3">
      <c r="A2309" s="6" t="s">
        <v>2665</v>
      </c>
      <c r="B2309" s="6" t="s">
        <v>72</v>
      </c>
      <c r="C2309" s="6" t="s">
        <v>62</v>
      </c>
      <c r="D2309" s="6" t="s">
        <v>11</v>
      </c>
      <c r="E2309" s="6" t="e"/>
    </row>
    <row r="2310" ht="22" customHeight="true" s="1" customFormat="true" hidden="true" outlineLevel="3">
      <c r="A2310" s="6" t="s">
        <v>2666</v>
      </c>
      <c r="B2310" s="6" t="e"/>
      <c r="C2310" s="6" t="s">
        <v>62</v>
      </c>
      <c r="D2310" s="6" t="s">
        <v>11</v>
      </c>
      <c r="E2310" s="6" t="e"/>
    </row>
    <row r="2311" ht="44" customHeight="true" s="1" customFormat="true" hidden="true" outlineLevel="3">
      <c r="A2311" s="6" t="s">
        <v>2667</v>
      </c>
      <c r="B2311" s="6" t="e"/>
      <c r="C2311" s="6" t="s">
        <v>87</v>
      </c>
      <c r="D2311" s="6" t="s">
        <v>11</v>
      </c>
      <c r="E2311" s="6" t="e"/>
    </row>
    <row r="2312" ht="22" customHeight="true" s="1" customFormat="true" hidden="true" outlineLevel="3">
      <c r="A2312" s="6" t="s">
        <v>2668</v>
      </c>
      <c r="B2312" s="6" t="s">
        <v>72</v>
      </c>
      <c r="C2312" s="6" t="s">
        <v>292</v>
      </c>
      <c r="D2312" s="6" t="s">
        <v>11</v>
      </c>
      <c r="E2312" s="6" t="e"/>
    </row>
    <row r="2313" ht="22" customHeight="true" s="1" customFormat="true" hidden="true" outlineLevel="3">
      <c r="A2313" s="6" t="s">
        <v>2669</v>
      </c>
      <c r="B2313" s="6" t="s">
        <v>114</v>
      </c>
      <c r="C2313" s="6" t="s">
        <v>55</v>
      </c>
      <c r="D2313" s="6" t="s">
        <v>11</v>
      </c>
      <c r="E2313" s="6" t="e"/>
    </row>
    <row r="2314" ht="44" customHeight="true" s="1" customFormat="true" hidden="true" outlineLevel="3">
      <c r="A2314" s="6" t="s">
        <v>2670</v>
      </c>
      <c r="B2314" s="6" t="s">
        <v>114</v>
      </c>
      <c r="C2314" s="6" t="s">
        <v>55</v>
      </c>
      <c r="D2314" s="6" t="s">
        <v>11</v>
      </c>
      <c r="E2314" s="6" t="e"/>
    </row>
    <row r="2315" ht="56" customHeight="true" s="1" customFormat="true" hidden="true" collapsed="true" outlineLevel="3">
      <c r="A2315" s="6" t="s">
        <v>2671</v>
      </c>
      <c r="B2315" s="6" t="s">
        <v>114</v>
      </c>
      <c r="C2315" s="6" t="s">
        <v>55</v>
      </c>
      <c r="D2315" s="6" t="s">
        <v>26</v>
      </c>
      <c r="E2315" s="6" t="e"/>
    </row>
    <row r="2316" ht="11" customHeight="true" s="1" customFormat="true" hidden="true" collapsed="true" outlineLevel="2">
      <c r="A2316" s="5" t="s">
        <v>2672</v>
      </c>
      <c r="B2316" s="5" t="e"/>
      <c r="C2316" s="5" t="e"/>
      <c r="D2316" s="5" t="e"/>
      <c r="E2316" s="5" t="e"/>
    </row>
    <row r="2317" ht="56" customHeight="true" s="1" customFormat="true" hidden="true" outlineLevel="3">
      <c r="A2317" s="6" t="s">
        <v>2673</v>
      </c>
      <c r="B2317" s="6" t="s">
        <v>391</v>
      </c>
      <c r="C2317" s="6" t="s">
        <v>2674</v>
      </c>
      <c r="D2317" s="6" t="s">
        <v>11</v>
      </c>
      <c r="E2317" s="6" t="e"/>
    </row>
    <row r="2318" ht="56" customHeight="true" s="1" customFormat="true" hidden="true" outlineLevel="3">
      <c r="A2318" s="6" t="s">
        <v>2675</v>
      </c>
      <c r="B2318" s="6" t="s">
        <v>51</v>
      </c>
      <c r="C2318" s="6" t="s">
        <v>13</v>
      </c>
      <c r="D2318" s="6" t="s">
        <v>11</v>
      </c>
      <c r="E2318" s="6" t="e"/>
    </row>
    <row r="2319" ht="33" customHeight="true" s="1" customFormat="true" hidden="true" outlineLevel="3">
      <c r="A2319" s="6" t="s">
        <v>2676</v>
      </c>
      <c r="B2319" s="6" t="s">
        <v>21</v>
      </c>
      <c r="C2319" s="6" t="s">
        <v>80</v>
      </c>
      <c r="D2319" s="6" t="s">
        <v>11</v>
      </c>
      <c r="E2319" s="6" t="e"/>
    </row>
    <row r="2320" ht="33" customHeight="true" s="1" customFormat="true" hidden="true" outlineLevel="3">
      <c r="A2320" s="6" t="s">
        <v>2677</v>
      </c>
      <c r="B2320" s="6" t="s">
        <v>230</v>
      </c>
      <c r="C2320" s="6" t="s">
        <v>2678</v>
      </c>
      <c r="D2320" s="6" t="s">
        <v>11</v>
      </c>
      <c r="E2320" s="6" t="e"/>
    </row>
    <row r="2321" ht="33" customHeight="true" s="1" customFormat="true" hidden="true" outlineLevel="3">
      <c r="A2321" s="6" t="s">
        <v>2679</v>
      </c>
      <c r="B2321" s="6" t="s">
        <v>78</v>
      </c>
      <c r="C2321" s="6" t="s">
        <v>47</v>
      </c>
      <c r="D2321" s="6" t="s">
        <v>11</v>
      </c>
      <c r="E2321" s="6" t="e"/>
    </row>
    <row r="2322" ht="33" customHeight="true" s="1" customFormat="true" hidden="true" outlineLevel="3">
      <c r="A2322" s="6" t="s">
        <v>2680</v>
      </c>
      <c r="B2322" s="6" t="s">
        <v>62</v>
      </c>
      <c r="C2322" s="6" t="s">
        <v>290</v>
      </c>
      <c r="D2322" s="6" t="s">
        <v>11</v>
      </c>
      <c r="E2322" s="6" t="e"/>
    </row>
    <row r="2323" ht="44" customHeight="true" s="1" customFormat="true" hidden="true" outlineLevel="3">
      <c r="A2323" s="6" t="s">
        <v>2681</v>
      </c>
      <c r="B2323" s="6" t="s">
        <v>1181</v>
      </c>
      <c r="C2323" s="6" t="s">
        <v>325</v>
      </c>
      <c r="D2323" s="6" t="s">
        <v>11</v>
      </c>
      <c r="E2323" s="6" t="e"/>
    </row>
    <row r="2324" ht="22" customHeight="true" s="1" customFormat="true" hidden="true" outlineLevel="3">
      <c r="A2324" s="6" t="s">
        <v>2682</v>
      </c>
      <c r="B2324" s="6" t="s">
        <v>230</v>
      </c>
      <c r="C2324" s="6" t="s">
        <v>2683</v>
      </c>
      <c r="D2324" s="6" t="s">
        <v>11</v>
      </c>
      <c r="E2324" s="6" t="e"/>
    </row>
    <row r="2325" ht="56" customHeight="true" s="1" customFormat="true" hidden="true" outlineLevel="3">
      <c r="A2325" s="6" t="s">
        <v>2684</v>
      </c>
      <c r="B2325" s="6" t="s">
        <v>235</v>
      </c>
      <c r="C2325" s="6" t="s">
        <v>13</v>
      </c>
      <c r="D2325" s="6" t="s">
        <v>11</v>
      </c>
      <c r="E2325" s="6" t="e"/>
    </row>
    <row r="2326" ht="44" customHeight="true" s="1" customFormat="true" hidden="true" outlineLevel="3">
      <c r="A2326" s="6" t="s">
        <v>2685</v>
      </c>
      <c r="B2326" s="6" t="s">
        <v>73</v>
      </c>
      <c r="C2326" s="6" t="s">
        <v>83</v>
      </c>
      <c r="D2326" s="6" t="s">
        <v>11</v>
      </c>
      <c r="E2326" s="6" t="e"/>
    </row>
    <row r="2327" ht="33" customHeight="true" s="1" customFormat="true" hidden="true" outlineLevel="3">
      <c r="A2327" s="6" t="s">
        <v>2686</v>
      </c>
      <c r="B2327" s="6" t="s">
        <v>73</v>
      </c>
      <c r="C2327" s="6" t="s">
        <v>2687</v>
      </c>
      <c r="D2327" s="6" t="s">
        <v>26</v>
      </c>
      <c r="E2327" s="6" t="e"/>
    </row>
    <row r="2328" ht="33" customHeight="true" s="1" customFormat="true" hidden="true" outlineLevel="3">
      <c r="A2328" s="6" t="s">
        <v>2688</v>
      </c>
      <c r="B2328" s="6" t="s">
        <v>379</v>
      </c>
      <c r="C2328" s="6" t="s">
        <v>78</v>
      </c>
      <c r="D2328" s="6" t="s">
        <v>11</v>
      </c>
      <c r="E2328" s="6" t="e"/>
    </row>
    <row r="2329" ht="44" customHeight="true" s="1" customFormat="true" hidden="true" outlineLevel="3">
      <c r="A2329" s="6" t="s">
        <v>2689</v>
      </c>
      <c r="B2329" s="6" t="s">
        <v>77</v>
      </c>
      <c r="C2329" s="6" t="s">
        <v>2690</v>
      </c>
      <c r="D2329" s="6" t="s">
        <v>11</v>
      </c>
      <c r="E2329" s="6" t="e"/>
    </row>
    <row r="2330" ht="44" customHeight="true" s="1" customFormat="true" hidden="true" collapsed="true" outlineLevel="3">
      <c r="A2330" s="6" t="s">
        <v>2691</v>
      </c>
      <c r="B2330" s="6" t="s">
        <v>73</v>
      </c>
      <c r="C2330" s="6" t="s">
        <v>80</v>
      </c>
      <c r="D2330" s="6" t="s">
        <v>11</v>
      </c>
      <c r="E2330" s="6" t="e"/>
    </row>
    <row r="2331" ht="11" customHeight="true" s="1" customFormat="true" hidden="true" collapsed="true" outlineLevel="2">
      <c r="A2331" s="5" t="s">
        <v>2692</v>
      </c>
      <c r="B2331" s="5" t="e"/>
      <c r="C2331" s="5" t="e"/>
      <c r="D2331" s="5" t="e"/>
      <c r="E2331" s="5" t="e"/>
    </row>
    <row r="2332" ht="44" customHeight="true" s="1" customFormat="true" hidden="true" outlineLevel="3">
      <c r="A2332" s="6" t="s">
        <v>2693</v>
      </c>
      <c r="B2332" s="6" t="s">
        <v>55</v>
      </c>
      <c r="C2332" s="6" t="s">
        <v>292</v>
      </c>
      <c r="D2332" s="6" t="s">
        <v>11</v>
      </c>
      <c r="E2332" s="6" t="e"/>
    </row>
    <row r="2333" ht="33" customHeight="true" s="1" customFormat="true" hidden="true" outlineLevel="3">
      <c r="A2333" s="6" t="s">
        <v>2694</v>
      </c>
      <c r="B2333" s="6" t="s">
        <v>371</v>
      </c>
      <c r="C2333" s="6" t="s">
        <v>292</v>
      </c>
      <c r="D2333" s="6" t="s">
        <v>26</v>
      </c>
      <c r="E2333" s="6" t="e"/>
    </row>
    <row r="2334" ht="44" customHeight="true" s="1" customFormat="true" hidden="true" outlineLevel="3">
      <c r="A2334" s="6" t="s">
        <v>2695</v>
      </c>
      <c r="B2334" s="6" t="s">
        <v>127</v>
      </c>
      <c r="C2334" s="6" t="s">
        <v>292</v>
      </c>
      <c r="D2334" s="6" t="s">
        <v>26</v>
      </c>
      <c r="E2334" s="6" t="e"/>
    </row>
    <row r="2335" ht="33" customHeight="true" s="1" customFormat="true" hidden="true" outlineLevel="3">
      <c r="A2335" s="6" t="s">
        <v>2696</v>
      </c>
      <c r="B2335" s="6" t="s">
        <v>1237</v>
      </c>
      <c r="C2335" s="6" t="s">
        <v>82</v>
      </c>
      <c r="D2335" s="6" t="s">
        <v>11</v>
      </c>
      <c r="E2335" s="6" t="e"/>
    </row>
    <row r="2336" ht="22" customHeight="true" s="1" customFormat="true" hidden="true" outlineLevel="3">
      <c r="A2336" s="6" t="s">
        <v>2697</v>
      </c>
      <c r="B2336" s="6" t="s">
        <v>289</v>
      </c>
      <c r="C2336" s="6" t="s">
        <v>369</v>
      </c>
      <c r="D2336" s="6" t="s">
        <v>11</v>
      </c>
      <c r="E2336" s="6" t="e"/>
    </row>
    <row r="2337" ht="22" customHeight="true" s="1" customFormat="true" hidden="true" outlineLevel="3">
      <c r="A2337" s="6" t="s">
        <v>2698</v>
      </c>
      <c r="B2337" s="6" t="s">
        <v>50</v>
      </c>
      <c r="C2337" s="6" t="s">
        <v>292</v>
      </c>
      <c r="D2337" s="6" t="s">
        <v>11</v>
      </c>
      <c r="E2337" s="6" t="e"/>
    </row>
    <row r="2338" ht="33" customHeight="true" s="1" customFormat="true" hidden="true" outlineLevel="3">
      <c r="A2338" s="6" t="s">
        <v>2699</v>
      </c>
      <c r="B2338" s="6" t="s">
        <v>371</v>
      </c>
      <c r="C2338" s="6" t="s">
        <v>369</v>
      </c>
      <c r="D2338" s="6" t="s">
        <v>11</v>
      </c>
      <c r="E2338" s="6" t="e"/>
    </row>
    <row r="2339" ht="33" customHeight="true" s="1" customFormat="true" hidden="true" outlineLevel="3">
      <c r="A2339" s="6" t="s">
        <v>2700</v>
      </c>
      <c r="B2339" s="6" t="s">
        <v>376</v>
      </c>
      <c r="C2339" s="6" t="s">
        <v>292</v>
      </c>
      <c r="D2339" s="6" t="s">
        <v>11</v>
      </c>
      <c r="E2339" s="6" t="e"/>
    </row>
    <row r="2340" ht="22" customHeight="true" s="1" customFormat="true" hidden="true" outlineLevel="3">
      <c r="A2340" s="6" t="s">
        <v>2701</v>
      </c>
      <c r="B2340" s="6" t="s">
        <v>51</v>
      </c>
      <c r="C2340" s="6" t="s">
        <v>369</v>
      </c>
      <c r="D2340" s="6" t="s">
        <v>11</v>
      </c>
      <c r="E2340" s="6" t="e"/>
    </row>
    <row r="2341" ht="22" customHeight="true" s="1" customFormat="true" hidden="true" outlineLevel="3">
      <c r="A2341" s="6" t="s">
        <v>2702</v>
      </c>
      <c r="B2341" s="6" t="e"/>
      <c r="C2341" s="6" t="s">
        <v>292</v>
      </c>
      <c r="D2341" s="6" t="s">
        <v>11</v>
      </c>
      <c r="E2341" s="6" t="e"/>
    </row>
    <row r="2342" ht="22" customHeight="true" s="1" customFormat="true" hidden="true" outlineLevel="3">
      <c r="A2342" s="6" t="s">
        <v>2703</v>
      </c>
      <c r="B2342" s="6" t="s">
        <v>66</v>
      </c>
      <c r="C2342" s="6" t="s">
        <v>82</v>
      </c>
      <c r="D2342" s="6" t="s">
        <v>11</v>
      </c>
      <c r="E2342" s="6" t="e"/>
    </row>
    <row r="2343" ht="22" customHeight="true" s="1" customFormat="true" hidden="true" outlineLevel="3">
      <c r="A2343" s="6" t="s">
        <v>2704</v>
      </c>
      <c r="B2343" s="6" t="s">
        <v>379</v>
      </c>
      <c r="C2343" s="6" t="s">
        <v>369</v>
      </c>
      <c r="D2343" s="6" t="s">
        <v>11</v>
      </c>
      <c r="E2343" s="6" t="e"/>
    </row>
    <row r="2344" ht="44" customHeight="true" s="1" customFormat="true" hidden="true" outlineLevel="3">
      <c r="A2344" s="6" t="s">
        <v>2705</v>
      </c>
      <c r="B2344" s="6" t="s">
        <v>51</v>
      </c>
      <c r="C2344" s="6" t="s">
        <v>369</v>
      </c>
      <c r="D2344" s="6" t="s">
        <v>11</v>
      </c>
      <c r="E2344" s="6" t="e"/>
    </row>
    <row r="2345" ht="22" customHeight="true" s="1" customFormat="true" hidden="true" collapsed="true" outlineLevel="3">
      <c r="A2345" s="6" t="s">
        <v>2706</v>
      </c>
      <c r="B2345" s="6" t="s">
        <v>80</v>
      </c>
      <c r="C2345" s="6" t="s">
        <v>42</v>
      </c>
      <c r="D2345" s="6" t="s">
        <v>11</v>
      </c>
      <c r="E2345" s="6" t="e"/>
    </row>
    <row r="2346" ht="11" customHeight="true" s="1" customFormat="true" hidden="true" collapsed="true" outlineLevel="2">
      <c r="A2346" s="5" t="s">
        <v>2707</v>
      </c>
      <c r="B2346" s="5" t="e"/>
      <c r="C2346" s="5" t="e"/>
      <c r="D2346" s="5" t="e"/>
      <c r="E2346" s="5" t="e"/>
    </row>
    <row r="2347" ht="11" customHeight="true" s="1" customFormat="true" hidden="true" outlineLevel="3">
      <c r="A2347" s="6" t="s">
        <v>2708</v>
      </c>
      <c r="B2347" s="6" t="s">
        <v>339</v>
      </c>
      <c r="C2347" s="6" t="s">
        <v>188</v>
      </c>
      <c r="D2347" s="6" t="s">
        <v>11</v>
      </c>
      <c r="E2347" s="6" t="e"/>
    </row>
    <row r="2348" ht="22" customHeight="true" s="1" customFormat="true" hidden="true" outlineLevel="3">
      <c r="A2348" s="6" t="s">
        <v>2709</v>
      </c>
      <c r="B2348" s="6" t="s">
        <v>2710</v>
      </c>
      <c r="C2348" s="6" t="s">
        <v>350</v>
      </c>
      <c r="D2348" s="6" t="s">
        <v>11</v>
      </c>
      <c r="E2348" s="6" t="e"/>
    </row>
    <row r="2349" ht="11" customHeight="true" s="1" customFormat="true" hidden="true" outlineLevel="3">
      <c r="A2349" s="6" t="s">
        <v>2711</v>
      </c>
      <c r="B2349" s="6" t="s">
        <v>339</v>
      </c>
      <c r="C2349" s="6" t="s">
        <v>188</v>
      </c>
      <c r="D2349" s="6" t="s">
        <v>11</v>
      </c>
      <c r="E2349" s="6" t="e"/>
    </row>
    <row r="2350" ht="11" customHeight="true" s="1" customFormat="true" hidden="true" outlineLevel="3">
      <c r="A2350" s="6" t="s">
        <v>2712</v>
      </c>
      <c r="B2350" s="6" t="s">
        <v>2710</v>
      </c>
      <c r="C2350" s="6" t="s">
        <v>110</v>
      </c>
      <c r="D2350" s="6" t="s">
        <v>26</v>
      </c>
      <c r="E2350" s="6" t="e"/>
    </row>
    <row r="2351" ht="11" customHeight="true" s="1" customFormat="true" hidden="true" outlineLevel="3">
      <c r="A2351" s="6" t="s">
        <v>2713</v>
      </c>
      <c r="B2351" s="6" t="s">
        <v>339</v>
      </c>
      <c r="C2351" s="6" t="s">
        <v>188</v>
      </c>
      <c r="D2351" s="6" t="s">
        <v>11</v>
      </c>
      <c r="E2351" s="6" t="e"/>
    </row>
    <row r="2352" ht="33" customHeight="true" s="1" customFormat="true" hidden="true" outlineLevel="3">
      <c r="A2352" s="6" t="s">
        <v>2714</v>
      </c>
      <c r="B2352" s="6" t="e"/>
      <c r="C2352" s="6" t="s">
        <v>72</v>
      </c>
      <c r="D2352" s="6" t="s">
        <v>26</v>
      </c>
      <c r="E2352" s="6" t="e"/>
    </row>
    <row r="2353" ht="44" customHeight="true" s="1" customFormat="true" hidden="true" outlineLevel="3">
      <c r="A2353" s="6" t="s">
        <v>2715</v>
      </c>
      <c r="B2353" s="6" t="s">
        <v>50</v>
      </c>
      <c r="C2353" s="6" t="s">
        <v>72</v>
      </c>
      <c r="D2353" s="6" t="s">
        <v>11</v>
      </c>
      <c r="E2353" s="6" t="e"/>
    </row>
    <row r="2354" ht="33" customHeight="true" s="1" customFormat="true" hidden="true" outlineLevel="3">
      <c r="A2354" s="6" t="s">
        <v>2716</v>
      </c>
      <c r="B2354" s="6" t="s">
        <v>235</v>
      </c>
      <c r="C2354" s="6" t="s">
        <v>80</v>
      </c>
      <c r="D2354" s="6" t="s">
        <v>40</v>
      </c>
      <c r="E2354" s="6" t="e"/>
    </row>
    <row r="2355" ht="44" customHeight="true" s="1" customFormat="true" hidden="true" outlineLevel="3">
      <c r="A2355" s="6" t="s">
        <v>2717</v>
      </c>
      <c r="B2355" s="6" t="s">
        <v>82</v>
      </c>
      <c r="C2355" s="6" t="s">
        <v>62</v>
      </c>
      <c r="D2355" s="6" t="s">
        <v>11</v>
      </c>
      <c r="E2355" s="6" t="e"/>
    </row>
    <row r="2356" ht="56" customHeight="true" s="1" customFormat="true" hidden="true" outlineLevel="3">
      <c r="A2356" s="6" t="s">
        <v>2718</v>
      </c>
      <c r="B2356" s="6" t="e"/>
      <c r="C2356" s="6" t="s">
        <v>1214</v>
      </c>
      <c r="D2356" s="6" t="s">
        <v>11</v>
      </c>
      <c r="E2356" s="6" t="e"/>
    </row>
    <row r="2357" ht="44" customHeight="true" s="1" customFormat="true" hidden="true" outlineLevel="3">
      <c r="A2357" s="6" t="s">
        <v>2719</v>
      </c>
      <c r="B2357" s="6" t="s">
        <v>66</v>
      </c>
      <c r="C2357" s="6" t="s">
        <v>292</v>
      </c>
      <c r="D2357" s="6" t="s">
        <v>11</v>
      </c>
      <c r="E2357" s="6" t="e"/>
    </row>
    <row r="2358" ht="44" customHeight="true" s="1" customFormat="true" hidden="true" outlineLevel="3">
      <c r="A2358" s="6" t="s">
        <v>2720</v>
      </c>
      <c r="B2358" s="6" t="s">
        <v>118</v>
      </c>
      <c r="C2358" s="6" t="s">
        <v>62</v>
      </c>
      <c r="D2358" s="6" t="s">
        <v>11</v>
      </c>
      <c r="E2358" s="6" t="e"/>
    </row>
    <row r="2359" ht="22" customHeight="true" s="1" customFormat="true" hidden="true" outlineLevel="3">
      <c r="A2359" s="6" t="s">
        <v>2721</v>
      </c>
      <c r="B2359" s="6" t="s">
        <v>126</v>
      </c>
      <c r="C2359" s="6" t="s">
        <v>61</v>
      </c>
      <c r="D2359" s="6" t="s">
        <v>26</v>
      </c>
      <c r="E2359" s="6" t="e"/>
    </row>
    <row r="2360" ht="22" customHeight="true" s="1" customFormat="true" hidden="true" outlineLevel="3">
      <c r="A2360" s="6" t="s">
        <v>2722</v>
      </c>
      <c r="B2360" s="6" t="s">
        <v>126</v>
      </c>
      <c r="C2360" s="6" t="s">
        <v>350</v>
      </c>
      <c r="D2360" s="6" t="s">
        <v>11</v>
      </c>
      <c r="E2360" s="6" t="e"/>
    </row>
    <row r="2361" ht="22" customHeight="true" s="1" customFormat="true" hidden="true" outlineLevel="3">
      <c r="A2361" s="6" t="s">
        <v>2723</v>
      </c>
      <c r="B2361" s="6" t="s">
        <v>61</v>
      </c>
      <c r="C2361" s="6" t="s">
        <v>292</v>
      </c>
      <c r="D2361" s="6" t="s">
        <v>11</v>
      </c>
      <c r="E2361" s="6" t="e"/>
    </row>
    <row r="2362" ht="22" customHeight="true" s="1" customFormat="true" hidden="true" outlineLevel="3">
      <c r="A2362" s="6" t="s">
        <v>2724</v>
      </c>
      <c r="B2362" s="6" t="s">
        <v>2710</v>
      </c>
      <c r="C2362" s="6" t="s">
        <v>350</v>
      </c>
      <c r="D2362" s="6" t="s">
        <v>11</v>
      </c>
      <c r="E2362" s="6" t="e"/>
    </row>
    <row r="2363" ht="22" customHeight="true" s="1" customFormat="true" hidden="true" collapsed="true" outlineLevel="3">
      <c r="A2363" s="6" t="s">
        <v>2725</v>
      </c>
      <c r="B2363" s="6" t="s">
        <v>2710</v>
      </c>
      <c r="C2363" s="6" t="s">
        <v>350</v>
      </c>
      <c r="D2363" s="6" t="s">
        <v>26</v>
      </c>
      <c r="E2363" s="6" t="e"/>
    </row>
    <row r="2364" ht="11" customHeight="true" s="1" customFormat="true" hidden="true" collapsed="true" outlineLevel="2">
      <c r="A2364" s="5" t="s">
        <v>2726</v>
      </c>
      <c r="B2364" s="5" t="e"/>
      <c r="C2364" s="5" t="e"/>
      <c r="D2364" s="5" t="e"/>
      <c r="E2364" s="5" t="e"/>
    </row>
    <row r="2365" ht="33" customHeight="true" s="1" customFormat="true" hidden="true" collapsed="true" outlineLevel="3">
      <c r="A2365" s="6" t="s">
        <v>2727</v>
      </c>
      <c r="B2365" s="6" t="s">
        <v>50</v>
      </c>
      <c r="C2365" s="6" t="s">
        <v>55</v>
      </c>
      <c r="D2365" s="6" t="s">
        <v>11</v>
      </c>
      <c r="E2365" s="6" t="e"/>
    </row>
    <row r="2366" ht="11" customHeight="true" s="1" customFormat="true" hidden="true" collapsed="true" outlineLevel="2">
      <c r="A2366" s="5" t="s">
        <v>2728</v>
      </c>
      <c r="B2366" s="5" t="e"/>
      <c r="C2366" s="5" t="e"/>
      <c r="D2366" s="5" t="e"/>
      <c r="E2366" s="5" t="e"/>
    </row>
    <row r="2367" ht="11" customHeight="true" s="1" customFormat="true" hidden="true" outlineLevel="3">
      <c r="A2367" s="6" t="s">
        <v>2729</v>
      </c>
      <c r="B2367" s="6" t="s">
        <v>339</v>
      </c>
      <c r="C2367" s="6" t="s">
        <v>188</v>
      </c>
      <c r="D2367" s="6" t="s">
        <v>11</v>
      </c>
      <c r="E2367" s="6" t="e"/>
    </row>
    <row r="2368" ht="11" customHeight="true" s="1" customFormat="true" hidden="true" outlineLevel="3">
      <c r="A2368" s="6" t="s">
        <v>2730</v>
      </c>
      <c r="B2368" s="6" t="s">
        <v>339</v>
      </c>
      <c r="C2368" s="6" t="s">
        <v>188</v>
      </c>
      <c r="D2368" s="6" t="s">
        <v>11</v>
      </c>
      <c r="E2368" s="6" t="e"/>
    </row>
    <row r="2369" ht="11" customHeight="true" s="1" customFormat="true" hidden="true" outlineLevel="3">
      <c r="A2369" s="6" t="s">
        <v>2731</v>
      </c>
      <c r="B2369" s="6" t="s">
        <v>339</v>
      </c>
      <c r="C2369" s="6" t="s">
        <v>188</v>
      </c>
      <c r="D2369" s="6" t="s">
        <v>11</v>
      </c>
      <c r="E2369" s="6" t="e"/>
    </row>
    <row r="2370" ht="22" customHeight="true" s="1" customFormat="true" hidden="true" collapsed="true" outlineLevel="3">
      <c r="A2370" s="6" t="s">
        <v>2732</v>
      </c>
      <c r="B2370" s="6" t="s">
        <v>339</v>
      </c>
      <c r="C2370" s="6" t="s">
        <v>110</v>
      </c>
      <c r="D2370" s="6" t="s">
        <v>26</v>
      </c>
      <c r="E2370" s="6" t="e"/>
    </row>
    <row r="2371" ht="11" customHeight="true" s="1" customFormat="true" hidden="true" collapsed="true" outlineLevel="2">
      <c r="A2371" s="5" t="s">
        <v>2733</v>
      </c>
      <c r="B2371" s="5" t="e"/>
      <c r="C2371" s="5" t="e"/>
      <c r="D2371" s="5" t="e"/>
      <c r="E2371" s="5" t="e"/>
    </row>
    <row r="2372" ht="22" customHeight="true" s="1" customFormat="true" hidden="true" outlineLevel="3">
      <c r="A2372" s="6" t="s">
        <v>2734</v>
      </c>
      <c r="B2372" s="6" t="s">
        <v>126</v>
      </c>
      <c r="C2372" s="6" t="s">
        <v>127</v>
      </c>
      <c r="D2372" s="6" t="s">
        <v>11</v>
      </c>
      <c r="E2372" s="6" t="e"/>
    </row>
    <row r="2373" ht="22" customHeight="true" s="1" customFormat="true" hidden="true" outlineLevel="3">
      <c r="A2373" s="6" t="s">
        <v>2735</v>
      </c>
      <c r="B2373" s="6" t="s">
        <v>219</v>
      </c>
      <c r="C2373" s="6" t="s">
        <v>51</v>
      </c>
      <c r="D2373" s="6" t="s">
        <v>26</v>
      </c>
      <c r="E2373" s="6" t="e"/>
    </row>
    <row r="2374" ht="11" customHeight="true" s="1" customFormat="true" hidden="true" outlineLevel="3">
      <c r="A2374" s="6" t="s">
        <v>2736</v>
      </c>
      <c r="B2374" s="6" t="s">
        <v>2737</v>
      </c>
      <c r="C2374" s="6" t="s">
        <v>61</v>
      </c>
      <c r="D2374" s="6" t="s">
        <v>26</v>
      </c>
      <c r="E2374" s="6" t="e"/>
    </row>
    <row r="2375" ht="11" customHeight="true" s="1" customFormat="true" hidden="true" outlineLevel="3">
      <c r="A2375" s="6" t="s">
        <v>2738</v>
      </c>
      <c r="B2375" s="6" t="s">
        <v>103</v>
      </c>
      <c r="C2375" s="6" t="s">
        <v>127</v>
      </c>
      <c r="D2375" s="6" t="s">
        <v>26</v>
      </c>
      <c r="E2375" s="6" t="e"/>
    </row>
    <row r="2376" ht="11" customHeight="true" s="1" customFormat="true" hidden="true" outlineLevel="3">
      <c r="A2376" s="6" t="s">
        <v>2739</v>
      </c>
      <c r="B2376" s="6" t="s">
        <v>2737</v>
      </c>
      <c r="C2376" s="6" t="s">
        <v>61</v>
      </c>
      <c r="D2376" s="6" t="s">
        <v>11</v>
      </c>
      <c r="E2376" s="6" t="e"/>
    </row>
    <row r="2377" ht="22" customHeight="true" s="1" customFormat="true" hidden="true" outlineLevel="3">
      <c r="A2377" s="6" t="s">
        <v>2740</v>
      </c>
      <c r="B2377" s="6" t="s">
        <v>126</v>
      </c>
      <c r="C2377" s="6" t="s">
        <v>61</v>
      </c>
      <c r="D2377" s="6" t="s">
        <v>11</v>
      </c>
      <c r="E2377" s="6" t="e"/>
    </row>
    <row r="2378" ht="22" customHeight="true" s="1" customFormat="true" hidden="true" outlineLevel="3">
      <c r="A2378" s="6" t="s">
        <v>2741</v>
      </c>
      <c r="B2378" s="6" t="s">
        <v>219</v>
      </c>
      <c r="C2378" s="6" t="s">
        <v>62</v>
      </c>
      <c r="D2378" s="6" t="s">
        <v>40</v>
      </c>
      <c r="E2378" s="6" t="e"/>
    </row>
    <row r="2379" ht="22" customHeight="true" s="1" customFormat="true" hidden="true" outlineLevel="3">
      <c r="A2379" s="6" t="s">
        <v>2742</v>
      </c>
      <c r="B2379" s="6" t="s">
        <v>127</v>
      </c>
      <c r="C2379" s="6" t="s">
        <v>77</v>
      </c>
      <c r="D2379" s="6" t="s">
        <v>11</v>
      </c>
      <c r="E2379" s="6" t="e"/>
    </row>
    <row r="2380" ht="22" customHeight="true" s="1" customFormat="true" hidden="true" outlineLevel="3">
      <c r="A2380" s="6" t="s">
        <v>2743</v>
      </c>
      <c r="B2380" s="6" t="s">
        <v>110</v>
      </c>
      <c r="C2380" s="6" t="s">
        <v>72</v>
      </c>
      <c r="D2380" s="6" t="s">
        <v>26</v>
      </c>
      <c r="E2380" s="6" t="e"/>
    </row>
    <row r="2381" ht="22" customHeight="true" s="1" customFormat="true" hidden="true" outlineLevel="3">
      <c r="A2381" s="6" t="s">
        <v>2744</v>
      </c>
      <c r="B2381" s="6" t="s">
        <v>126</v>
      </c>
      <c r="C2381" s="6" t="s">
        <v>61</v>
      </c>
      <c r="D2381" s="6" t="s">
        <v>11</v>
      </c>
      <c r="E2381" s="6" t="e"/>
    </row>
    <row r="2382" ht="11" customHeight="true" s="1" customFormat="true" hidden="true" outlineLevel="3">
      <c r="A2382" s="6" t="s">
        <v>2745</v>
      </c>
      <c r="B2382" s="6" t="s">
        <v>139</v>
      </c>
      <c r="C2382" s="6" t="s">
        <v>61</v>
      </c>
      <c r="D2382" s="6" t="s">
        <v>57</v>
      </c>
      <c r="E2382" s="6" t="e"/>
    </row>
    <row r="2383" ht="11" customHeight="true" s="1" customFormat="true" hidden="true" outlineLevel="3">
      <c r="A2383" s="6" t="s">
        <v>2746</v>
      </c>
      <c r="B2383" s="6" t="s">
        <v>139</v>
      </c>
      <c r="C2383" s="6" t="s">
        <v>61</v>
      </c>
      <c r="D2383" s="6" t="s">
        <v>11</v>
      </c>
      <c r="E2383" s="6" t="e"/>
    </row>
    <row r="2384" ht="22" customHeight="true" s="1" customFormat="true" hidden="true" outlineLevel="3">
      <c r="A2384" s="6" t="s">
        <v>2747</v>
      </c>
      <c r="B2384" s="6" t="s">
        <v>126</v>
      </c>
      <c r="C2384" s="6" t="s">
        <v>61</v>
      </c>
      <c r="D2384" s="6" t="s">
        <v>11</v>
      </c>
      <c r="E2384" s="6" t="e"/>
    </row>
    <row r="2385" ht="11" customHeight="true" s="1" customFormat="true" hidden="true" outlineLevel="3">
      <c r="A2385" s="6" t="s">
        <v>2748</v>
      </c>
      <c r="B2385" s="6" t="s">
        <v>139</v>
      </c>
      <c r="C2385" s="6" t="s">
        <v>61</v>
      </c>
      <c r="D2385" s="6" t="s">
        <v>11</v>
      </c>
      <c r="E2385" s="6" t="e"/>
    </row>
    <row r="2386" ht="22" customHeight="true" s="1" customFormat="true" hidden="true" outlineLevel="3">
      <c r="A2386" s="6" t="s">
        <v>2749</v>
      </c>
      <c r="B2386" s="6" t="s">
        <v>126</v>
      </c>
      <c r="C2386" s="6" t="s">
        <v>61</v>
      </c>
      <c r="D2386" s="6" t="s">
        <v>57</v>
      </c>
      <c r="E2386" s="6" t="e"/>
    </row>
    <row r="2387" ht="22" customHeight="true" s="1" customFormat="true" hidden="true" outlineLevel="3">
      <c r="A2387" s="6" t="s">
        <v>2750</v>
      </c>
      <c r="B2387" s="6" t="s">
        <v>51</v>
      </c>
      <c r="C2387" s="6" t="s">
        <v>78</v>
      </c>
      <c r="D2387" s="6" t="s">
        <v>15</v>
      </c>
      <c r="E2387" s="6" t="e"/>
    </row>
    <row r="2388" ht="11" customHeight="true" s="1" customFormat="true" hidden="true" outlineLevel="3">
      <c r="A2388" s="6" t="s">
        <v>2751</v>
      </c>
      <c r="B2388" s="6" t="s">
        <v>2752</v>
      </c>
      <c r="C2388" s="6" t="s">
        <v>61</v>
      </c>
      <c r="D2388" s="6" t="s">
        <v>11</v>
      </c>
      <c r="E2388" s="6" t="e"/>
    </row>
    <row r="2389" ht="22" customHeight="true" s="1" customFormat="true" hidden="true" outlineLevel="3">
      <c r="A2389" s="6" t="s">
        <v>2753</v>
      </c>
      <c r="B2389" s="6" t="s">
        <v>99</v>
      </c>
      <c r="C2389" s="6" t="s">
        <v>127</v>
      </c>
      <c r="D2389" s="6" t="s">
        <v>11</v>
      </c>
      <c r="E2389" s="6" t="e"/>
    </row>
    <row r="2390" ht="22" customHeight="true" s="1" customFormat="true" hidden="true" outlineLevel="3">
      <c r="A2390" s="6" t="s">
        <v>2754</v>
      </c>
      <c r="B2390" s="6" t="s">
        <v>188</v>
      </c>
      <c r="C2390" s="6" t="s">
        <v>72</v>
      </c>
      <c r="D2390" s="6" t="s">
        <v>123</v>
      </c>
      <c r="E2390" s="6" t="e"/>
    </row>
    <row r="2391" ht="22" customHeight="true" s="1" customFormat="true" hidden="true" outlineLevel="3">
      <c r="A2391" s="6" t="s">
        <v>2755</v>
      </c>
      <c r="B2391" s="6" t="s">
        <v>145</v>
      </c>
      <c r="C2391" s="6" t="s">
        <v>72</v>
      </c>
      <c r="D2391" s="6" t="s">
        <v>100</v>
      </c>
      <c r="E2391" s="6" t="e"/>
    </row>
    <row r="2392" ht="44" customHeight="true" s="1" customFormat="true" hidden="true" outlineLevel="3">
      <c r="A2392" s="6" t="s">
        <v>2756</v>
      </c>
      <c r="B2392" s="6" t="s">
        <v>127</v>
      </c>
      <c r="C2392" s="6" t="s">
        <v>51</v>
      </c>
      <c r="D2392" s="6" t="s">
        <v>11</v>
      </c>
      <c r="E2392" s="6" t="e"/>
    </row>
    <row r="2393" ht="22" customHeight="true" s="1" customFormat="true" hidden="true" outlineLevel="3">
      <c r="A2393" s="6" t="s">
        <v>2757</v>
      </c>
      <c r="B2393" s="6" t="s">
        <v>1875</v>
      </c>
      <c r="C2393" s="6" t="s">
        <v>72</v>
      </c>
      <c r="D2393" s="6" t="s">
        <v>184</v>
      </c>
      <c r="E2393" s="6" t="e"/>
    </row>
    <row r="2394" ht="22" customHeight="true" s="1" customFormat="true" hidden="true" outlineLevel="3">
      <c r="A2394" s="6" t="s">
        <v>2758</v>
      </c>
      <c r="B2394" s="6" t="s">
        <v>110</v>
      </c>
      <c r="C2394" s="6" t="s">
        <v>72</v>
      </c>
      <c r="D2394" s="6" t="s">
        <v>11</v>
      </c>
      <c r="E2394" s="6" t="e"/>
    </row>
    <row r="2395" ht="33" customHeight="true" s="1" customFormat="true" hidden="true" outlineLevel="3">
      <c r="A2395" s="6" t="s">
        <v>2759</v>
      </c>
      <c r="B2395" s="6" t="s">
        <v>127</v>
      </c>
      <c r="C2395" s="6" t="s">
        <v>369</v>
      </c>
      <c r="D2395" s="6" t="s">
        <v>11</v>
      </c>
      <c r="E2395" s="6" t="e"/>
    </row>
    <row r="2396" ht="22" customHeight="true" s="1" customFormat="true" hidden="true" outlineLevel="3">
      <c r="A2396" s="6" t="s">
        <v>2760</v>
      </c>
      <c r="B2396" s="6" t="s">
        <v>105</v>
      </c>
      <c r="C2396" s="6" t="s">
        <v>72</v>
      </c>
      <c r="D2396" s="6" t="s">
        <v>11</v>
      </c>
      <c r="E2396" s="6" t="e"/>
    </row>
    <row r="2397" ht="22" customHeight="true" s="1" customFormat="true" hidden="true" outlineLevel="3">
      <c r="A2397" s="6" t="s">
        <v>2761</v>
      </c>
      <c r="B2397" s="6" t="s">
        <v>2710</v>
      </c>
      <c r="C2397" s="6" t="s">
        <v>292</v>
      </c>
      <c r="D2397" s="6" t="s">
        <v>11</v>
      </c>
      <c r="E2397" s="6" t="e"/>
    </row>
    <row r="2398" ht="22" customHeight="true" s="1" customFormat="true" hidden="true" outlineLevel="3">
      <c r="A2398" s="6" t="s">
        <v>2762</v>
      </c>
      <c r="B2398" s="6" t="s">
        <v>403</v>
      </c>
      <c r="C2398" s="6" t="s">
        <v>292</v>
      </c>
      <c r="D2398" s="6" t="s">
        <v>644</v>
      </c>
      <c r="E2398" s="6" t="e"/>
    </row>
    <row r="2399" ht="22" customHeight="true" s="1" customFormat="true" hidden="true" outlineLevel="3">
      <c r="A2399" s="6" t="s">
        <v>2763</v>
      </c>
      <c r="B2399" s="6" t="s">
        <v>2764</v>
      </c>
      <c r="C2399" s="6" t="s">
        <v>292</v>
      </c>
      <c r="D2399" s="6" t="s">
        <v>26</v>
      </c>
      <c r="E2399" s="6" t="e"/>
    </row>
    <row r="2400" ht="22" customHeight="true" s="1" customFormat="true" hidden="true" outlineLevel="3">
      <c r="A2400" s="6" t="s">
        <v>2765</v>
      </c>
      <c r="B2400" s="6" t="s">
        <v>103</v>
      </c>
      <c r="C2400" s="6" t="s">
        <v>292</v>
      </c>
      <c r="D2400" s="6" t="s">
        <v>26</v>
      </c>
      <c r="E2400" s="6" t="e"/>
    </row>
    <row r="2401" ht="22" customHeight="true" s="1" customFormat="true" hidden="true" outlineLevel="3">
      <c r="A2401" s="6" t="s">
        <v>2766</v>
      </c>
      <c r="B2401" s="6" t="s">
        <v>2764</v>
      </c>
      <c r="C2401" s="6" t="s">
        <v>292</v>
      </c>
      <c r="D2401" s="6" t="s">
        <v>57</v>
      </c>
      <c r="E2401" s="6" t="e"/>
    </row>
    <row r="2402" ht="33" customHeight="true" s="1" customFormat="true" hidden="true" outlineLevel="3">
      <c r="A2402" s="6" t="s">
        <v>2767</v>
      </c>
      <c r="B2402" s="6" t="s">
        <v>55</v>
      </c>
      <c r="C2402" s="6" t="s">
        <v>2768</v>
      </c>
      <c r="D2402" s="6" t="s">
        <v>40</v>
      </c>
      <c r="E2402" s="6" t="e"/>
    </row>
    <row r="2403" ht="33" customHeight="true" s="1" customFormat="true" hidden="true" outlineLevel="3">
      <c r="A2403" s="6" t="s">
        <v>2769</v>
      </c>
      <c r="B2403" s="6" t="s">
        <v>350</v>
      </c>
      <c r="C2403" s="6" t="s">
        <v>82</v>
      </c>
      <c r="D2403" s="6" t="s">
        <v>26</v>
      </c>
      <c r="E2403" s="6" t="e"/>
    </row>
    <row r="2404" ht="22" customHeight="true" s="1" customFormat="true" hidden="true" outlineLevel="3">
      <c r="A2404" s="6" t="s">
        <v>2770</v>
      </c>
      <c r="B2404" s="6" t="s">
        <v>2771</v>
      </c>
      <c r="C2404" s="6" t="s">
        <v>1214</v>
      </c>
      <c r="D2404" s="6" t="s">
        <v>11</v>
      </c>
      <c r="E2404" s="6" t="e"/>
    </row>
    <row r="2405" ht="33" customHeight="true" s="1" customFormat="true" hidden="true" outlineLevel="3">
      <c r="A2405" s="6" t="s">
        <v>2772</v>
      </c>
      <c r="B2405" s="6" t="s">
        <v>2773</v>
      </c>
      <c r="C2405" s="6" t="s">
        <v>80</v>
      </c>
      <c r="D2405" s="6" t="s">
        <v>11</v>
      </c>
      <c r="E2405" s="6" t="e"/>
    </row>
    <row r="2406" ht="33" customHeight="true" s="1" customFormat="true" hidden="true" outlineLevel="3">
      <c r="A2406" s="6" t="s">
        <v>2774</v>
      </c>
      <c r="B2406" s="6" t="s">
        <v>2775</v>
      </c>
      <c r="C2406" s="6" t="s">
        <v>1214</v>
      </c>
      <c r="D2406" s="6" t="s">
        <v>11</v>
      </c>
      <c r="E2406" s="6" t="e"/>
    </row>
    <row r="2407" ht="22" customHeight="true" s="1" customFormat="true" hidden="true" outlineLevel="3">
      <c r="A2407" s="6" t="s">
        <v>2776</v>
      </c>
      <c r="B2407" s="6" t="s">
        <v>72</v>
      </c>
      <c r="C2407" s="6" t="s">
        <v>235</v>
      </c>
      <c r="D2407" s="6" t="s">
        <v>11</v>
      </c>
      <c r="E2407" s="6" t="e"/>
    </row>
    <row r="2408" ht="22" customHeight="true" s="1" customFormat="true" hidden="true" outlineLevel="3">
      <c r="A2408" s="6" t="s">
        <v>2777</v>
      </c>
      <c r="B2408" s="6" t="s">
        <v>2771</v>
      </c>
      <c r="C2408" s="6" t="s">
        <v>369</v>
      </c>
      <c r="D2408" s="6" t="s">
        <v>26</v>
      </c>
      <c r="E2408" s="6" t="e"/>
    </row>
    <row r="2409" ht="22" customHeight="true" s="1" customFormat="true" hidden="true" outlineLevel="3">
      <c r="A2409" s="6" t="s">
        <v>2778</v>
      </c>
      <c r="B2409" s="6" t="s">
        <v>2710</v>
      </c>
      <c r="C2409" s="6" t="s">
        <v>72</v>
      </c>
      <c r="D2409" s="6" t="s">
        <v>11</v>
      </c>
      <c r="E2409" s="6" t="e"/>
    </row>
    <row r="2410" ht="22" customHeight="true" s="1" customFormat="true" hidden="true" outlineLevel="3">
      <c r="A2410" s="6" t="s">
        <v>2779</v>
      </c>
      <c r="B2410" s="6" t="s">
        <v>103</v>
      </c>
      <c r="C2410" s="6" t="s">
        <v>72</v>
      </c>
      <c r="D2410" s="6" t="s">
        <v>11</v>
      </c>
      <c r="E2410" s="6" t="e"/>
    </row>
    <row r="2411" ht="44" customHeight="true" s="1" customFormat="true" hidden="true" outlineLevel="3">
      <c r="A2411" s="6" t="s">
        <v>2780</v>
      </c>
      <c r="B2411" s="6" t="s">
        <v>219</v>
      </c>
      <c r="C2411" s="6" t="s">
        <v>82</v>
      </c>
      <c r="D2411" s="6" t="s">
        <v>11</v>
      </c>
      <c r="E2411" s="6" t="e"/>
    </row>
    <row r="2412" ht="33" customHeight="true" s="1" customFormat="true" hidden="true" outlineLevel="3">
      <c r="A2412" s="6" t="s">
        <v>2781</v>
      </c>
      <c r="B2412" s="6" t="s">
        <v>82</v>
      </c>
      <c r="C2412" s="6" t="s">
        <v>1214</v>
      </c>
      <c r="D2412" s="6" t="s">
        <v>11</v>
      </c>
      <c r="E2412" s="6" t="e"/>
    </row>
    <row r="2413" ht="33" customHeight="true" s="1" customFormat="true" hidden="true" outlineLevel="3">
      <c r="A2413" s="6" t="s">
        <v>2782</v>
      </c>
      <c r="B2413" s="6" t="s">
        <v>72</v>
      </c>
      <c r="C2413" s="6" t="s">
        <v>2768</v>
      </c>
      <c r="D2413" s="6" t="s">
        <v>11</v>
      </c>
      <c r="E2413" s="6" t="e"/>
    </row>
    <row r="2414" ht="33" customHeight="true" s="1" customFormat="true" hidden="true" outlineLevel="3">
      <c r="A2414" s="6" t="s">
        <v>2783</v>
      </c>
      <c r="B2414" s="6" t="s">
        <v>51</v>
      </c>
      <c r="C2414" s="6" t="s">
        <v>2768</v>
      </c>
      <c r="D2414" s="6" t="s">
        <v>11</v>
      </c>
      <c r="E2414" s="6" t="e"/>
    </row>
    <row r="2415" ht="33" customHeight="true" s="1" customFormat="true" hidden="true" outlineLevel="3">
      <c r="A2415" s="6" t="s">
        <v>2784</v>
      </c>
      <c r="B2415" s="6" t="s">
        <v>73</v>
      </c>
      <c r="C2415" s="6" t="s">
        <v>13</v>
      </c>
      <c r="D2415" s="6" t="s">
        <v>11</v>
      </c>
      <c r="E2415" s="6" t="e"/>
    </row>
    <row r="2416" ht="33" customHeight="true" s="1" customFormat="true" hidden="true" collapsed="true" outlineLevel="3">
      <c r="A2416" s="6" t="s">
        <v>2785</v>
      </c>
      <c r="B2416" s="6" t="s">
        <v>62</v>
      </c>
      <c r="C2416" s="6" t="s">
        <v>2786</v>
      </c>
      <c r="D2416" s="6" t="s">
        <v>11</v>
      </c>
      <c r="E2416" s="6" t="e"/>
    </row>
    <row r="2417" ht="11" customHeight="true" s="1" customFormat="true" hidden="true" collapsed="true" outlineLevel="2">
      <c r="A2417" s="5" t="s">
        <v>2787</v>
      </c>
      <c r="B2417" s="5" t="e"/>
      <c r="C2417" s="5" t="e"/>
      <c r="D2417" s="5" t="e"/>
      <c r="E2417" s="5" t="e"/>
    </row>
    <row r="2418" ht="22" customHeight="true" s="1" customFormat="true" hidden="true" outlineLevel="3">
      <c r="A2418" s="6" t="s">
        <v>2788</v>
      </c>
      <c r="B2418" s="6" t="s">
        <v>127</v>
      </c>
      <c r="C2418" s="6" t="s">
        <v>253</v>
      </c>
      <c r="D2418" s="6" t="s">
        <v>11</v>
      </c>
      <c r="E2418" s="6" t="e"/>
    </row>
    <row r="2419" ht="44" customHeight="true" s="1" customFormat="true" hidden="true" outlineLevel="3">
      <c r="A2419" s="6" t="s">
        <v>2789</v>
      </c>
      <c r="B2419" s="6" t="s">
        <v>72</v>
      </c>
      <c r="C2419" s="6" t="s">
        <v>62</v>
      </c>
      <c r="D2419" s="6" t="s">
        <v>11</v>
      </c>
      <c r="E2419" s="6" t="e"/>
    </row>
    <row r="2420" ht="33" customHeight="true" s="1" customFormat="true" hidden="true" collapsed="true" outlineLevel="3">
      <c r="A2420" s="6" t="s">
        <v>2790</v>
      </c>
      <c r="B2420" s="6" t="s">
        <v>73</v>
      </c>
      <c r="C2420" s="6" t="s">
        <v>1700</v>
      </c>
      <c r="D2420" s="6" t="s">
        <v>11</v>
      </c>
      <c r="E2420" s="6" t="e"/>
    </row>
    <row r="2421" ht="11" customHeight="true" s="1" customFormat="true" hidden="true" collapsed="true" outlineLevel="2">
      <c r="A2421" s="5" t="s">
        <v>2791</v>
      </c>
      <c r="B2421" s="5" t="e"/>
      <c r="C2421" s="5" t="e"/>
      <c r="D2421" s="5" t="e"/>
      <c r="E2421" s="5" t="e"/>
    </row>
    <row r="2422" ht="33" customHeight="true" s="1" customFormat="true" hidden="true" outlineLevel="3">
      <c r="A2422" s="6" t="s">
        <v>2792</v>
      </c>
      <c r="B2422" s="6" t="s">
        <v>103</v>
      </c>
      <c r="C2422" s="6" t="s">
        <v>61</v>
      </c>
      <c r="D2422" s="6" t="s">
        <v>11</v>
      </c>
      <c r="E2422" s="6" t="e"/>
    </row>
    <row r="2423" ht="33" customHeight="true" s="1" customFormat="true" hidden="true" outlineLevel="3">
      <c r="A2423" s="6" t="s">
        <v>2793</v>
      </c>
      <c r="B2423" s="6" t="s">
        <v>219</v>
      </c>
      <c r="C2423" s="6" t="s">
        <v>72</v>
      </c>
      <c r="D2423" s="6" t="s">
        <v>11</v>
      </c>
      <c r="E2423" s="6" t="e"/>
    </row>
    <row r="2424" ht="22" customHeight="true" s="1" customFormat="true" hidden="true" outlineLevel="3">
      <c r="A2424" s="6" t="s">
        <v>2794</v>
      </c>
      <c r="B2424" s="6" t="s">
        <v>219</v>
      </c>
      <c r="C2424" s="6" t="s">
        <v>72</v>
      </c>
      <c r="D2424" s="6" t="s">
        <v>11</v>
      </c>
      <c r="E2424" s="6" t="e"/>
    </row>
    <row r="2425" ht="22" customHeight="true" s="1" customFormat="true" hidden="true" outlineLevel="3">
      <c r="A2425" s="6" t="s">
        <v>2795</v>
      </c>
      <c r="B2425" s="6" t="s">
        <v>219</v>
      </c>
      <c r="C2425" s="6" t="s">
        <v>72</v>
      </c>
      <c r="D2425" s="6" t="s">
        <v>11</v>
      </c>
      <c r="E2425" s="6" t="e"/>
    </row>
    <row r="2426" ht="22" customHeight="true" s="1" customFormat="true" hidden="true" collapsed="true" outlineLevel="3">
      <c r="A2426" s="6" t="s">
        <v>2796</v>
      </c>
      <c r="B2426" s="6" t="s">
        <v>219</v>
      </c>
      <c r="C2426" s="6" t="s">
        <v>72</v>
      </c>
      <c r="D2426" s="6" t="s">
        <v>11</v>
      </c>
      <c r="E2426" s="6" t="e"/>
    </row>
    <row r="2427" ht="11" customHeight="true" s="1" customFormat="true" hidden="true" collapsed="true" outlineLevel="2">
      <c r="A2427" s="5" t="s">
        <v>2797</v>
      </c>
      <c r="B2427" s="5" t="e"/>
      <c r="C2427" s="5" t="e"/>
      <c r="D2427" s="5" t="e"/>
      <c r="E2427" s="5" t="e"/>
    </row>
    <row r="2428" ht="33" customHeight="true" s="1" customFormat="true" hidden="true" outlineLevel="3">
      <c r="A2428" s="6" t="s">
        <v>2798</v>
      </c>
      <c r="B2428" s="6" t="s">
        <v>126</v>
      </c>
      <c r="C2428" s="6" t="s">
        <v>110</v>
      </c>
      <c r="D2428" s="6" t="s">
        <v>11</v>
      </c>
      <c r="E2428" s="6" t="e"/>
    </row>
    <row r="2429" ht="11" customHeight="true" s="1" customFormat="true" hidden="true" outlineLevel="3">
      <c r="A2429" s="6" t="s">
        <v>2799</v>
      </c>
      <c r="B2429" s="6" t="s">
        <v>2752</v>
      </c>
      <c r="C2429" s="6" t="s">
        <v>188</v>
      </c>
      <c r="D2429" s="6" t="s">
        <v>26</v>
      </c>
      <c r="E2429" s="6" t="e"/>
    </row>
    <row r="2430" ht="11" customHeight="true" s="1" customFormat="true" hidden="true" outlineLevel="3">
      <c r="A2430" s="6" t="s">
        <v>2800</v>
      </c>
      <c r="B2430" s="6" t="s">
        <v>2752</v>
      </c>
      <c r="C2430" s="6" t="s">
        <v>188</v>
      </c>
      <c r="D2430" s="6" t="s">
        <v>11</v>
      </c>
      <c r="E2430" s="6" t="e"/>
    </row>
    <row r="2431" ht="11" customHeight="true" s="1" customFormat="true" hidden="true" outlineLevel="3">
      <c r="A2431" s="6" t="s">
        <v>2801</v>
      </c>
      <c r="B2431" s="6" t="s">
        <v>2752</v>
      </c>
      <c r="C2431" s="6" t="s">
        <v>188</v>
      </c>
      <c r="D2431" s="6" t="s">
        <v>15</v>
      </c>
      <c r="E2431" s="6" t="e"/>
    </row>
    <row r="2432" ht="22" customHeight="true" s="1" customFormat="true" hidden="true" outlineLevel="3">
      <c r="A2432" s="6" t="s">
        <v>2802</v>
      </c>
      <c r="B2432" s="6" t="s">
        <v>2710</v>
      </c>
      <c r="C2432" s="6" t="s">
        <v>55</v>
      </c>
      <c r="D2432" s="6" t="s">
        <v>11</v>
      </c>
      <c r="E2432" s="6" t="e"/>
    </row>
    <row r="2433" ht="22" customHeight="true" s="1" customFormat="true" hidden="true" outlineLevel="3">
      <c r="A2433" s="6" t="s">
        <v>2803</v>
      </c>
      <c r="B2433" s="6" t="s">
        <v>114</v>
      </c>
      <c r="C2433" s="6" t="s">
        <v>253</v>
      </c>
      <c r="D2433" s="6" t="s">
        <v>11</v>
      </c>
      <c r="E2433" s="6" t="e"/>
    </row>
    <row r="2434" ht="22" customHeight="true" s="1" customFormat="true" hidden="true" outlineLevel="3">
      <c r="A2434" s="6" t="s">
        <v>2804</v>
      </c>
      <c r="B2434" s="6" t="s">
        <v>126</v>
      </c>
      <c r="C2434" s="6" t="s">
        <v>110</v>
      </c>
      <c r="D2434" s="6" t="s">
        <v>11</v>
      </c>
      <c r="E2434" s="6" t="e"/>
    </row>
    <row r="2435" ht="22" customHeight="true" s="1" customFormat="true" hidden="true" outlineLevel="3">
      <c r="A2435" s="6" t="s">
        <v>2805</v>
      </c>
      <c r="B2435" s="6" t="s">
        <v>2752</v>
      </c>
      <c r="C2435" s="6" t="s">
        <v>188</v>
      </c>
      <c r="D2435" s="6" t="s">
        <v>11</v>
      </c>
      <c r="E2435" s="6" t="e"/>
    </row>
    <row r="2436" ht="11" customHeight="true" s="1" customFormat="true" hidden="true" outlineLevel="3">
      <c r="A2436" s="6" t="s">
        <v>2806</v>
      </c>
      <c r="B2436" s="6" t="s">
        <v>219</v>
      </c>
      <c r="C2436" s="6" t="s">
        <v>62</v>
      </c>
      <c r="D2436" s="6" t="s">
        <v>40</v>
      </c>
      <c r="E2436" s="6" t="e"/>
    </row>
    <row r="2437" ht="56" customHeight="true" s="1" customFormat="true" hidden="true" outlineLevel="3">
      <c r="A2437" s="6" t="s">
        <v>2807</v>
      </c>
      <c r="B2437" s="6" t="e"/>
      <c r="C2437" s="6" t="s">
        <v>325</v>
      </c>
      <c r="D2437" s="6" t="s">
        <v>11</v>
      </c>
      <c r="E2437" s="6" t="e"/>
    </row>
    <row r="2438" ht="44" customHeight="true" s="1" customFormat="true" hidden="true" outlineLevel="3">
      <c r="A2438" s="6" t="s">
        <v>2808</v>
      </c>
      <c r="B2438" s="6" t="s">
        <v>82</v>
      </c>
      <c r="C2438" s="6" t="s">
        <v>13</v>
      </c>
      <c r="D2438" s="6" t="s">
        <v>40</v>
      </c>
      <c r="E2438" s="6" t="e"/>
    </row>
    <row r="2439" ht="44" customHeight="true" s="1" customFormat="true" hidden="true" outlineLevel="3">
      <c r="A2439" s="6" t="s">
        <v>2809</v>
      </c>
      <c r="B2439" s="6" t="s">
        <v>62</v>
      </c>
      <c r="C2439" s="6" t="s">
        <v>316</v>
      </c>
      <c r="D2439" s="6" t="s">
        <v>11</v>
      </c>
      <c r="E2439" s="6" t="e"/>
    </row>
    <row r="2440" ht="33" customHeight="true" s="1" customFormat="true" hidden="true" outlineLevel="3">
      <c r="A2440" s="6" t="s">
        <v>2810</v>
      </c>
      <c r="B2440" s="6" t="s">
        <v>62</v>
      </c>
      <c r="C2440" s="6" t="s">
        <v>235</v>
      </c>
      <c r="D2440" s="6" t="s">
        <v>11</v>
      </c>
      <c r="E2440" s="6" t="e"/>
    </row>
    <row r="2441" ht="33" customHeight="true" s="1" customFormat="true" hidden="true" outlineLevel="3">
      <c r="A2441" s="6" t="s">
        <v>2811</v>
      </c>
      <c r="B2441" s="6" t="s">
        <v>62</v>
      </c>
      <c r="C2441" s="6" t="s">
        <v>47</v>
      </c>
      <c r="D2441" s="6" t="s">
        <v>11</v>
      </c>
      <c r="E2441" s="6" t="e"/>
    </row>
    <row r="2442" ht="44" customHeight="true" s="1" customFormat="true" hidden="true" outlineLevel="3">
      <c r="A2442" s="6" t="s">
        <v>2812</v>
      </c>
      <c r="B2442" s="6" t="s">
        <v>73</v>
      </c>
      <c r="C2442" s="6" t="s">
        <v>47</v>
      </c>
      <c r="D2442" s="6" t="s">
        <v>11</v>
      </c>
      <c r="E2442" s="6" t="e"/>
    </row>
    <row r="2443" ht="56" customHeight="true" s="1" customFormat="true" hidden="true" outlineLevel="3">
      <c r="A2443" s="6" t="s">
        <v>2813</v>
      </c>
      <c r="B2443" s="6" t="s">
        <v>230</v>
      </c>
      <c r="C2443" s="6" t="s">
        <v>83</v>
      </c>
      <c r="D2443" s="6" t="s">
        <v>11</v>
      </c>
      <c r="E2443" s="6" t="e"/>
    </row>
    <row r="2444" ht="44" customHeight="true" s="1" customFormat="true" hidden="true" outlineLevel="3">
      <c r="A2444" s="6" t="s">
        <v>2814</v>
      </c>
      <c r="B2444" s="6" t="e"/>
      <c r="C2444" s="6" t="s">
        <v>83</v>
      </c>
      <c r="D2444" s="6" t="s">
        <v>11</v>
      </c>
      <c r="E2444" s="6" t="e"/>
    </row>
    <row r="2445" ht="44" customHeight="true" s="1" customFormat="true" hidden="true" outlineLevel="3">
      <c r="A2445" s="6" t="s">
        <v>2815</v>
      </c>
      <c r="B2445" s="6" t="s">
        <v>324</v>
      </c>
      <c r="C2445" s="6" t="s">
        <v>47</v>
      </c>
      <c r="D2445" s="6" t="s">
        <v>11</v>
      </c>
      <c r="E2445" s="6" t="e"/>
    </row>
    <row r="2446" ht="44" customHeight="true" s="1" customFormat="true" hidden="true" outlineLevel="3">
      <c r="A2446" s="6" t="s">
        <v>2816</v>
      </c>
      <c r="B2446" s="6" t="s">
        <v>80</v>
      </c>
      <c r="C2446" s="6" t="s">
        <v>325</v>
      </c>
      <c r="D2446" s="6" t="s">
        <v>26</v>
      </c>
      <c r="E2446" s="6" t="e"/>
    </row>
    <row r="2447" ht="44" customHeight="true" s="1" customFormat="true" hidden="true" outlineLevel="3">
      <c r="A2447" s="6" t="s">
        <v>2817</v>
      </c>
      <c r="B2447" s="6" t="s">
        <v>47</v>
      </c>
      <c r="C2447" s="6" t="s">
        <v>430</v>
      </c>
      <c r="D2447" s="6" t="s">
        <v>11</v>
      </c>
      <c r="E2447" s="6" t="e"/>
    </row>
    <row r="2448" ht="33" customHeight="true" s="1" customFormat="true" hidden="true" outlineLevel="3">
      <c r="A2448" s="6" t="s">
        <v>2818</v>
      </c>
      <c r="B2448" s="6" t="s">
        <v>2819</v>
      </c>
      <c r="C2448" s="6" t="s">
        <v>55</v>
      </c>
      <c r="D2448" s="6" t="s">
        <v>26</v>
      </c>
      <c r="E2448" s="6" t="e"/>
    </row>
    <row r="2449" ht="33" customHeight="true" s="1" customFormat="true" hidden="true" outlineLevel="3">
      <c r="A2449" s="6" t="s">
        <v>2820</v>
      </c>
      <c r="B2449" s="6" t="s">
        <v>155</v>
      </c>
      <c r="C2449" s="6" t="s">
        <v>55</v>
      </c>
      <c r="D2449" s="6" t="s">
        <v>11</v>
      </c>
      <c r="E2449" s="6" t="e"/>
    </row>
    <row r="2450" ht="33" customHeight="true" s="1" customFormat="true" hidden="true" outlineLevel="3">
      <c r="A2450" s="6" t="s">
        <v>2821</v>
      </c>
      <c r="B2450" s="6" t="s">
        <v>2710</v>
      </c>
      <c r="C2450" s="6" t="s">
        <v>55</v>
      </c>
      <c r="D2450" s="6" t="s">
        <v>123</v>
      </c>
      <c r="E2450" s="6" t="e"/>
    </row>
    <row r="2451" ht="44" customHeight="true" s="1" customFormat="true" hidden="true" outlineLevel="3">
      <c r="A2451" s="6" t="s">
        <v>2822</v>
      </c>
      <c r="B2451" s="6" t="s">
        <v>126</v>
      </c>
      <c r="C2451" s="6" t="s">
        <v>55</v>
      </c>
      <c r="D2451" s="6" t="s">
        <v>26</v>
      </c>
      <c r="E2451" s="6" t="e"/>
    </row>
    <row r="2452" ht="44" customHeight="true" s="1" customFormat="true" hidden="true" outlineLevel="3">
      <c r="A2452" s="6" t="s">
        <v>2823</v>
      </c>
      <c r="B2452" s="6" t="s">
        <v>112</v>
      </c>
      <c r="C2452" s="6" t="s">
        <v>78</v>
      </c>
      <c r="D2452" s="6" t="s">
        <v>57</v>
      </c>
      <c r="E2452" s="6" t="e"/>
    </row>
    <row r="2453" ht="44" customHeight="true" s="1" customFormat="true" hidden="true" outlineLevel="3">
      <c r="A2453" s="6" t="s">
        <v>2824</v>
      </c>
      <c r="B2453" s="6" t="s">
        <v>82</v>
      </c>
      <c r="C2453" s="6" t="s">
        <v>80</v>
      </c>
      <c r="D2453" s="6" t="s">
        <v>11</v>
      </c>
      <c r="E2453" s="6" t="e"/>
    </row>
    <row r="2454" ht="56" customHeight="true" s="1" customFormat="true" hidden="true" outlineLevel="3">
      <c r="A2454" s="6" t="s">
        <v>2825</v>
      </c>
      <c r="B2454" s="6" t="s">
        <v>73</v>
      </c>
      <c r="C2454" s="6" t="s">
        <v>83</v>
      </c>
      <c r="D2454" s="6" t="s">
        <v>11</v>
      </c>
      <c r="E2454" s="6" t="e"/>
    </row>
    <row r="2455" ht="44" customHeight="true" s="1" customFormat="true" hidden="true" outlineLevel="3">
      <c r="A2455" s="6" t="s">
        <v>2826</v>
      </c>
      <c r="B2455" s="6" t="s">
        <v>73</v>
      </c>
      <c r="C2455" s="6" t="s">
        <v>83</v>
      </c>
      <c r="D2455" s="6" t="s">
        <v>11</v>
      </c>
      <c r="E2455" s="6" t="e"/>
    </row>
    <row r="2456" ht="33" customHeight="true" s="1" customFormat="true" hidden="true" outlineLevel="3">
      <c r="A2456" s="6" t="s">
        <v>2827</v>
      </c>
      <c r="B2456" s="6" t="s">
        <v>62</v>
      </c>
      <c r="C2456" s="6" t="s">
        <v>47</v>
      </c>
      <c r="D2456" s="6" t="s">
        <v>11</v>
      </c>
      <c r="E2456" s="6" t="e"/>
    </row>
    <row r="2457" ht="44" customHeight="true" s="1" customFormat="true" hidden="true" outlineLevel="3">
      <c r="A2457" s="6" t="s">
        <v>2828</v>
      </c>
      <c r="B2457" s="6" t="s">
        <v>290</v>
      </c>
      <c r="C2457" s="6" t="s">
        <v>1187</v>
      </c>
      <c r="D2457" s="6" t="s">
        <v>26</v>
      </c>
      <c r="E2457" s="6" t="e"/>
    </row>
    <row r="2458" ht="44" customHeight="true" s="1" customFormat="true" hidden="true" outlineLevel="3">
      <c r="A2458" s="6" t="s">
        <v>2829</v>
      </c>
      <c r="B2458" s="6" t="s">
        <v>114</v>
      </c>
      <c r="C2458" s="6" t="s">
        <v>391</v>
      </c>
      <c r="D2458" s="6" t="s">
        <v>26</v>
      </c>
      <c r="E2458" s="6" t="e"/>
    </row>
    <row r="2459" ht="33" customHeight="true" s="1" customFormat="true" hidden="true" outlineLevel="3">
      <c r="A2459" s="6" t="s">
        <v>2830</v>
      </c>
      <c r="B2459" s="6" t="s">
        <v>371</v>
      </c>
      <c r="C2459" s="6" t="s">
        <v>235</v>
      </c>
      <c r="D2459" s="6" t="s">
        <v>11</v>
      </c>
      <c r="E2459" s="6" t="e"/>
    </row>
    <row r="2460" ht="44" customHeight="true" s="1" customFormat="true" hidden="true" outlineLevel="3">
      <c r="A2460" s="6" t="s">
        <v>2831</v>
      </c>
      <c r="B2460" s="6" t="s">
        <v>292</v>
      </c>
      <c r="C2460" s="6" t="s">
        <v>80</v>
      </c>
      <c r="D2460" s="6" t="s">
        <v>11</v>
      </c>
      <c r="E2460" s="6" t="e"/>
    </row>
    <row r="2461" ht="33" customHeight="true" s="1" customFormat="true" hidden="true" outlineLevel="3">
      <c r="A2461" s="6" t="s">
        <v>2832</v>
      </c>
      <c r="B2461" s="6" t="s">
        <v>219</v>
      </c>
      <c r="C2461" s="6" t="s">
        <v>51</v>
      </c>
      <c r="D2461" s="6" t="s">
        <v>11</v>
      </c>
      <c r="E2461" s="6" t="e"/>
    </row>
    <row r="2462" ht="33" customHeight="true" s="1" customFormat="true" hidden="true" outlineLevel="3">
      <c r="A2462" s="6" t="s">
        <v>2833</v>
      </c>
      <c r="B2462" s="6" t="s">
        <v>2710</v>
      </c>
      <c r="C2462" s="6" t="s">
        <v>55</v>
      </c>
      <c r="D2462" s="6" t="s">
        <v>123</v>
      </c>
      <c r="E2462" s="6" t="e"/>
    </row>
    <row r="2463" ht="33" customHeight="true" s="1" customFormat="true" hidden="true" outlineLevel="3">
      <c r="A2463" s="6" t="s">
        <v>2834</v>
      </c>
      <c r="B2463" s="6" t="s">
        <v>347</v>
      </c>
      <c r="C2463" s="6" t="s">
        <v>253</v>
      </c>
      <c r="D2463" s="6" t="s">
        <v>123</v>
      </c>
      <c r="E2463" s="6" t="e"/>
    </row>
    <row r="2464" ht="44" customHeight="true" s="1" customFormat="true" hidden="true" outlineLevel="3">
      <c r="A2464" s="6" t="s">
        <v>2835</v>
      </c>
      <c r="B2464" s="6" t="s">
        <v>21</v>
      </c>
      <c r="C2464" s="6" t="s">
        <v>83</v>
      </c>
      <c r="D2464" s="6" t="s">
        <v>11</v>
      </c>
      <c r="E2464" s="6" t="e"/>
    </row>
    <row r="2465" ht="44" customHeight="true" s="1" customFormat="true" hidden="true" outlineLevel="3">
      <c r="A2465" s="6" t="s">
        <v>2836</v>
      </c>
      <c r="B2465" s="6" t="s">
        <v>66</v>
      </c>
      <c r="C2465" s="6" t="s">
        <v>21</v>
      </c>
      <c r="D2465" s="6" t="s">
        <v>26</v>
      </c>
      <c r="E2465" s="6" t="e"/>
    </row>
    <row r="2466" ht="44" customHeight="true" s="1" customFormat="true" hidden="true" outlineLevel="3">
      <c r="A2466" s="6" t="s">
        <v>2837</v>
      </c>
      <c r="B2466" s="6" t="s">
        <v>72</v>
      </c>
      <c r="C2466" s="6" t="s">
        <v>82</v>
      </c>
      <c r="D2466" s="6" t="s">
        <v>11</v>
      </c>
      <c r="E2466" s="6" t="e"/>
    </row>
    <row r="2467" ht="33" customHeight="true" s="1" customFormat="true" hidden="true" outlineLevel="3">
      <c r="A2467" s="6" t="s">
        <v>2838</v>
      </c>
      <c r="B2467" s="6" t="s">
        <v>2839</v>
      </c>
      <c r="C2467" s="6" t="s">
        <v>371</v>
      </c>
      <c r="D2467" s="6" t="s">
        <v>184</v>
      </c>
      <c r="E2467" s="6" t="e"/>
    </row>
    <row r="2468" ht="33" customHeight="true" s="1" customFormat="true" hidden="true" outlineLevel="3">
      <c r="A2468" s="6" t="s">
        <v>2840</v>
      </c>
      <c r="B2468" s="6" t="s">
        <v>72</v>
      </c>
      <c r="C2468" s="6" t="s">
        <v>2768</v>
      </c>
      <c r="D2468" s="6" t="s">
        <v>11</v>
      </c>
      <c r="E2468" s="6" t="e"/>
    </row>
    <row r="2469" ht="33" customHeight="true" s="1" customFormat="true" hidden="true" outlineLevel="3">
      <c r="A2469" s="6" t="s">
        <v>2841</v>
      </c>
      <c r="B2469" s="6" t="s">
        <v>51</v>
      </c>
      <c r="C2469" s="6" t="s">
        <v>290</v>
      </c>
      <c r="D2469" s="6" t="s">
        <v>11</v>
      </c>
      <c r="E2469" s="6" t="e"/>
    </row>
    <row r="2470" ht="44" customHeight="true" s="1" customFormat="true" hidden="true" outlineLevel="3">
      <c r="A2470" s="6" t="s">
        <v>2842</v>
      </c>
      <c r="B2470" s="6" t="s">
        <v>253</v>
      </c>
      <c r="C2470" s="6" t="s">
        <v>78</v>
      </c>
      <c r="D2470" s="6" t="s">
        <v>26</v>
      </c>
      <c r="E2470" s="6" t="e"/>
    </row>
    <row r="2471" ht="78" customHeight="true" s="1" customFormat="true" hidden="true" outlineLevel="3">
      <c r="A2471" s="6" t="s">
        <v>2843</v>
      </c>
      <c r="B2471" s="6" t="s">
        <v>2844</v>
      </c>
      <c r="C2471" s="6" t="s">
        <v>1214</v>
      </c>
      <c r="D2471" s="6" t="s">
        <v>40</v>
      </c>
      <c r="E2471" s="6" t="e"/>
    </row>
    <row r="2472" ht="56" customHeight="true" s="1" customFormat="true" hidden="true" outlineLevel="3">
      <c r="A2472" s="6" t="s">
        <v>2845</v>
      </c>
      <c r="B2472" s="6" t="s">
        <v>103</v>
      </c>
      <c r="C2472" s="6" t="s">
        <v>62</v>
      </c>
      <c r="D2472" s="6" t="s">
        <v>11</v>
      </c>
      <c r="E2472" s="6" t="e"/>
    </row>
    <row r="2473" ht="44" customHeight="true" s="1" customFormat="true" hidden="true" outlineLevel="3">
      <c r="A2473" s="6" t="s">
        <v>2846</v>
      </c>
      <c r="B2473" s="6" t="e"/>
      <c r="C2473" s="6" t="s">
        <v>374</v>
      </c>
      <c r="D2473" s="6" t="s">
        <v>11</v>
      </c>
      <c r="E2473" s="6" t="e"/>
    </row>
    <row r="2474" ht="44" customHeight="true" s="1" customFormat="true" hidden="true" outlineLevel="3">
      <c r="A2474" s="6" t="s">
        <v>2847</v>
      </c>
      <c r="B2474" s="6" t="s">
        <v>73</v>
      </c>
      <c r="C2474" s="6" t="s">
        <v>1214</v>
      </c>
      <c r="D2474" s="6" t="s">
        <v>11</v>
      </c>
      <c r="E2474" s="6" t="e"/>
    </row>
    <row r="2475" ht="44" customHeight="true" s="1" customFormat="true" hidden="true" outlineLevel="3">
      <c r="A2475" s="6" t="s">
        <v>2848</v>
      </c>
      <c r="B2475" s="6" t="s">
        <v>51</v>
      </c>
      <c r="C2475" s="6" t="s">
        <v>976</v>
      </c>
      <c r="D2475" s="6" t="s">
        <v>26</v>
      </c>
      <c r="E2475" s="6" t="e"/>
    </row>
    <row r="2476" ht="44" customHeight="true" s="1" customFormat="true" hidden="true" outlineLevel="3">
      <c r="A2476" s="6" t="s">
        <v>2849</v>
      </c>
      <c r="B2476" s="6" t="e"/>
      <c r="C2476" s="6" t="s">
        <v>374</v>
      </c>
      <c r="D2476" s="6" t="s">
        <v>11</v>
      </c>
      <c r="E2476" s="6" t="e"/>
    </row>
    <row r="2477" ht="56" customHeight="true" s="1" customFormat="true" hidden="true" outlineLevel="3">
      <c r="A2477" s="6" t="s">
        <v>2850</v>
      </c>
      <c r="B2477" s="6" t="s">
        <v>2851</v>
      </c>
      <c r="C2477" s="6" t="s">
        <v>2852</v>
      </c>
      <c r="D2477" s="6" t="s">
        <v>11</v>
      </c>
      <c r="E2477" s="6" t="e"/>
    </row>
    <row r="2478" ht="44" customHeight="true" s="1" customFormat="true" hidden="true" outlineLevel="3">
      <c r="A2478" s="6" t="s">
        <v>2853</v>
      </c>
      <c r="B2478" s="6" t="s">
        <v>73</v>
      </c>
      <c r="C2478" s="6" t="s">
        <v>1168</v>
      </c>
      <c r="D2478" s="6" t="s">
        <v>11</v>
      </c>
      <c r="E2478" s="6" t="e"/>
    </row>
    <row r="2479" ht="44" customHeight="true" s="1" customFormat="true" hidden="true" outlineLevel="3">
      <c r="A2479" s="6" t="s">
        <v>2854</v>
      </c>
      <c r="B2479" s="6" t="s">
        <v>155</v>
      </c>
      <c r="C2479" s="6" t="s">
        <v>72</v>
      </c>
      <c r="D2479" s="6" t="s">
        <v>11</v>
      </c>
      <c r="E2479" s="6" t="e"/>
    </row>
    <row r="2480" ht="56" customHeight="true" s="1" customFormat="true" hidden="true" outlineLevel="3">
      <c r="A2480" s="6" t="s">
        <v>2855</v>
      </c>
      <c r="B2480" s="6" t="s">
        <v>72</v>
      </c>
      <c r="C2480" s="6" t="s">
        <v>369</v>
      </c>
      <c r="D2480" s="6" t="s">
        <v>11</v>
      </c>
      <c r="E2480" s="6" t="e"/>
    </row>
    <row r="2481" ht="44" customHeight="true" s="1" customFormat="true" hidden="true" outlineLevel="3">
      <c r="A2481" s="6" t="s">
        <v>2856</v>
      </c>
      <c r="B2481" s="6" t="s">
        <v>112</v>
      </c>
      <c r="C2481" s="6" t="s">
        <v>235</v>
      </c>
      <c r="D2481" s="6" t="s">
        <v>11</v>
      </c>
      <c r="E2481" s="6" t="e"/>
    </row>
    <row r="2482" ht="67" customHeight="true" s="1" customFormat="true" hidden="true" outlineLevel="3">
      <c r="A2482" s="6" t="s">
        <v>2857</v>
      </c>
      <c r="B2482" s="6" t="s">
        <v>2858</v>
      </c>
      <c r="C2482" s="6" t="s">
        <v>374</v>
      </c>
      <c r="D2482" s="6" t="s">
        <v>26</v>
      </c>
      <c r="E2482" s="6" t="e"/>
    </row>
    <row r="2483" ht="44" customHeight="true" s="1" customFormat="true" hidden="true" outlineLevel="3">
      <c r="A2483" s="6" t="s">
        <v>2859</v>
      </c>
      <c r="B2483" s="6" t="s">
        <v>62</v>
      </c>
      <c r="C2483" s="6" t="s">
        <v>1168</v>
      </c>
      <c r="D2483" s="6" t="s">
        <v>11</v>
      </c>
      <c r="E2483" s="6" t="e"/>
    </row>
    <row r="2484" ht="33" customHeight="true" s="1" customFormat="true" hidden="true" outlineLevel="3">
      <c r="A2484" s="6" t="s">
        <v>2860</v>
      </c>
      <c r="B2484" s="6" t="s">
        <v>80</v>
      </c>
      <c r="C2484" s="6" t="s">
        <v>47</v>
      </c>
      <c r="D2484" s="6" t="s">
        <v>11</v>
      </c>
      <c r="E2484" s="6" t="e"/>
    </row>
    <row r="2485" ht="44" customHeight="true" s="1" customFormat="true" hidden="true" outlineLevel="3">
      <c r="A2485" s="6" t="s">
        <v>2861</v>
      </c>
      <c r="B2485" s="6" t="s">
        <v>47</v>
      </c>
      <c r="C2485" s="6" t="s">
        <v>2862</v>
      </c>
      <c r="D2485" s="6" t="s">
        <v>11</v>
      </c>
      <c r="E2485" s="6" t="e"/>
    </row>
    <row r="2486" ht="44" customHeight="true" s="1" customFormat="true" hidden="true" outlineLevel="3">
      <c r="A2486" s="6" t="s">
        <v>2863</v>
      </c>
      <c r="B2486" s="6" t="e"/>
      <c r="C2486" s="6" t="s">
        <v>2852</v>
      </c>
      <c r="D2486" s="6" t="s">
        <v>11</v>
      </c>
      <c r="E2486" s="6" t="e"/>
    </row>
    <row r="2487" ht="33" customHeight="true" s="1" customFormat="true" hidden="true" outlineLevel="3">
      <c r="A2487" s="6" t="s">
        <v>2864</v>
      </c>
      <c r="B2487" s="6" t="s">
        <v>142</v>
      </c>
      <c r="C2487" s="6" t="s">
        <v>350</v>
      </c>
      <c r="D2487" s="6" t="s">
        <v>57</v>
      </c>
      <c r="E2487" s="6" t="e"/>
    </row>
    <row r="2488" ht="44" customHeight="true" s="1" customFormat="true" hidden="true" collapsed="true" outlineLevel="3">
      <c r="A2488" s="6" t="s">
        <v>2865</v>
      </c>
      <c r="B2488" s="6" t="s">
        <v>87</v>
      </c>
      <c r="C2488" s="6" t="s">
        <v>80</v>
      </c>
      <c r="D2488" s="6" t="s">
        <v>11</v>
      </c>
      <c r="E2488" s="6" t="e"/>
    </row>
    <row r="2489" ht="11" customHeight="true" s="1" customFormat="true" hidden="true" collapsed="true" outlineLevel="2">
      <c r="A2489" s="5" t="s">
        <v>2866</v>
      </c>
      <c r="B2489" s="5" t="e"/>
      <c r="C2489" s="5" t="e"/>
      <c r="D2489" s="5" t="e"/>
      <c r="E2489" s="5" t="e"/>
    </row>
    <row r="2490" ht="11" customHeight="true" s="1" customFormat="true" hidden="true" collapsed="true" outlineLevel="3">
      <c r="A2490" s="6" t="s">
        <v>2867</v>
      </c>
      <c r="B2490" s="6" t="s">
        <v>2752</v>
      </c>
      <c r="C2490" s="6" t="s">
        <v>188</v>
      </c>
      <c r="D2490" s="6" t="s">
        <v>11</v>
      </c>
      <c r="E2490" s="6" t="e"/>
    </row>
    <row r="2491" ht="11" customHeight="true" s="1" customFormat="true" hidden="true" collapsed="true" outlineLevel="2">
      <c r="A2491" s="5" t="s">
        <v>2868</v>
      </c>
      <c r="B2491" s="5" t="e"/>
      <c r="C2491" s="5" t="e"/>
      <c r="D2491" s="5" t="e"/>
      <c r="E2491" s="5" t="e"/>
    </row>
    <row r="2492" ht="22" customHeight="true" s="1" customFormat="true" hidden="true" outlineLevel="3">
      <c r="A2492" s="6" t="s">
        <v>2869</v>
      </c>
      <c r="B2492" s="6" t="s">
        <v>114</v>
      </c>
      <c r="C2492" s="6" t="s">
        <v>55</v>
      </c>
      <c r="D2492" s="6" t="s">
        <v>11</v>
      </c>
      <c r="E2492" s="6" t="e"/>
    </row>
    <row r="2493" ht="22" customHeight="true" s="1" customFormat="true" hidden="true" outlineLevel="3">
      <c r="A2493" s="6" t="s">
        <v>2870</v>
      </c>
      <c r="B2493" s="6" t="s">
        <v>1869</v>
      </c>
      <c r="C2493" s="6" t="s">
        <v>350</v>
      </c>
      <c r="D2493" s="6" t="s">
        <v>11</v>
      </c>
      <c r="E2493" s="6" t="e"/>
    </row>
    <row r="2494" ht="22" customHeight="true" s="1" customFormat="true" hidden="true" outlineLevel="3">
      <c r="A2494" s="6" t="s">
        <v>2871</v>
      </c>
      <c r="B2494" s="6" t="s">
        <v>126</v>
      </c>
      <c r="C2494" s="6" t="s">
        <v>110</v>
      </c>
      <c r="D2494" s="6" t="s">
        <v>40</v>
      </c>
      <c r="E2494" s="6" t="e"/>
    </row>
    <row r="2495" ht="33" customHeight="true" s="1" customFormat="true" hidden="true" outlineLevel="3">
      <c r="A2495" s="6" t="s">
        <v>2872</v>
      </c>
      <c r="B2495" s="6" t="s">
        <v>371</v>
      </c>
      <c r="C2495" s="6" t="s">
        <v>253</v>
      </c>
      <c r="D2495" s="6" t="s">
        <v>11</v>
      </c>
      <c r="E2495" s="6" t="e"/>
    </row>
    <row r="2496" ht="56" customHeight="true" s="1" customFormat="true" hidden="true" outlineLevel="3">
      <c r="A2496" s="6" t="s">
        <v>2873</v>
      </c>
      <c r="B2496" s="6" t="e"/>
      <c r="C2496" s="6" t="s">
        <v>62</v>
      </c>
      <c r="D2496" s="6" t="s">
        <v>11</v>
      </c>
      <c r="E2496" s="6" t="e"/>
    </row>
    <row r="2497" ht="33" customHeight="true" s="1" customFormat="true" hidden="true" outlineLevel="3">
      <c r="A2497" s="6" t="s">
        <v>2874</v>
      </c>
      <c r="B2497" s="6" t="s">
        <v>77</v>
      </c>
      <c r="C2497" s="6" t="s">
        <v>87</v>
      </c>
      <c r="D2497" s="6" t="s">
        <v>11</v>
      </c>
      <c r="E2497" s="6" t="e"/>
    </row>
    <row r="2498" ht="44" customHeight="true" s="1" customFormat="true" hidden="true" outlineLevel="3">
      <c r="A2498" s="6" t="s">
        <v>2875</v>
      </c>
      <c r="B2498" s="6" t="s">
        <v>376</v>
      </c>
      <c r="C2498" s="6" t="s">
        <v>112</v>
      </c>
      <c r="D2498" s="6" t="s">
        <v>11</v>
      </c>
      <c r="E2498" s="6" t="e"/>
    </row>
    <row r="2499" ht="22" customHeight="true" s="1" customFormat="true" hidden="true" outlineLevel="3">
      <c r="A2499" s="6" t="s">
        <v>2876</v>
      </c>
      <c r="B2499" s="6" t="s">
        <v>2877</v>
      </c>
      <c r="C2499" s="6" t="s">
        <v>55</v>
      </c>
      <c r="D2499" s="6" t="s">
        <v>11</v>
      </c>
      <c r="E2499" s="6" t="e"/>
    </row>
    <row r="2500" ht="22" customHeight="true" s="1" customFormat="true" hidden="true" outlineLevel="3">
      <c r="A2500" s="6" t="s">
        <v>2878</v>
      </c>
      <c r="B2500" s="6" t="s">
        <v>114</v>
      </c>
      <c r="C2500" s="6" t="s">
        <v>350</v>
      </c>
      <c r="D2500" s="6" t="s">
        <v>123</v>
      </c>
      <c r="E2500" s="6" t="e"/>
    </row>
    <row r="2501" ht="22" customHeight="true" s="1" customFormat="true" hidden="true" outlineLevel="3">
      <c r="A2501" s="6" t="s">
        <v>2879</v>
      </c>
      <c r="B2501" s="6" t="s">
        <v>50</v>
      </c>
      <c r="C2501" s="6" t="s">
        <v>55</v>
      </c>
      <c r="D2501" s="6" t="s">
        <v>11</v>
      </c>
      <c r="E2501" s="6" t="e"/>
    </row>
    <row r="2502" ht="22" customHeight="true" s="1" customFormat="true" hidden="true" outlineLevel="3">
      <c r="A2502" s="6" t="s">
        <v>2880</v>
      </c>
      <c r="B2502" s="6" t="s">
        <v>126</v>
      </c>
      <c r="C2502" s="6" t="s">
        <v>350</v>
      </c>
      <c r="D2502" s="6" t="s">
        <v>26</v>
      </c>
      <c r="E2502" s="6" t="e"/>
    </row>
    <row r="2503" ht="22" customHeight="true" s="1" customFormat="true" hidden="true" outlineLevel="3">
      <c r="A2503" s="6" t="s">
        <v>2881</v>
      </c>
      <c r="B2503" s="6" t="s">
        <v>126</v>
      </c>
      <c r="C2503" s="6" t="s">
        <v>350</v>
      </c>
      <c r="D2503" s="6" t="s">
        <v>11</v>
      </c>
      <c r="E2503" s="6" t="e"/>
    </row>
    <row r="2504" ht="22" customHeight="true" s="1" customFormat="true" hidden="true" outlineLevel="3">
      <c r="A2504" s="6" t="s">
        <v>2882</v>
      </c>
      <c r="B2504" s="6" t="s">
        <v>339</v>
      </c>
      <c r="C2504" s="6" t="s">
        <v>110</v>
      </c>
      <c r="D2504" s="6" t="s">
        <v>123</v>
      </c>
      <c r="E2504" s="6" t="e"/>
    </row>
    <row r="2505" ht="22" customHeight="true" s="1" customFormat="true" hidden="true" outlineLevel="3">
      <c r="A2505" s="6" t="s">
        <v>2883</v>
      </c>
      <c r="B2505" s="6" t="s">
        <v>126</v>
      </c>
      <c r="C2505" s="6" t="s">
        <v>350</v>
      </c>
      <c r="D2505" s="6" t="s">
        <v>40</v>
      </c>
      <c r="E2505" s="6" t="e"/>
    </row>
    <row r="2506" ht="22" customHeight="true" s="1" customFormat="true" hidden="true" outlineLevel="3">
      <c r="A2506" s="6" t="s">
        <v>2884</v>
      </c>
      <c r="B2506" s="6" t="s">
        <v>188</v>
      </c>
      <c r="C2506" s="6" t="s">
        <v>110</v>
      </c>
      <c r="D2506" s="6" t="s">
        <v>26</v>
      </c>
      <c r="E2506" s="6" t="e"/>
    </row>
    <row r="2507" ht="22" customHeight="true" s="1" customFormat="true" hidden="true" outlineLevel="3">
      <c r="A2507" s="6" t="s">
        <v>2885</v>
      </c>
      <c r="B2507" s="6" t="s">
        <v>126</v>
      </c>
      <c r="C2507" s="6" t="s">
        <v>350</v>
      </c>
      <c r="D2507" s="6" t="s">
        <v>26</v>
      </c>
      <c r="E2507" s="6" t="e"/>
    </row>
    <row r="2508" ht="33" customHeight="true" s="1" customFormat="true" hidden="true" outlineLevel="3">
      <c r="A2508" s="6" t="s">
        <v>2886</v>
      </c>
      <c r="B2508" s="6" t="s">
        <v>72</v>
      </c>
      <c r="C2508" s="6" t="s">
        <v>62</v>
      </c>
      <c r="D2508" s="6" t="s">
        <v>11</v>
      </c>
      <c r="E2508" s="6" t="e"/>
    </row>
    <row r="2509" ht="33" customHeight="true" s="1" customFormat="true" hidden="true" outlineLevel="3">
      <c r="A2509" s="6" t="s">
        <v>2887</v>
      </c>
      <c r="B2509" s="6" t="s">
        <v>77</v>
      </c>
      <c r="C2509" s="6" t="s">
        <v>428</v>
      </c>
      <c r="D2509" s="6" t="s">
        <v>11</v>
      </c>
      <c r="E2509" s="6" t="e"/>
    </row>
    <row r="2510" ht="44" customHeight="true" s="1" customFormat="true" hidden="true" outlineLevel="3">
      <c r="A2510" s="6" t="s">
        <v>2888</v>
      </c>
      <c r="B2510" s="6" t="s">
        <v>73</v>
      </c>
      <c r="C2510" s="6" t="s">
        <v>324</v>
      </c>
      <c r="D2510" s="6" t="s">
        <v>11</v>
      </c>
      <c r="E2510" s="6" t="e"/>
    </row>
    <row r="2511" ht="33" customHeight="true" s="1" customFormat="true" hidden="true" outlineLevel="3">
      <c r="A2511" s="6" t="s">
        <v>2889</v>
      </c>
      <c r="B2511" s="6" t="s">
        <v>253</v>
      </c>
      <c r="C2511" s="6" t="s">
        <v>87</v>
      </c>
      <c r="D2511" s="6" t="s">
        <v>11</v>
      </c>
      <c r="E2511" s="6" t="e"/>
    </row>
    <row r="2512" ht="44" customHeight="true" s="1" customFormat="true" hidden="true" outlineLevel="3">
      <c r="A2512" s="6" t="s">
        <v>2890</v>
      </c>
      <c r="B2512" s="6" t="s">
        <v>62</v>
      </c>
      <c r="C2512" s="6" t="s">
        <v>391</v>
      </c>
      <c r="D2512" s="6" t="s">
        <v>11</v>
      </c>
      <c r="E2512" s="6" t="e"/>
    </row>
    <row r="2513" ht="56" customHeight="true" s="1" customFormat="true" hidden="true" outlineLevel="3">
      <c r="A2513" s="6" t="s">
        <v>2891</v>
      </c>
      <c r="B2513" s="6" t="s">
        <v>72</v>
      </c>
      <c r="C2513" s="6" t="s">
        <v>391</v>
      </c>
      <c r="D2513" s="6" t="s">
        <v>11</v>
      </c>
      <c r="E2513" s="6" t="e"/>
    </row>
    <row r="2514" ht="44" customHeight="true" s="1" customFormat="true" hidden="true" outlineLevel="3">
      <c r="A2514" s="6" t="s">
        <v>2892</v>
      </c>
      <c r="B2514" s="6" t="s">
        <v>21</v>
      </c>
      <c r="C2514" s="6" t="s">
        <v>62</v>
      </c>
      <c r="D2514" s="6" t="s">
        <v>11</v>
      </c>
      <c r="E2514" s="6" t="e"/>
    </row>
    <row r="2515" ht="44" customHeight="true" s="1" customFormat="true" hidden="true" outlineLevel="3">
      <c r="A2515" s="6" t="s">
        <v>2893</v>
      </c>
      <c r="B2515" s="6" t="s">
        <v>51</v>
      </c>
      <c r="C2515" s="6" t="s">
        <v>62</v>
      </c>
      <c r="D2515" s="6" t="s">
        <v>11</v>
      </c>
      <c r="E2515" s="6" t="e"/>
    </row>
    <row r="2516" ht="44" customHeight="true" s="1" customFormat="true" hidden="true" collapsed="true" outlineLevel="3">
      <c r="A2516" s="6" t="s">
        <v>2894</v>
      </c>
      <c r="B2516" s="6" t="s">
        <v>77</v>
      </c>
      <c r="C2516" s="6" t="s">
        <v>391</v>
      </c>
      <c r="D2516" s="6" t="s">
        <v>11</v>
      </c>
      <c r="E2516" s="6" t="e"/>
    </row>
    <row r="2517" ht="11" customHeight="true" s="1" customFormat="true" hidden="true" collapsed="true" outlineLevel="2">
      <c r="A2517" s="5" t="s">
        <v>2895</v>
      </c>
      <c r="B2517" s="5" t="e"/>
      <c r="C2517" s="5" t="e"/>
      <c r="D2517" s="5" t="e"/>
      <c r="E2517" s="5" t="e"/>
    </row>
    <row r="2518" ht="11" customHeight="true" s="1" customFormat="true" hidden="true" outlineLevel="3">
      <c r="A2518" s="6" t="s">
        <v>2896</v>
      </c>
      <c r="B2518" s="6" t="s">
        <v>219</v>
      </c>
      <c r="C2518" s="6" t="s">
        <v>72</v>
      </c>
      <c r="D2518" s="6" t="s">
        <v>11</v>
      </c>
      <c r="E2518" s="6" t="e"/>
    </row>
    <row r="2519" ht="11" customHeight="true" s="1" customFormat="true" hidden="true" collapsed="true" outlineLevel="3">
      <c r="A2519" s="6" t="s">
        <v>2897</v>
      </c>
      <c r="B2519" s="6" t="s">
        <v>219</v>
      </c>
      <c r="C2519" s="6" t="s">
        <v>72</v>
      </c>
      <c r="D2519" s="6" t="s">
        <v>11</v>
      </c>
      <c r="E2519" s="6" t="e"/>
    </row>
    <row r="2520" ht="11" customHeight="true" s="1" customFormat="true" hidden="true" collapsed="true" outlineLevel="2">
      <c r="A2520" s="5" t="s">
        <v>2898</v>
      </c>
      <c r="B2520" s="5" t="e"/>
      <c r="C2520" s="5" t="e"/>
      <c r="D2520" s="5" t="e"/>
      <c r="E2520" s="5" t="e"/>
    </row>
    <row r="2521" ht="22" customHeight="true" s="1" customFormat="true" hidden="true" outlineLevel="3">
      <c r="A2521" s="6" t="s">
        <v>2899</v>
      </c>
      <c r="B2521" s="6" t="s">
        <v>61</v>
      </c>
      <c r="C2521" s="6" t="s">
        <v>82</v>
      </c>
      <c r="D2521" s="6" t="s">
        <v>11</v>
      </c>
      <c r="E2521" s="6" t="e"/>
    </row>
    <row r="2522" ht="22" customHeight="true" s="1" customFormat="true" hidden="true" collapsed="true" outlineLevel="3">
      <c r="A2522" s="6" t="s">
        <v>2900</v>
      </c>
      <c r="B2522" s="6" t="s">
        <v>61</v>
      </c>
      <c r="C2522" s="6" t="s">
        <v>82</v>
      </c>
      <c r="D2522" s="6" t="s">
        <v>11</v>
      </c>
      <c r="E2522" s="6" t="e"/>
    </row>
    <row r="2523" ht="11" customHeight="true" s="1" customFormat="true" hidden="true" collapsed="true" outlineLevel="2">
      <c r="A2523" s="5" t="s">
        <v>2901</v>
      </c>
      <c r="B2523" s="5" t="e"/>
      <c r="C2523" s="5" t="e"/>
      <c r="D2523" s="5" t="e"/>
      <c r="E2523" s="5" t="e"/>
    </row>
    <row r="2524" ht="22" customHeight="true" s="1" customFormat="true" hidden="true" outlineLevel="3">
      <c r="A2524" s="6" t="s">
        <v>2902</v>
      </c>
      <c r="B2524" s="6" t="s">
        <v>230</v>
      </c>
      <c r="C2524" s="6" t="s">
        <v>428</v>
      </c>
      <c r="D2524" s="6" t="s">
        <v>11</v>
      </c>
      <c r="E2524" s="6" t="e"/>
    </row>
    <row r="2525" ht="22" customHeight="true" s="1" customFormat="true" hidden="true" outlineLevel="3">
      <c r="A2525" s="6" t="s">
        <v>2903</v>
      </c>
      <c r="B2525" s="6" t="s">
        <v>292</v>
      </c>
      <c r="C2525" s="6" t="s">
        <v>83</v>
      </c>
      <c r="D2525" s="6" t="s">
        <v>11</v>
      </c>
      <c r="E2525" s="6" t="e"/>
    </row>
    <row r="2526" ht="22" customHeight="true" s="1" customFormat="true" hidden="true" outlineLevel="3">
      <c r="A2526" s="6" t="s">
        <v>2904</v>
      </c>
      <c r="B2526" s="6" t="s">
        <v>62</v>
      </c>
      <c r="C2526" s="6" t="s">
        <v>2687</v>
      </c>
      <c r="D2526" s="6" t="s">
        <v>11</v>
      </c>
      <c r="E2526" s="6" t="e"/>
    </row>
    <row r="2527" ht="44" customHeight="true" s="1" customFormat="true" hidden="true" outlineLevel="3">
      <c r="A2527" s="6" t="s">
        <v>2905</v>
      </c>
      <c r="B2527" s="6" t="s">
        <v>62</v>
      </c>
      <c r="C2527" s="6" t="s">
        <v>290</v>
      </c>
      <c r="D2527" s="6" t="s">
        <v>11</v>
      </c>
      <c r="E2527" s="6" t="e"/>
    </row>
    <row r="2528" ht="22" customHeight="true" s="1" customFormat="true" hidden="true" outlineLevel="3">
      <c r="A2528" s="6" t="s">
        <v>2906</v>
      </c>
      <c r="B2528" s="6" t="s">
        <v>428</v>
      </c>
      <c r="C2528" s="6" t="s">
        <v>2678</v>
      </c>
      <c r="D2528" s="6" t="s">
        <v>11</v>
      </c>
      <c r="E2528" s="6" t="e"/>
    </row>
    <row r="2529" ht="22" customHeight="true" s="1" customFormat="true" hidden="true" outlineLevel="3">
      <c r="A2529" s="6" t="s">
        <v>2907</v>
      </c>
      <c r="B2529" s="6" t="e"/>
      <c r="C2529" s="6" t="s">
        <v>13</v>
      </c>
      <c r="D2529" s="6" t="s">
        <v>11</v>
      </c>
      <c r="E2529" s="6" t="e"/>
    </row>
    <row r="2530" ht="22" customHeight="true" s="1" customFormat="true" hidden="true" outlineLevel="3">
      <c r="A2530" s="6" t="s">
        <v>2908</v>
      </c>
      <c r="B2530" s="6" t="s">
        <v>62</v>
      </c>
      <c r="C2530" s="6" t="s">
        <v>2909</v>
      </c>
      <c r="D2530" s="6" t="s">
        <v>11</v>
      </c>
      <c r="E2530" s="6" t="e"/>
    </row>
    <row r="2531" ht="22" customHeight="true" s="1" customFormat="true" hidden="true" outlineLevel="3">
      <c r="A2531" s="6" t="s">
        <v>2910</v>
      </c>
      <c r="B2531" s="6" t="s">
        <v>230</v>
      </c>
      <c r="C2531" s="6" t="s">
        <v>83</v>
      </c>
      <c r="D2531" s="6" t="s">
        <v>11</v>
      </c>
      <c r="E2531" s="6" t="e"/>
    </row>
    <row r="2532" ht="22" customHeight="true" s="1" customFormat="true" hidden="true" outlineLevel="3">
      <c r="A2532" s="6" t="s">
        <v>2911</v>
      </c>
      <c r="B2532" s="6" t="s">
        <v>73</v>
      </c>
      <c r="C2532" s="6" t="s">
        <v>290</v>
      </c>
      <c r="D2532" s="6" t="s">
        <v>11</v>
      </c>
      <c r="E2532" s="6" t="e"/>
    </row>
    <row r="2533" ht="22" customHeight="true" s="1" customFormat="true" hidden="true" outlineLevel="3">
      <c r="A2533" s="6" t="s">
        <v>2912</v>
      </c>
      <c r="B2533" s="6" t="s">
        <v>292</v>
      </c>
      <c r="C2533" s="6" t="s">
        <v>2687</v>
      </c>
      <c r="D2533" s="6" t="s">
        <v>11</v>
      </c>
      <c r="E2533" s="6" t="e"/>
    </row>
    <row r="2534" ht="22" customHeight="true" s="1" customFormat="true" hidden="true" outlineLevel="3">
      <c r="A2534" s="6" t="s">
        <v>2913</v>
      </c>
      <c r="B2534" s="6" t="s">
        <v>289</v>
      </c>
      <c r="C2534" s="6" t="s">
        <v>290</v>
      </c>
      <c r="D2534" s="6" t="s">
        <v>11</v>
      </c>
      <c r="E2534" s="6" t="e"/>
    </row>
    <row r="2535" ht="22" customHeight="true" s="1" customFormat="true" hidden="true" outlineLevel="3">
      <c r="A2535" s="6" t="s">
        <v>2914</v>
      </c>
      <c r="B2535" s="6" t="s">
        <v>230</v>
      </c>
      <c r="C2535" s="6" t="s">
        <v>83</v>
      </c>
      <c r="D2535" s="6" t="s">
        <v>11</v>
      </c>
      <c r="E2535" s="6" t="e"/>
    </row>
    <row r="2536" ht="22" customHeight="true" s="1" customFormat="true" hidden="true" outlineLevel="3">
      <c r="A2536" s="6" t="s">
        <v>2915</v>
      </c>
      <c r="B2536" s="6" t="s">
        <v>1181</v>
      </c>
      <c r="C2536" s="6" t="s">
        <v>325</v>
      </c>
      <c r="D2536" s="6" t="s">
        <v>11</v>
      </c>
      <c r="E2536" s="6" t="e"/>
    </row>
    <row r="2537" ht="22" customHeight="true" s="1" customFormat="true" hidden="true" collapsed="true" outlineLevel="3">
      <c r="A2537" s="6" t="s">
        <v>2916</v>
      </c>
      <c r="B2537" s="6" t="s">
        <v>73</v>
      </c>
      <c r="C2537" s="6" t="s">
        <v>290</v>
      </c>
      <c r="D2537" s="6" t="s">
        <v>11</v>
      </c>
      <c r="E2537" s="6" t="e"/>
    </row>
    <row r="2538" ht="11" customHeight="true" s="1" customFormat="true" hidden="true" collapsed="true" outlineLevel="2">
      <c r="A2538" s="5" t="s">
        <v>2917</v>
      </c>
      <c r="B2538" s="5" t="e"/>
      <c r="C2538" s="5" t="e"/>
      <c r="D2538" s="5" t="e"/>
      <c r="E2538" s="5" t="e"/>
    </row>
    <row r="2539" ht="33" customHeight="true" s="1" customFormat="true" hidden="true" outlineLevel="3">
      <c r="A2539" s="6" t="s">
        <v>2918</v>
      </c>
      <c r="B2539" s="6" t="s">
        <v>62</v>
      </c>
      <c r="C2539" s="6" t="s">
        <v>428</v>
      </c>
      <c r="D2539" s="6" t="s">
        <v>11</v>
      </c>
      <c r="E2539" s="6" t="e"/>
    </row>
    <row r="2540" ht="33" customHeight="true" s="1" customFormat="true" hidden="true" outlineLevel="3">
      <c r="A2540" s="6" t="s">
        <v>2919</v>
      </c>
      <c r="B2540" s="6" t="s">
        <v>371</v>
      </c>
      <c r="C2540" s="6" t="s">
        <v>369</v>
      </c>
      <c r="D2540" s="6" t="s">
        <v>11</v>
      </c>
      <c r="E2540" s="6" t="e"/>
    </row>
    <row r="2541" ht="33" customHeight="true" s="1" customFormat="true" hidden="true" outlineLevel="3">
      <c r="A2541" s="6" t="s">
        <v>2920</v>
      </c>
      <c r="B2541" s="6" t="e"/>
      <c r="C2541" s="6" t="s">
        <v>80</v>
      </c>
      <c r="D2541" s="6" t="s">
        <v>11</v>
      </c>
      <c r="E2541" s="6" t="e"/>
    </row>
    <row r="2542" ht="33" customHeight="true" s="1" customFormat="true" hidden="true" outlineLevel="3">
      <c r="A2542" s="6" t="s">
        <v>2921</v>
      </c>
      <c r="B2542" s="6" t="s">
        <v>82</v>
      </c>
      <c r="C2542" s="6" t="s">
        <v>2786</v>
      </c>
      <c r="D2542" s="6" t="s">
        <v>11</v>
      </c>
      <c r="E2542" s="6" t="e"/>
    </row>
    <row r="2543" ht="44" customHeight="true" s="1" customFormat="true" hidden="true" outlineLevel="3">
      <c r="A2543" s="6" t="s">
        <v>2922</v>
      </c>
      <c r="B2543" s="6" t="s">
        <v>21</v>
      </c>
      <c r="C2543" s="6" t="s">
        <v>1214</v>
      </c>
      <c r="D2543" s="6" t="s">
        <v>11</v>
      </c>
      <c r="E2543" s="6" t="e"/>
    </row>
    <row r="2544" ht="33" customHeight="true" s="1" customFormat="true" hidden="true" collapsed="true" outlineLevel="3">
      <c r="A2544" s="6" t="s">
        <v>2923</v>
      </c>
      <c r="B2544" s="6" t="s">
        <v>73</v>
      </c>
      <c r="C2544" s="6" t="s">
        <v>80</v>
      </c>
      <c r="D2544" s="6" t="s">
        <v>11</v>
      </c>
      <c r="E2544" s="6" t="e"/>
    </row>
    <row r="2545" ht="11" customHeight="true" s="1" customFormat="true" hidden="true" collapsed="true" outlineLevel="2">
      <c r="A2545" s="5" t="s">
        <v>2924</v>
      </c>
      <c r="B2545" s="5" t="e"/>
      <c r="C2545" s="5" t="e"/>
      <c r="D2545" s="5" t="e"/>
      <c r="E2545" s="5" t="e"/>
    </row>
    <row r="2546" ht="22" customHeight="true" s="1" customFormat="true" hidden="true" outlineLevel="3">
      <c r="A2546" s="6" t="s">
        <v>2925</v>
      </c>
      <c r="B2546" s="6" t="s">
        <v>219</v>
      </c>
      <c r="C2546" s="6" t="s">
        <v>55</v>
      </c>
      <c r="D2546" s="6" t="s">
        <v>11</v>
      </c>
      <c r="E2546" s="6" t="e"/>
    </row>
    <row r="2547" ht="56" customHeight="true" s="1" customFormat="true" hidden="true" outlineLevel="3">
      <c r="A2547" s="6" t="s">
        <v>2926</v>
      </c>
      <c r="B2547" s="6" t="s">
        <v>73</v>
      </c>
      <c r="C2547" s="6" t="s">
        <v>13</v>
      </c>
      <c r="D2547" s="6" t="s">
        <v>26</v>
      </c>
      <c r="E2547" s="6" t="e"/>
    </row>
    <row r="2548" ht="11" customHeight="true" s="1" customFormat="true" hidden="true" outlineLevel="3">
      <c r="A2548" s="6" t="s">
        <v>2927</v>
      </c>
      <c r="B2548" s="6" t="s">
        <v>51</v>
      </c>
      <c r="C2548" s="6" t="s">
        <v>82</v>
      </c>
      <c r="D2548" s="6" t="s">
        <v>11</v>
      </c>
      <c r="E2548" s="6" t="e"/>
    </row>
    <row r="2549" ht="11" customHeight="true" s="1" customFormat="true" hidden="true" outlineLevel="3">
      <c r="A2549" s="6" t="s">
        <v>2928</v>
      </c>
      <c r="B2549" s="6" t="s">
        <v>371</v>
      </c>
      <c r="C2549" s="6" t="s">
        <v>82</v>
      </c>
      <c r="D2549" s="6" t="s">
        <v>11</v>
      </c>
      <c r="E2549" s="6" t="e"/>
    </row>
    <row r="2550" ht="33" customHeight="true" s="1" customFormat="true" hidden="true" outlineLevel="3">
      <c r="A2550" s="6" t="s">
        <v>2929</v>
      </c>
      <c r="B2550" s="6" t="s">
        <v>364</v>
      </c>
      <c r="C2550" s="6" t="s">
        <v>292</v>
      </c>
      <c r="D2550" s="6" t="s">
        <v>11</v>
      </c>
      <c r="E2550" s="6" t="e"/>
    </row>
    <row r="2551" ht="33" customHeight="true" s="1" customFormat="true" hidden="true" outlineLevel="3">
      <c r="A2551" s="6" t="s">
        <v>2930</v>
      </c>
      <c r="B2551" s="6" t="s">
        <v>155</v>
      </c>
      <c r="C2551" s="6" t="s">
        <v>292</v>
      </c>
      <c r="D2551" s="6" t="s">
        <v>11</v>
      </c>
      <c r="E2551" s="6" t="e"/>
    </row>
    <row r="2552" ht="44" customHeight="true" s="1" customFormat="true" hidden="true" outlineLevel="3">
      <c r="A2552" s="6" t="s">
        <v>2931</v>
      </c>
      <c r="B2552" s="6" t="s">
        <v>127</v>
      </c>
      <c r="C2552" s="6" t="s">
        <v>73</v>
      </c>
      <c r="D2552" s="6" t="s">
        <v>11</v>
      </c>
      <c r="E2552" s="6" t="e"/>
    </row>
    <row r="2553" ht="33" customHeight="true" s="1" customFormat="true" hidden="true" outlineLevel="3">
      <c r="A2553" s="6" t="s">
        <v>2932</v>
      </c>
      <c r="B2553" s="6" t="s">
        <v>55</v>
      </c>
      <c r="C2553" s="6" t="s">
        <v>73</v>
      </c>
      <c r="D2553" s="6" t="s">
        <v>11</v>
      </c>
      <c r="E2553" s="6" t="e"/>
    </row>
    <row r="2554" ht="44" customHeight="true" s="1" customFormat="true" hidden="true" outlineLevel="3">
      <c r="A2554" s="6" t="s">
        <v>2933</v>
      </c>
      <c r="B2554" s="6" t="s">
        <v>61</v>
      </c>
      <c r="C2554" s="6" t="s">
        <v>73</v>
      </c>
      <c r="D2554" s="6" t="s">
        <v>11</v>
      </c>
      <c r="E2554" s="6" t="e"/>
    </row>
    <row r="2555" ht="33" customHeight="true" s="1" customFormat="true" hidden="true" outlineLevel="3">
      <c r="A2555" s="6" t="s">
        <v>2934</v>
      </c>
      <c r="B2555" s="6" t="s">
        <v>127</v>
      </c>
      <c r="C2555" s="6" t="s">
        <v>62</v>
      </c>
      <c r="D2555" s="6" t="s">
        <v>11</v>
      </c>
      <c r="E2555" s="6" t="e"/>
    </row>
    <row r="2556" ht="33" customHeight="true" s="1" customFormat="true" hidden="true" outlineLevel="3">
      <c r="A2556" s="6" t="s">
        <v>2935</v>
      </c>
      <c r="B2556" s="6" t="s">
        <v>350</v>
      </c>
      <c r="C2556" s="6" t="s">
        <v>2768</v>
      </c>
      <c r="D2556" s="6" t="s">
        <v>11</v>
      </c>
      <c r="E2556" s="6" t="e"/>
    </row>
    <row r="2557" ht="44" customHeight="true" s="1" customFormat="true" hidden="true" outlineLevel="3">
      <c r="A2557" s="6" t="s">
        <v>2936</v>
      </c>
      <c r="B2557" s="6" t="e"/>
      <c r="C2557" s="6" t="s">
        <v>290</v>
      </c>
      <c r="D2557" s="6" t="s">
        <v>11</v>
      </c>
      <c r="E2557" s="6" t="e"/>
    </row>
    <row r="2558" ht="33" customHeight="true" s="1" customFormat="true" hidden="true" outlineLevel="3">
      <c r="A2558" s="6" t="s">
        <v>2937</v>
      </c>
      <c r="B2558" s="6" t="s">
        <v>219</v>
      </c>
      <c r="C2558" s="6" t="s">
        <v>369</v>
      </c>
      <c r="D2558" s="6" t="s">
        <v>11</v>
      </c>
      <c r="E2558" s="6" t="e"/>
    </row>
    <row r="2559" ht="33" customHeight="true" s="1" customFormat="true" hidden="true" outlineLevel="3">
      <c r="A2559" s="6" t="s">
        <v>2938</v>
      </c>
      <c r="B2559" s="6" t="e"/>
      <c r="C2559" s="6" t="s">
        <v>127</v>
      </c>
      <c r="D2559" s="6" t="s">
        <v>11</v>
      </c>
      <c r="E2559" s="6" t="e"/>
    </row>
    <row r="2560" ht="33" customHeight="true" s="1" customFormat="true" hidden="true" outlineLevel="3">
      <c r="A2560" s="6" t="s">
        <v>2939</v>
      </c>
      <c r="B2560" s="6" t="s">
        <v>188</v>
      </c>
      <c r="C2560" s="6" t="s">
        <v>127</v>
      </c>
      <c r="D2560" s="6" t="s">
        <v>11</v>
      </c>
      <c r="E2560" s="6" t="e"/>
    </row>
    <row r="2561" ht="33" customHeight="true" s="1" customFormat="true" hidden="true" outlineLevel="3">
      <c r="A2561" s="6" t="s">
        <v>2940</v>
      </c>
      <c r="B2561" s="6" t="e"/>
      <c r="C2561" s="6" t="s">
        <v>72</v>
      </c>
      <c r="D2561" s="6" t="s">
        <v>11</v>
      </c>
      <c r="E2561" s="6" t="e"/>
    </row>
    <row r="2562" ht="33" customHeight="true" s="1" customFormat="true" hidden="true" outlineLevel="3">
      <c r="A2562" s="6" t="s">
        <v>2941</v>
      </c>
      <c r="B2562" s="6" t="e"/>
      <c r="C2562" s="6" t="s">
        <v>371</v>
      </c>
      <c r="D2562" s="6" t="s">
        <v>11</v>
      </c>
      <c r="E2562" s="6" t="e"/>
    </row>
    <row r="2563" ht="33" customHeight="true" s="1" customFormat="true" hidden="true" outlineLevel="3">
      <c r="A2563" s="6" t="s">
        <v>2942</v>
      </c>
      <c r="B2563" s="6" t="s">
        <v>350</v>
      </c>
      <c r="C2563" s="6" t="s">
        <v>369</v>
      </c>
      <c r="D2563" s="6" t="s">
        <v>11</v>
      </c>
      <c r="E2563" s="6" t="e"/>
    </row>
    <row r="2564" ht="33" customHeight="true" s="1" customFormat="true" hidden="true" outlineLevel="3">
      <c r="A2564" s="6" t="s">
        <v>2943</v>
      </c>
      <c r="B2564" s="6" t="s">
        <v>371</v>
      </c>
      <c r="C2564" s="6" t="s">
        <v>62</v>
      </c>
      <c r="D2564" s="6" t="s">
        <v>11</v>
      </c>
      <c r="E2564" s="6" t="e"/>
    </row>
    <row r="2565" ht="33" customHeight="true" s="1" customFormat="true" hidden="true" outlineLevel="3">
      <c r="A2565" s="6" t="s">
        <v>2944</v>
      </c>
      <c r="B2565" s="6" t="s">
        <v>371</v>
      </c>
      <c r="C2565" s="6" t="s">
        <v>73</v>
      </c>
      <c r="D2565" s="6" t="s">
        <v>11</v>
      </c>
      <c r="E2565" s="6" t="e"/>
    </row>
    <row r="2566" ht="33" customHeight="true" s="1" customFormat="true" hidden="true" outlineLevel="3">
      <c r="A2566" s="6" t="s">
        <v>2945</v>
      </c>
      <c r="B2566" s="6" t="s">
        <v>188</v>
      </c>
      <c r="C2566" s="6" t="s">
        <v>72</v>
      </c>
      <c r="D2566" s="6" t="s">
        <v>26</v>
      </c>
      <c r="E2566" s="6" t="e"/>
    </row>
    <row r="2567" ht="33" customHeight="true" s="1" customFormat="true" hidden="true" outlineLevel="3">
      <c r="A2567" s="6" t="s">
        <v>2946</v>
      </c>
      <c r="B2567" s="6" t="s">
        <v>126</v>
      </c>
      <c r="C2567" s="6" t="s">
        <v>127</v>
      </c>
      <c r="D2567" s="6" t="s">
        <v>11</v>
      </c>
      <c r="E2567" s="6" t="e"/>
    </row>
    <row r="2568" ht="33" customHeight="true" s="1" customFormat="true" hidden="true" outlineLevel="3">
      <c r="A2568" s="6" t="s">
        <v>2947</v>
      </c>
      <c r="B2568" s="6" t="s">
        <v>142</v>
      </c>
      <c r="C2568" s="6" t="s">
        <v>77</v>
      </c>
      <c r="D2568" s="6" t="s">
        <v>11</v>
      </c>
      <c r="E2568" s="6" t="e"/>
    </row>
    <row r="2569" ht="33" customHeight="true" s="1" customFormat="true" hidden="true" collapsed="true" outlineLevel="3">
      <c r="A2569" s="6" t="s">
        <v>2948</v>
      </c>
      <c r="B2569" s="6" t="s">
        <v>219</v>
      </c>
      <c r="C2569" s="6" t="s">
        <v>82</v>
      </c>
      <c r="D2569" s="6" t="s">
        <v>11</v>
      </c>
      <c r="E2569" s="6" t="e"/>
    </row>
    <row r="2570" ht="11" customHeight="true" s="1" customFormat="true" hidden="true" collapsed="true" outlineLevel="2">
      <c r="A2570" s="5" t="s">
        <v>2949</v>
      </c>
      <c r="B2570" s="5" t="e"/>
      <c r="C2570" s="5" t="e"/>
      <c r="D2570" s="5" t="e"/>
      <c r="E2570" s="5" t="e"/>
    </row>
    <row r="2571" ht="22" customHeight="true" s="1" customFormat="true" hidden="true" outlineLevel="3">
      <c r="A2571" s="6" t="s">
        <v>2950</v>
      </c>
      <c r="B2571" s="6" t="s">
        <v>324</v>
      </c>
      <c r="C2571" s="6" t="s">
        <v>2786</v>
      </c>
      <c r="D2571" s="6" t="s">
        <v>11</v>
      </c>
      <c r="E2571" s="6" t="e"/>
    </row>
    <row r="2572" ht="11" customHeight="true" collapsed="true" outlineLevel="1">
      <c r="A2572" s="5" t="s">
        <v>2951</v>
      </c>
      <c r="B2572" s="5" t="e"/>
      <c r="C2572" s="5" t="e"/>
      <c r="D2572" s="5" t="e"/>
      <c r="E2572" s="5" t="e"/>
    </row>
    <row r="2573" ht="11" customHeight="true" s="1" customFormat="true" hidden="true" collapsed="true" outlineLevel="2">
      <c r="A2573" s="5" t="s">
        <v>2952</v>
      </c>
      <c r="B2573" s="5" t="e"/>
      <c r="C2573" s="5" t="e"/>
      <c r="D2573" s="5" t="e"/>
      <c r="E2573" s="5" t="e"/>
    </row>
    <row r="2574" ht="11" customHeight="true" s="1" customFormat="true" hidden="true" outlineLevel="3">
      <c r="A2574" s="6" t="s">
        <v>2953</v>
      </c>
      <c r="B2574" s="6" t="e"/>
      <c r="C2574" s="6" t="s">
        <v>155</v>
      </c>
      <c r="D2574" s="6" t="s">
        <v>11</v>
      </c>
      <c r="E2574" s="6" t="e"/>
    </row>
    <row r="2575" ht="22" customHeight="true" s="1" customFormat="true" hidden="true" outlineLevel="3">
      <c r="A2575" s="6" t="s">
        <v>2954</v>
      </c>
      <c r="B2575" s="6" t="e"/>
      <c r="C2575" s="6" t="s">
        <v>219</v>
      </c>
      <c r="D2575" s="6" t="s">
        <v>11</v>
      </c>
      <c r="E2575" s="6" t="e"/>
    </row>
    <row r="2576" ht="11" customHeight="true" s="1" customFormat="true" hidden="true" outlineLevel="3">
      <c r="A2576" s="6" t="s">
        <v>2955</v>
      </c>
      <c r="B2576" s="6" t="e"/>
      <c r="C2576" s="6" t="s">
        <v>219</v>
      </c>
      <c r="D2576" s="6" t="s">
        <v>26</v>
      </c>
      <c r="E2576" s="6" t="e"/>
    </row>
    <row r="2577" ht="22" customHeight="true" s="1" customFormat="true" hidden="true" outlineLevel="3">
      <c r="A2577" s="6" t="s">
        <v>2956</v>
      </c>
      <c r="B2577" s="6" t="e"/>
      <c r="C2577" s="6" t="s">
        <v>99</v>
      </c>
      <c r="D2577" s="6" t="s">
        <v>26</v>
      </c>
      <c r="E2577" s="6" t="e"/>
    </row>
    <row r="2578" ht="11" customHeight="true" s="1" customFormat="true" hidden="true" outlineLevel="3">
      <c r="A2578" s="6" t="s">
        <v>2957</v>
      </c>
      <c r="B2578" s="6" t="e"/>
      <c r="C2578" s="6" t="s">
        <v>99</v>
      </c>
      <c r="D2578" s="6" t="s">
        <v>26</v>
      </c>
      <c r="E2578" s="6" t="e"/>
    </row>
    <row r="2579" ht="11" customHeight="true" s="1" customFormat="true" hidden="true" outlineLevel="3">
      <c r="A2579" s="6" t="s">
        <v>2958</v>
      </c>
      <c r="B2579" s="6" t="e"/>
      <c r="C2579" s="6" t="s">
        <v>219</v>
      </c>
      <c r="D2579" s="6" t="s">
        <v>11</v>
      </c>
      <c r="E2579" s="6" t="e"/>
    </row>
    <row r="2580" ht="22" customHeight="true" s="1" customFormat="true" hidden="true" outlineLevel="3">
      <c r="A2580" s="6" t="s">
        <v>2959</v>
      </c>
      <c r="B2580" s="6" t="e"/>
      <c r="C2580" s="6" t="s">
        <v>149</v>
      </c>
      <c r="D2580" s="6" t="s">
        <v>11</v>
      </c>
      <c r="E2580" s="6" t="e"/>
    </row>
    <row r="2581" ht="11" customHeight="true" s="1" customFormat="true" hidden="true" outlineLevel="3">
      <c r="A2581" s="6" t="s">
        <v>2960</v>
      </c>
      <c r="B2581" s="6" t="e"/>
      <c r="C2581" s="6" t="s">
        <v>149</v>
      </c>
      <c r="D2581" s="6" t="s">
        <v>26</v>
      </c>
      <c r="E2581" s="6" t="e"/>
    </row>
    <row r="2582" ht="22" customHeight="true" s="1" customFormat="true" hidden="true" outlineLevel="3">
      <c r="A2582" s="6" t="s">
        <v>2961</v>
      </c>
      <c r="B2582" s="6" t="e"/>
      <c r="C2582" s="6" t="s">
        <v>225</v>
      </c>
      <c r="D2582" s="6" t="s">
        <v>11</v>
      </c>
      <c r="E2582" s="6" t="e"/>
    </row>
    <row r="2583" ht="11" customHeight="true" s="1" customFormat="true" hidden="true" outlineLevel="3">
      <c r="A2583" s="6" t="s">
        <v>2962</v>
      </c>
      <c r="B2583" s="6" t="e"/>
      <c r="C2583" s="6" t="s">
        <v>225</v>
      </c>
      <c r="D2583" s="6" t="s">
        <v>11</v>
      </c>
      <c r="E2583" s="6" t="e"/>
    </row>
    <row r="2584" ht="22" customHeight="true" s="1" customFormat="true" hidden="true" outlineLevel="3">
      <c r="A2584" s="6" t="s">
        <v>2963</v>
      </c>
      <c r="B2584" s="6" t="e"/>
      <c r="C2584" s="6" t="s">
        <v>155</v>
      </c>
      <c r="D2584" s="6" t="s">
        <v>26</v>
      </c>
      <c r="E2584" s="6" t="e"/>
    </row>
    <row r="2585" ht="11" customHeight="true" s="1" customFormat="true" hidden="true" outlineLevel="3">
      <c r="A2585" s="6" t="s">
        <v>2964</v>
      </c>
      <c r="B2585" s="6" t="e"/>
      <c r="C2585" s="6" t="s">
        <v>225</v>
      </c>
      <c r="D2585" s="6" t="s">
        <v>11</v>
      </c>
      <c r="E2585" s="6" t="e"/>
    </row>
    <row r="2586" ht="11" customHeight="true" s="1" customFormat="true" hidden="true" outlineLevel="3">
      <c r="A2586" s="6" t="s">
        <v>2965</v>
      </c>
      <c r="B2586" s="6" t="e"/>
      <c r="C2586" s="6" t="s">
        <v>225</v>
      </c>
      <c r="D2586" s="6" t="s">
        <v>11</v>
      </c>
      <c r="E2586" s="6" t="e"/>
    </row>
    <row r="2587" ht="44" customHeight="true" s="1" customFormat="true" hidden="true" outlineLevel="3">
      <c r="A2587" s="6" t="s">
        <v>2966</v>
      </c>
      <c r="B2587" s="6" t="e"/>
      <c r="C2587" s="6" t="s">
        <v>55</v>
      </c>
      <c r="D2587" s="6" t="s">
        <v>11</v>
      </c>
      <c r="E2587" s="6" t="e"/>
    </row>
    <row r="2588" ht="22" customHeight="true" s="1" customFormat="true" hidden="true" outlineLevel="3">
      <c r="A2588" s="6" t="s">
        <v>2967</v>
      </c>
      <c r="B2588" s="6" t="e"/>
      <c r="C2588" s="6" t="s">
        <v>167</v>
      </c>
      <c r="D2588" s="6" t="s">
        <v>26</v>
      </c>
      <c r="E2588" s="6" t="e"/>
    </row>
    <row r="2589" ht="22" customHeight="true" s="1" customFormat="true" hidden="true" outlineLevel="3">
      <c r="A2589" s="6" t="s">
        <v>2968</v>
      </c>
      <c r="B2589" s="6" t="e"/>
      <c r="C2589" s="6" t="s">
        <v>155</v>
      </c>
      <c r="D2589" s="6" t="s">
        <v>15</v>
      </c>
      <c r="E2589" s="6" t="e"/>
    </row>
    <row r="2590" ht="22" customHeight="true" s="1" customFormat="true" hidden="true" outlineLevel="3">
      <c r="A2590" s="6" t="s">
        <v>2969</v>
      </c>
      <c r="B2590" s="6" t="e"/>
      <c r="C2590" s="6" t="s">
        <v>302</v>
      </c>
      <c r="D2590" s="6" t="s">
        <v>26</v>
      </c>
      <c r="E2590" s="6" t="e"/>
    </row>
    <row r="2591" ht="22" customHeight="true" s="1" customFormat="true" hidden="true" outlineLevel="3">
      <c r="A2591" s="6" t="s">
        <v>2970</v>
      </c>
      <c r="B2591" s="6" t="e"/>
      <c r="C2591" s="6" t="s">
        <v>302</v>
      </c>
      <c r="D2591" s="6" t="s">
        <v>15</v>
      </c>
      <c r="E2591" s="6" t="e"/>
    </row>
    <row r="2592" ht="44" customHeight="true" s="1" customFormat="true" hidden="true" outlineLevel="3">
      <c r="A2592" s="6" t="s">
        <v>2971</v>
      </c>
      <c r="B2592" s="6" t="e"/>
      <c r="C2592" s="6" t="s">
        <v>155</v>
      </c>
      <c r="D2592" s="6" t="s">
        <v>11</v>
      </c>
      <c r="E2592" s="6" t="e"/>
    </row>
    <row r="2593" ht="44" customHeight="true" s="1" customFormat="true" hidden="true" outlineLevel="3">
      <c r="A2593" s="6" t="s">
        <v>2972</v>
      </c>
      <c r="B2593" s="6" t="e"/>
      <c r="C2593" s="6" t="s">
        <v>219</v>
      </c>
      <c r="D2593" s="6" t="s">
        <v>26</v>
      </c>
      <c r="E2593" s="6" t="e"/>
    </row>
    <row r="2594" ht="33" customHeight="true" s="1" customFormat="true" hidden="true" outlineLevel="3">
      <c r="A2594" s="6" t="s">
        <v>2973</v>
      </c>
      <c r="B2594" s="6" t="e"/>
      <c r="C2594" s="6" t="s">
        <v>136</v>
      </c>
      <c r="D2594" s="6" t="s">
        <v>11</v>
      </c>
      <c r="E2594" s="6" t="e"/>
    </row>
    <row r="2595" ht="33" customHeight="true" s="1" customFormat="true" hidden="true" outlineLevel="3">
      <c r="A2595" s="6" t="s">
        <v>2974</v>
      </c>
      <c r="B2595" s="6" t="e"/>
      <c r="C2595" s="6" t="s">
        <v>155</v>
      </c>
      <c r="D2595" s="6" t="s">
        <v>11</v>
      </c>
      <c r="E2595" s="6" t="e"/>
    </row>
    <row r="2596" ht="22" customHeight="true" s="1" customFormat="true" hidden="true" outlineLevel="3">
      <c r="A2596" s="6" t="s">
        <v>2975</v>
      </c>
      <c r="B2596" s="6" t="e"/>
      <c r="C2596" s="6" t="s">
        <v>126</v>
      </c>
      <c r="D2596" s="6" t="s">
        <v>11</v>
      </c>
      <c r="E2596" s="6" t="e"/>
    </row>
    <row r="2597" ht="22" customHeight="true" s="1" customFormat="true" hidden="true" outlineLevel="3">
      <c r="A2597" s="6" t="s">
        <v>2976</v>
      </c>
      <c r="B2597" s="6" t="e"/>
      <c r="C2597" s="6" t="s">
        <v>136</v>
      </c>
      <c r="D2597" s="6" t="s">
        <v>11</v>
      </c>
      <c r="E2597" s="6" t="e"/>
    </row>
    <row r="2598" ht="33" customHeight="true" s="1" customFormat="true" hidden="true" outlineLevel="3">
      <c r="A2598" s="6" t="s">
        <v>2977</v>
      </c>
      <c r="B2598" s="6" t="e"/>
      <c r="C2598" s="6" t="s">
        <v>225</v>
      </c>
      <c r="D2598" s="6" t="s">
        <v>11</v>
      </c>
      <c r="E2598" s="6" t="e"/>
    </row>
    <row r="2599" ht="33" customHeight="true" s="1" customFormat="true" hidden="true" outlineLevel="3">
      <c r="A2599" s="6" t="s">
        <v>2978</v>
      </c>
      <c r="B2599" s="6" t="e"/>
      <c r="C2599" s="6" t="s">
        <v>225</v>
      </c>
      <c r="D2599" s="6" t="s">
        <v>26</v>
      </c>
      <c r="E2599" s="6" t="e"/>
    </row>
    <row r="2600" ht="33" customHeight="true" s="1" customFormat="true" hidden="true" outlineLevel="3">
      <c r="A2600" s="6" t="s">
        <v>2979</v>
      </c>
      <c r="B2600" s="6" t="e"/>
      <c r="C2600" s="6" t="s">
        <v>225</v>
      </c>
      <c r="D2600" s="6" t="s">
        <v>26</v>
      </c>
      <c r="E2600" s="6" t="e"/>
    </row>
    <row r="2601" ht="33" customHeight="true" s="1" customFormat="true" hidden="true" outlineLevel="3">
      <c r="A2601" s="6" t="s">
        <v>2980</v>
      </c>
      <c r="B2601" s="6" t="e"/>
      <c r="C2601" s="6" t="s">
        <v>225</v>
      </c>
      <c r="D2601" s="6" t="s">
        <v>26</v>
      </c>
      <c r="E2601" s="6" t="e"/>
    </row>
    <row r="2602" ht="22" customHeight="true" s="1" customFormat="true" hidden="true" outlineLevel="3">
      <c r="A2602" s="6" t="s">
        <v>2981</v>
      </c>
      <c r="B2602" s="6" t="e"/>
      <c r="C2602" s="6" t="s">
        <v>225</v>
      </c>
      <c r="D2602" s="6" t="s">
        <v>26</v>
      </c>
      <c r="E2602" s="6" t="e"/>
    </row>
    <row r="2603" ht="22" customHeight="true" s="1" customFormat="true" hidden="true" outlineLevel="3">
      <c r="A2603" s="6" t="s">
        <v>2982</v>
      </c>
      <c r="B2603" s="6" t="e"/>
      <c r="C2603" s="6" t="s">
        <v>296</v>
      </c>
      <c r="D2603" s="6" t="s">
        <v>11</v>
      </c>
      <c r="E2603" s="6" t="e"/>
    </row>
    <row r="2604" ht="22" customHeight="true" s="1" customFormat="true" hidden="true" outlineLevel="3">
      <c r="A2604" s="6" t="s">
        <v>2983</v>
      </c>
      <c r="B2604" s="6" t="e"/>
      <c r="C2604" s="6" t="s">
        <v>302</v>
      </c>
      <c r="D2604" s="6" t="s">
        <v>11</v>
      </c>
      <c r="E2604" s="6" t="e"/>
    </row>
    <row r="2605" ht="22" customHeight="true" s="1" customFormat="true" hidden="true" outlineLevel="3">
      <c r="A2605" s="6" t="s">
        <v>2984</v>
      </c>
      <c r="B2605" s="6" t="e"/>
      <c r="C2605" s="6" t="s">
        <v>155</v>
      </c>
      <c r="D2605" s="6" t="s">
        <v>26</v>
      </c>
      <c r="E2605" s="6" t="e"/>
    </row>
    <row r="2606" ht="33" customHeight="true" s="1" customFormat="true" hidden="true" outlineLevel="3">
      <c r="A2606" s="6" t="s">
        <v>2985</v>
      </c>
      <c r="B2606" s="6" t="e"/>
      <c r="C2606" s="6" t="s">
        <v>155</v>
      </c>
      <c r="D2606" s="6" t="s">
        <v>26</v>
      </c>
      <c r="E2606" s="6" t="e"/>
    </row>
    <row r="2607" ht="22" customHeight="true" s="1" customFormat="true" hidden="true" outlineLevel="3">
      <c r="A2607" s="6" t="s">
        <v>2986</v>
      </c>
      <c r="B2607" s="6" t="e"/>
      <c r="C2607" s="6" t="s">
        <v>126</v>
      </c>
      <c r="D2607" s="6" t="s">
        <v>26</v>
      </c>
      <c r="E2607" s="6" t="e"/>
    </row>
    <row r="2608" ht="22" customHeight="true" s="1" customFormat="true" hidden="true" outlineLevel="3">
      <c r="A2608" s="6" t="s">
        <v>2987</v>
      </c>
      <c r="B2608" s="6" t="e"/>
      <c r="C2608" s="6" t="s">
        <v>141</v>
      </c>
      <c r="D2608" s="6" t="s">
        <v>11</v>
      </c>
      <c r="E2608" s="6" t="e"/>
    </row>
    <row r="2609" ht="33" customHeight="true" s="1" customFormat="true" hidden="true" outlineLevel="3">
      <c r="A2609" s="6" t="s">
        <v>2988</v>
      </c>
      <c r="B2609" s="6" t="e"/>
      <c r="C2609" s="6" t="s">
        <v>141</v>
      </c>
      <c r="D2609" s="6" t="s">
        <v>11</v>
      </c>
      <c r="E2609" s="6" t="e"/>
    </row>
    <row r="2610" ht="22" customHeight="true" s="1" customFormat="true" hidden="true" outlineLevel="3">
      <c r="A2610" s="6" t="s">
        <v>2989</v>
      </c>
      <c r="B2610" s="6" t="e"/>
      <c r="C2610" s="6" t="s">
        <v>242</v>
      </c>
      <c r="D2610" s="6" t="s">
        <v>11</v>
      </c>
      <c r="E2610" s="6" t="e"/>
    </row>
    <row r="2611" ht="22" customHeight="true" s="1" customFormat="true" hidden="true" outlineLevel="3">
      <c r="A2611" s="6" t="s">
        <v>2990</v>
      </c>
      <c r="B2611" s="6" t="e"/>
      <c r="C2611" s="6" t="s">
        <v>242</v>
      </c>
      <c r="D2611" s="6" t="s">
        <v>11</v>
      </c>
      <c r="E2611" s="6" t="e"/>
    </row>
    <row r="2612" ht="33" customHeight="true" s="1" customFormat="true" hidden="true" outlineLevel="3">
      <c r="A2612" s="6" t="s">
        <v>2991</v>
      </c>
      <c r="B2612" s="6" t="e"/>
      <c r="C2612" s="6" t="s">
        <v>242</v>
      </c>
      <c r="D2612" s="6" t="s">
        <v>11</v>
      </c>
      <c r="E2612" s="6" t="e"/>
    </row>
    <row r="2613" ht="33" customHeight="true" s="1" customFormat="true" hidden="true" outlineLevel="3">
      <c r="A2613" s="6" t="s">
        <v>2992</v>
      </c>
      <c r="B2613" s="6" t="e"/>
      <c r="C2613" s="6" t="s">
        <v>141</v>
      </c>
      <c r="D2613" s="6" t="s">
        <v>11</v>
      </c>
      <c r="E2613" s="6" t="e"/>
    </row>
    <row r="2614" ht="33" customHeight="true" s="1" customFormat="true" hidden="true" outlineLevel="3">
      <c r="A2614" s="6" t="s">
        <v>2993</v>
      </c>
      <c r="B2614" s="6" t="e"/>
      <c r="C2614" s="6" t="s">
        <v>141</v>
      </c>
      <c r="D2614" s="6" t="s">
        <v>11</v>
      </c>
      <c r="E2614" s="6" t="e"/>
    </row>
    <row r="2615" ht="22" customHeight="true" s="1" customFormat="true" hidden="true" outlineLevel="3">
      <c r="A2615" s="6" t="s">
        <v>2994</v>
      </c>
      <c r="B2615" s="6" t="e"/>
      <c r="C2615" s="6" t="s">
        <v>141</v>
      </c>
      <c r="D2615" s="6" t="s">
        <v>11</v>
      </c>
      <c r="E2615" s="6" t="e"/>
    </row>
    <row r="2616" ht="11" customHeight="true" collapsed="true" outlineLevel="1">
      <c r="A2616" s="5" t="s">
        <v>2995</v>
      </c>
      <c r="B2616" s="5" t="e"/>
      <c r="C2616" s="5" t="e"/>
      <c r="D2616" s="5" t="e"/>
      <c r="E2616" s="5" t="e"/>
    </row>
    <row r="2617" ht="11" customHeight="true" s="1" customFormat="true" hidden="true" collapsed="true" outlineLevel="2">
      <c r="A2617" s="5" t="s">
        <v>2996</v>
      </c>
      <c r="B2617" s="5" t="e"/>
      <c r="C2617" s="5" t="e"/>
      <c r="D2617" s="5" t="e"/>
      <c r="E2617" s="5" t="e"/>
    </row>
    <row r="2618" ht="22" customHeight="true" s="1" customFormat="true" hidden="true" outlineLevel="3">
      <c r="A2618" s="6" t="s">
        <v>2997</v>
      </c>
      <c r="B2618" s="6" t="e"/>
      <c r="C2618" s="6" t="s">
        <v>225</v>
      </c>
      <c r="D2618" s="6" t="s">
        <v>11</v>
      </c>
      <c r="E2618" s="6" t="e"/>
    </row>
    <row r="2619" ht="11" customHeight="true" s="1" customFormat="true" hidden="true" outlineLevel="3">
      <c r="A2619" s="6" t="s">
        <v>2998</v>
      </c>
      <c r="B2619" s="6" t="e"/>
      <c r="C2619" s="6" t="s">
        <v>302</v>
      </c>
      <c r="D2619" s="6" t="s">
        <v>40</v>
      </c>
      <c r="E2619" s="6" t="e"/>
    </row>
    <row r="2620" ht="11" customHeight="true" s="1" customFormat="true" hidden="true" outlineLevel="3">
      <c r="A2620" s="6" t="s">
        <v>2999</v>
      </c>
      <c r="B2620" s="6" t="e"/>
      <c r="C2620" s="6" t="s">
        <v>242</v>
      </c>
      <c r="D2620" s="6" t="s">
        <v>26</v>
      </c>
      <c r="E2620" s="6" t="e"/>
    </row>
    <row r="2621" ht="11" customHeight="true" s="1" customFormat="true" hidden="true" outlineLevel="3">
      <c r="A2621" s="6" t="s">
        <v>3000</v>
      </c>
      <c r="B2621" s="6" t="e"/>
      <c r="C2621" s="6" t="s">
        <v>242</v>
      </c>
      <c r="D2621" s="6" t="s">
        <v>11</v>
      </c>
      <c r="E2621" s="6" t="e"/>
    </row>
    <row r="2622" ht="11" customHeight="true" s="1" customFormat="true" hidden="true" outlineLevel="3">
      <c r="A2622" s="6" t="s">
        <v>3001</v>
      </c>
      <c r="B2622" s="6" t="e"/>
      <c r="C2622" s="6" t="s">
        <v>302</v>
      </c>
      <c r="D2622" s="6" t="s">
        <v>11</v>
      </c>
      <c r="E2622" s="6" t="e"/>
    </row>
    <row r="2623" ht="11" customHeight="true" s="1" customFormat="true" hidden="true" outlineLevel="3">
      <c r="A2623" s="6" t="s">
        <v>3002</v>
      </c>
      <c r="B2623" s="6" t="e"/>
      <c r="C2623" s="6" t="s">
        <v>242</v>
      </c>
      <c r="D2623" s="6" t="s">
        <v>11</v>
      </c>
      <c r="E2623" s="6" t="e"/>
    </row>
    <row r="2624" ht="22" customHeight="true" s="1" customFormat="true" hidden="true" outlineLevel="3">
      <c r="A2624" s="6" t="s">
        <v>3003</v>
      </c>
      <c r="B2624" s="6" t="e"/>
      <c r="C2624" s="6" t="s">
        <v>302</v>
      </c>
      <c r="D2624" s="6" t="s">
        <v>11</v>
      </c>
      <c r="E2624" s="6" t="e"/>
    </row>
    <row r="2625" ht="11" customHeight="true" s="1" customFormat="true" hidden="true" outlineLevel="3">
      <c r="A2625" s="6" t="s">
        <v>3004</v>
      </c>
      <c r="B2625" s="6" t="e"/>
      <c r="C2625" s="6" t="s">
        <v>136</v>
      </c>
      <c r="D2625" s="6" t="s">
        <v>11</v>
      </c>
      <c r="E2625" s="6" t="e"/>
    </row>
    <row r="2626" ht="22" customHeight="true" s="1" customFormat="true" hidden="true" outlineLevel="3">
      <c r="A2626" s="6" t="s">
        <v>3005</v>
      </c>
      <c r="B2626" s="6" t="e"/>
      <c r="C2626" s="6" t="s">
        <v>77</v>
      </c>
      <c r="D2626" s="6" t="s">
        <v>26</v>
      </c>
      <c r="E2626" s="6" t="e"/>
    </row>
    <row r="2627" ht="11" customHeight="true" collapsed="true" outlineLevel="1">
      <c r="A2627" s="5" t="s">
        <v>3006</v>
      </c>
      <c r="B2627" s="5" t="e"/>
      <c r="C2627" s="5" t="e"/>
      <c r="D2627" s="5" t="e"/>
      <c r="E2627" s="5" t="e"/>
    </row>
    <row r="2628" ht="11" customHeight="true" s="1" customFormat="true" hidden="true" collapsed="true" outlineLevel="2">
      <c r="A2628" s="5" t="s">
        <v>3007</v>
      </c>
      <c r="B2628" s="5" t="e"/>
      <c r="C2628" s="5" t="e"/>
      <c r="D2628" s="5" t="e"/>
      <c r="E2628" s="5" t="e"/>
    </row>
    <row r="2629" ht="11" customHeight="true" s="1" customFormat="true" hidden="true" outlineLevel="3">
      <c r="A2629" s="6" t="s">
        <v>3008</v>
      </c>
      <c r="B2629" s="6" t="e"/>
      <c r="C2629" s="6" t="s">
        <v>225</v>
      </c>
      <c r="D2629" s="6" t="s">
        <v>123</v>
      </c>
      <c r="E2629" s="6" t="e"/>
    </row>
    <row r="2630" ht="33" customHeight="true" s="1" customFormat="true" hidden="true" outlineLevel="3">
      <c r="A2630" s="6" t="s">
        <v>3009</v>
      </c>
      <c r="B2630" s="6" t="e"/>
      <c r="C2630" s="6" t="s">
        <v>225</v>
      </c>
      <c r="D2630" s="6" t="s">
        <v>26</v>
      </c>
      <c r="E2630" s="6" t="e"/>
    </row>
    <row r="2631" ht="11" customHeight="true" s="1" customFormat="true" hidden="true" outlineLevel="3">
      <c r="A2631" s="6" t="s">
        <v>3010</v>
      </c>
      <c r="B2631" s="6" t="e"/>
      <c r="C2631" s="6" t="s">
        <v>225</v>
      </c>
      <c r="D2631" s="6" t="s">
        <v>674</v>
      </c>
      <c r="E2631" s="6" t="e"/>
    </row>
    <row r="2632" ht="11" customHeight="true" s="1" customFormat="true" hidden="true" outlineLevel="3">
      <c r="A2632" s="6" t="s">
        <v>3011</v>
      </c>
      <c r="B2632" s="6" t="e"/>
      <c r="C2632" s="6" t="s">
        <v>149</v>
      </c>
      <c r="D2632" s="6" t="s">
        <v>40</v>
      </c>
      <c r="E2632" s="6" t="e"/>
    </row>
    <row r="2633" ht="33" customHeight="true" s="1" customFormat="true" hidden="true" outlineLevel="3">
      <c r="A2633" s="6" t="s">
        <v>3012</v>
      </c>
      <c r="B2633" s="6" t="e"/>
      <c r="C2633" s="6" t="s">
        <v>149</v>
      </c>
      <c r="D2633" s="6" t="s">
        <v>11</v>
      </c>
      <c r="E2633" s="6" t="e"/>
    </row>
    <row r="2634" ht="33" customHeight="true" s="1" customFormat="true" hidden="true" outlineLevel="3">
      <c r="A2634" s="6" t="s">
        <v>3013</v>
      </c>
      <c r="B2634" s="6" t="e"/>
      <c r="C2634" s="6" t="s">
        <v>149</v>
      </c>
      <c r="D2634" s="6" t="s">
        <v>26</v>
      </c>
      <c r="E2634" s="6" t="e"/>
    </row>
    <row r="2635" ht="22" customHeight="true" s="1" customFormat="true" hidden="true" outlineLevel="3">
      <c r="A2635" s="6" t="s">
        <v>3014</v>
      </c>
      <c r="B2635" s="6" t="e"/>
      <c r="C2635" s="6" t="s">
        <v>149</v>
      </c>
      <c r="D2635" s="6" t="s">
        <v>57</v>
      </c>
      <c r="E2635" s="6" t="e"/>
    </row>
    <row r="2636" ht="22" customHeight="true" s="1" customFormat="true" hidden="true" outlineLevel="3">
      <c r="A2636" s="6" t="s">
        <v>3015</v>
      </c>
      <c r="B2636" s="6" t="e"/>
      <c r="C2636" s="6" t="s">
        <v>149</v>
      </c>
      <c r="D2636" s="6" t="s">
        <v>26</v>
      </c>
      <c r="E2636" s="6" t="e"/>
    </row>
    <row r="2637" ht="33" customHeight="true" s="1" customFormat="true" hidden="true" outlineLevel="3">
      <c r="A2637" s="6" t="s">
        <v>3016</v>
      </c>
      <c r="B2637" s="6" t="e"/>
      <c r="C2637" s="6" t="s">
        <v>141</v>
      </c>
      <c r="D2637" s="6" t="s">
        <v>26</v>
      </c>
      <c r="E2637" s="6" t="e"/>
    </row>
    <row r="2638" ht="33" customHeight="true" s="1" customFormat="true" hidden="true" outlineLevel="3">
      <c r="A2638" s="6" t="s">
        <v>3017</v>
      </c>
      <c r="B2638" s="6" t="e"/>
      <c r="C2638" s="6" t="s">
        <v>141</v>
      </c>
      <c r="D2638" s="6" t="s">
        <v>26</v>
      </c>
      <c r="E2638" s="6" t="e"/>
    </row>
    <row r="2639" ht="22" customHeight="true" s="1" customFormat="true" hidden="true" outlineLevel="3">
      <c r="A2639" s="6" t="s">
        <v>3018</v>
      </c>
      <c r="B2639" s="6" t="e"/>
      <c r="C2639" s="6" t="s">
        <v>149</v>
      </c>
      <c r="D2639" s="6" t="s">
        <v>11</v>
      </c>
      <c r="E2639" s="6" t="e"/>
    </row>
    <row r="2640" ht="33" customHeight="true" s="1" customFormat="true" hidden="true" outlineLevel="3">
      <c r="A2640" s="6" t="s">
        <v>3019</v>
      </c>
      <c r="B2640" s="6" t="e"/>
      <c r="C2640" s="6" t="s">
        <v>149</v>
      </c>
      <c r="D2640" s="6" t="s">
        <v>11</v>
      </c>
      <c r="E2640" s="6" t="e"/>
    </row>
    <row r="2641" ht="33" customHeight="true" s="1" customFormat="true" hidden="true" outlineLevel="3">
      <c r="A2641" s="6" t="s">
        <v>3020</v>
      </c>
      <c r="B2641" s="6" t="e"/>
      <c r="C2641" s="6" t="s">
        <v>136</v>
      </c>
      <c r="D2641" s="6" t="s">
        <v>11</v>
      </c>
      <c r="E2641" s="6" t="e"/>
    </row>
    <row r="2642" ht="33" customHeight="true" s="1" customFormat="true" hidden="true" outlineLevel="3">
      <c r="A2642" s="6" t="s">
        <v>3021</v>
      </c>
      <c r="B2642" s="6" t="e"/>
      <c r="C2642" s="6" t="s">
        <v>141</v>
      </c>
      <c r="D2642" s="6" t="s">
        <v>26</v>
      </c>
      <c r="E2642" s="6" t="e"/>
    </row>
    <row r="2643" ht="33" customHeight="true" s="1" customFormat="true" hidden="true" outlineLevel="3">
      <c r="A2643" s="6" t="s">
        <v>3022</v>
      </c>
      <c r="B2643" s="6" t="e"/>
      <c r="C2643" s="6" t="s">
        <v>141</v>
      </c>
      <c r="D2643" s="6" t="s">
        <v>26</v>
      </c>
      <c r="E2643" s="6" t="e"/>
    </row>
    <row r="2644" ht="22" customHeight="true" s="1" customFormat="true" hidden="true" outlineLevel="3">
      <c r="A2644" s="6" t="s">
        <v>3023</v>
      </c>
      <c r="B2644" s="6" t="e"/>
      <c r="C2644" s="6" t="s">
        <v>188</v>
      </c>
      <c r="D2644" s="6" t="s">
        <v>11</v>
      </c>
      <c r="E2644" s="6" t="e"/>
    </row>
    <row r="2645" ht="44" customHeight="true" s="1" customFormat="true" hidden="true" outlineLevel="3">
      <c r="A2645" s="6" t="s">
        <v>3024</v>
      </c>
      <c r="B2645" s="6" t="e"/>
      <c r="C2645" s="6" t="s">
        <v>188</v>
      </c>
      <c r="D2645" s="6" t="s">
        <v>26</v>
      </c>
      <c r="E2645" s="6" t="e"/>
    </row>
    <row r="2646" ht="44" customHeight="true" s="1" customFormat="true" hidden="true" outlineLevel="3">
      <c r="A2646" s="6" t="s">
        <v>3025</v>
      </c>
      <c r="B2646" s="6" t="e"/>
      <c r="C2646" s="6" t="s">
        <v>188</v>
      </c>
      <c r="D2646" s="6" t="s">
        <v>26</v>
      </c>
      <c r="E2646" s="6" t="e"/>
    </row>
    <row r="2647" ht="22" customHeight="true" s="1" customFormat="true" hidden="true" outlineLevel="3">
      <c r="A2647" s="6" t="s">
        <v>3026</v>
      </c>
      <c r="B2647" s="6" t="e"/>
      <c r="C2647" s="6" t="s">
        <v>188</v>
      </c>
      <c r="D2647" s="6" t="s">
        <v>11</v>
      </c>
      <c r="E2647" s="6" t="e"/>
    </row>
    <row r="2648" ht="56" customHeight="true" s="1" customFormat="true" hidden="true" outlineLevel="3">
      <c r="A2648" s="6" t="s">
        <v>3027</v>
      </c>
      <c r="B2648" s="6" t="e"/>
      <c r="C2648" s="6" t="s">
        <v>103</v>
      </c>
      <c r="D2648" s="6" t="s">
        <v>11</v>
      </c>
      <c r="E2648" s="6" t="e"/>
    </row>
    <row r="2649" ht="33" customHeight="true" s="1" customFormat="true" hidden="true" outlineLevel="3">
      <c r="A2649" s="6" t="s">
        <v>3028</v>
      </c>
      <c r="B2649" s="6" t="e"/>
      <c r="C2649" s="6" t="s">
        <v>103</v>
      </c>
      <c r="D2649" s="6" t="s">
        <v>11</v>
      </c>
      <c r="E2649" s="6" t="e"/>
    </row>
    <row r="2650" ht="11" customHeight="true" collapsed="true" outlineLevel="1">
      <c r="A2650" s="5" t="s">
        <v>3029</v>
      </c>
      <c r="B2650" s="5" t="e"/>
      <c r="C2650" s="5" t="e"/>
      <c r="D2650" s="5" t="e"/>
      <c r="E2650" s="5" t="e"/>
    </row>
    <row r="2651" ht="11" customHeight="true" s="1" customFormat="true" hidden="true" collapsed="true" outlineLevel="2">
      <c r="A2651" s="5" t="s">
        <v>3030</v>
      </c>
      <c r="B2651" s="5" t="e"/>
      <c r="C2651" s="5" t="e"/>
      <c r="D2651" s="5" t="e"/>
      <c r="E2651" s="5" t="e"/>
    </row>
    <row r="2652" ht="22" customHeight="true" s="1" customFormat="true" hidden="true" outlineLevel="3">
      <c r="A2652" s="6" t="s">
        <v>3031</v>
      </c>
      <c r="B2652" s="6" t="e"/>
      <c r="C2652" s="6" t="s">
        <v>242</v>
      </c>
      <c r="D2652" s="6" t="s">
        <v>26</v>
      </c>
      <c r="E2652" s="6" t="e"/>
    </row>
    <row r="2653" ht="33" customHeight="true" s="1" customFormat="true" hidden="true" outlineLevel="3">
      <c r="A2653" s="6" t="s">
        <v>3032</v>
      </c>
      <c r="B2653" s="6" t="e"/>
      <c r="C2653" s="6" t="s">
        <v>225</v>
      </c>
      <c r="D2653" s="6" t="s">
        <v>26</v>
      </c>
      <c r="E2653" s="6" t="e"/>
    </row>
    <row r="2654" ht="22" customHeight="true" s="1" customFormat="true" hidden="true" outlineLevel="3">
      <c r="A2654" s="6" t="s">
        <v>3033</v>
      </c>
      <c r="B2654" s="6" t="e"/>
      <c r="C2654" s="6" t="s">
        <v>167</v>
      </c>
      <c r="D2654" s="6" t="s">
        <v>57</v>
      </c>
      <c r="E2654" s="6" t="e"/>
    </row>
    <row r="2655" ht="33" customHeight="true" s="1" customFormat="true" hidden="true" outlineLevel="3">
      <c r="A2655" s="6" t="s">
        <v>3034</v>
      </c>
      <c r="B2655" s="6" t="e"/>
      <c r="C2655" s="6" t="s">
        <v>167</v>
      </c>
      <c r="D2655" s="6" t="s">
        <v>40</v>
      </c>
      <c r="E2655" s="6" t="e"/>
    </row>
    <row r="2656" ht="22" customHeight="true" s="1" customFormat="true" hidden="true" outlineLevel="3">
      <c r="A2656" s="6" t="s">
        <v>3035</v>
      </c>
      <c r="B2656" s="6" t="e"/>
      <c r="C2656" s="6" t="s">
        <v>167</v>
      </c>
      <c r="D2656" s="6" t="s">
        <v>40</v>
      </c>
      <c r="E2656" s="6" t="e"/>
    </row>
    <row r="2657" ht="22" customHeight="true" s="1" customFormat="true" hidden="true" outlineLevel="3">
      <c r="A2657" s="6" t="s">
        <v>3036</v>
      </c>
      <c r="B2657" s="6" t="s">
        <v>339</v>
      </c>
      <c r="C2657" s="6" t="s">
        <v>219</v>
      </c>
      <c r="D2657" s="6" t="s">
        <v>276</v>
      </c>
      <c r="E2657" s="6" t="e"/>
    </row>
    <row r="2658" ht="22" customHeight="true" s="1" customFormat="true" hidden="true" outlineLevel="3">
      <c r="A2658" s="6" t="s">
        <v>3037</v>
      </c>
      <c r="B2658" s="6" t="s">
        <v>1037</v>
      </c>
      <c r="C2658" s="6" t="s">
        <v>126</v>
      </c>
      <c r="D2658" s="6" t="s">
        <v>40</v>
      </c>
      <c r="E2658" s="6" t="e"/>
    </row>
    <row r="2659" ht="33" customHeight="true" s="1" customFormat="true" hidden="true" outlineLevel="3">
      <c r="A2659" s="6" t="s">
        <v>3038</v>
      </c>
      <c r="B2659" s="6" t="e"/>
      <c r="C2659" s="6" t="s">
        <v>167</v>
      </c>
      <c r="D2659" s="6" t="s">
        <v>26</v>
      </c>
      <c r="E2659" s="6" t="e"/>
    </row>
    <row r="2660" ht="11" customHeight="true" collapsed="true" outlineLevel="1">
      <c r="A2660" s="5" t="s">
        <v>3039</v>
      </c>
      <c r="B2660" s="5" t="e"/>
      <c r="C2660" s="5" t="e"/>
      <c r="D2660" s="5" t="e"/>
      <c r="E2660" s="5" t="e"/>
    </row>
    <row r="2661" ht="11" customHeight="true" s="1" customFormat="true" hidden="true" collapsed="true" outlineLevel="2">
      <c r="A2661" s="5" t="s">
        <v>3040</v>
      </c>
      <c r="B2661" s="5" t="e"/>
      <c r="C2661" s="5" t="e"/>
      <c r="D2661" s="5" t="e"/>
      <c r="E2661" s="5" t="e"/>
    </row>
    <row r="2662" ht="67" customHeight="true" s="1" customFormat="true" hidden="true" collapsed="true" outlineLevel="3">
      <c r="A2662" s="6" t="s">
        <v>3041</v>
      </c>
      <c r="B2662" s="6" t="e"/>
      <c r="C2662" s="6" t="s">
        <v>167</v>
      </c>
      <c r="D2662" s="6" t="s">
        <v>68</v>
      </c>
      <c r="E2662" s="6" t="e"/>
    </row>
    <row r="2663" ht="11" customHeight="true" s="1" customFormat="true" hidden="true" collapsed="true" outlineLevel="2">
      <c r="A2663" s="5" t="s">
        <v>3042</v>
      </c>
      <c r="B2663" s="5" t="e"/>
      <c r="C2663" s="5" t="e"/>
      <c r="D2663" s="5" t="e"/>
      <c r="E2663" s="5" t="e"/>
    </row>
    <row r="2664" ht="22" customHeight="true" s="1" customFormat="true" hidden="true" outlineLevel="3">
      <c r="A2664" s="6" t="s">
        <v>3043</v>
      </c>
      <c r="B2664" s="6" t="e"/>
      <c r="C2664" s="6" t="s">
        <v>51</v>
      </c>
      <c r="D2664" s="6" t="s">
        <v>11</v>
      </c>
      <c r="E2664" s="6" t="e"/>
    </row>
    <row r="2665" ht="22" customHeight="true" s="1" customFormat="true" hidden="true" outlineLevel="3">
      <c r="A2665" s="6" t="s">
        <v>3044</v>
      </c>
      <c r="B2665" s="6" t="e"/>
      <c r="C2665" s="6" t="s">
        <v>73</v>
      </c>
      <c r="D2665" s="6" t="s">
        <v>11</v>
      </c>
      <c r="E2665" s="6" t="e"/>
    </row>
    <row r="2666" ht="22" customHeight="true" s="1" customFormat="true" hidden="true" outlineLevel="3">
      <c r="A2666" s="6" t="s">
        <v>3045</v>
      </c>
      <c r="B2666" s="6" t="e"/>
      <c r="C2666" s="6" t="s">
        <v>78</v>
      </c>
      <c r="D2666" s="6" t="s">
        <v>11</v>
      </c>
      <c r="E2666" s="6" t="e"/>
    </row>
    <row r="2667" ht="22" customHeight="true" s="1" customFormat="true" hidden="true" outlineLevel="3">
      <c r="A2667" s="6" t="s">
        <v>3046</v>
      </c>
      <c r="B2667" s="6" t="e"/>
      <c r="C2667" s="6" t="s">
        <v>296</v>
      </c>
      <c r="D2667" s="6" t="s">
        <v>123</v>
      </c>
      <c r="E2667" s="6" t="e"/>
    </row>
    <row r="2668" ht="22" customHeight="true" s="1" customFormat="true" hidden="true" outlineLevel="3">
      <c r="A2668" s="6" t="s">
        <v>3047</v>
      </c>
      <c r="B2668" s="6" t="e"/>
      <c r="C2668" s="6" t="s">
        <v>242</v>
      </c>
      <c r="D2668" s="6" t="s">
        <v>26</v>
      </c>
      <c r="E2668" s="6" t="e"/>
    </row>
    <row r="2669" ht="22" customHeight="true" s="1" customFormat="true" hidden="true" outlineLevel="3">
      <c r="A2669" s="6" t="s">
        <v>3048</v>
      </c>
      <c r="B2669" s="6" t="e"/>
      <c r="C2669" s="6" t="s">
        <v>296</v>
      </c>
      <c r="D2669" s="6" t="s">
        <v>11</v>
      </c>
      <c r="E2669" s="6" t="e"/>
    </row>
    <row r="2670" ht="22" customHeight="true" s="1" customFormat="true" hidden="true" outlineLevel="3">
      <c r="A2670" s="6" t="s">
        <v>3049</v>
      </c>
      <c r="B2670" s="6" t="e"/>
      <c r="C2670" s="6" t="s">
        <v>242</v>
      </c>
      <c r="D2670" s="6" t="s">
        <v>15</v>
      </c>
      <c r="E2670" s="6" t="e"/>
    </row>
    <row r="2671" ht="22" customHeight="true" s="1" customFormat="true" hidden="true" outlineLevel="3">
      <c r="A2671" s="6" t="s">
        <v>3050</v>
      </c>
      <c r="B2671" s="6" t="e"/>
      <c r="C2671" s="6" t="s">
        <v>242</v>
      </c>
      <c r="D2671" s="6" t="s">
        <v>15</v>
      </c>
      <c r="E2671" s="6" t="e"/>
    </row>
    <row r="2672" ht="22" customHeight="true" s="1" customFormat="true" hidden="true" outlineLevel="3">
      <c r="A2672" s="6" t="s">
        <v>3051</v>
      </c>
      <c r="B2672" s="6" t="e"/>
      <c r="C2672" s="6" t="s">
        <v>225</v>
      </c>
      <c r="D2672" s="6" t="s">
        <v>26</v>
      </c>
      <c r="E2672" s="6" t="e"/>
    </row>
    <row r="2673" ht="22" customHeight="true" s="1" customFormat="true" hidden="true" outlineLevel="3">
      <c r="A2673" s="6" t="s">
        <v>3052</v>
      </c>
      <c r="B2673" s="6" t="e"/>
      <c r="C2673" s="6" t="s">
        <v>225</v>
      </c>
      <c r="D2673" s="6" t="s">
        <v>26</v>
      </c>
      <c r="E2673" s="6" t="e"/>
    </row>
    <row r="2674" ht="22" customHeight="true" s="1" customFormat="true" hidden="true" outlineLevel="3">
      <c r="A2674" s="6" t="s">
        <v>3053</v>
      </c>
      <c r="B2674" s="6" t="e"/>
      <c r="C2674" s="6" t="s">
        <v>225</v>
      </c>
      <c r="D2674" s="6" t="s">
        <v>40</v>
      </c>
      <c r="E2674" s="6" t="e"/>
    </row>
    <row r="2675" ht="22" customHeight="true" s="1" customFormat="true" hidden="true" outlineLevel="3">
      <c r="A2675" s="6" t="s">
        <v>3054</v>
      </c>
      <c r="B2675" s="6" t="e"/>
      <c r="C2675" s="6" t="s">
        <v>242</v>
      </c>
      <c r="D2675" s="6" t="s">
        <v>11</v>
      </c>
      <c r="E2675" s="6" t="e"/>
    </row>
    <row r="2676" ht="22" customHeight="true" s="1" customFormat="true" hidden="true" outlineLevel="3">
      <c r="A2676" s="6" t="s">
        <v>3055</v>
      </c>
      <c r="B2676" s="6" t="e"/>
      <c r="C2676" s="6" t="s">
        <v>242</v>
      </c>
      <c r="D2676" s="6" t="s">
        <v>11</v>
      </c>
      <c r="E2676" s="6" t="e"/>
    </row>
    <row r="2677" ht="22" customHeight="true" s="1" customFormat="true" hidden="true" outlineLevel="3">
      <c r="A2677" s="6" t="s">
        <v>3056</v>
      </c>
      <c r="B2677" s="6" t="e"/>
      <c r="C2677" s="6" t="s">
        <v>103</v>
      </c>
      <c r="D2677" s="6" t="s">
        <v>11</v>
      </c>
      <c r="E2677" s="6" t="e"/>
    </row>
    <row r="2678" ht="22" customHeight="true" s="1" customFormat="true" hidden="true" outlineLevel="3">
      <c r="A2678" s="6" t="s">
        <v>3057</v>
      </c>
      <c r="B2678" s="6" t="e"/>
      <c r="C2678" s="6" t="s">
        <v>50</v>
      </c>
      <c r="D2678" s="6" t="s">
        <v>26</v>
      </c>
      <c r="E2678" s="6" t="e"/>
    </row>
    <row r="2679" ht="22" customHeight="true" s="1" customFormat="true" hidden="true" outlineLevel="3">
      <c r="A2679" s="6" t="s">
        <v>3058</v>
      </c>
      <c r="B2679" s="6" t="e"/>
      <c r="C2679" s="6" t="s">
        <v>103</v>
      </c>
      <c r="D2679" s="6" t="s">
        <v>11</v>
      </c>
      <c r="E2679" s="6" t="e"/>
    </row>
    <row r="2680" ht="22" customHeight="true" s="1" customFormat="true" hidden="true" collapsed="true" outlineLevel="3">
      <c r="A2680" s="6" t="s">
        <v>3059</v>
      </c>
      <c r="B2680" s="6" t="e"/>
      <c r="C2680" s="6" t="s">
        <v>219</v>
      </c>
      <c r="D2680" s="6" t="s">
        <v>11</v>
      </c>
      <c r="E2680" s="6" t="e"/>
    </row>
    <row r="2681" ht="11" customHeight="true" s="1" customFormat="true" hidden="true" collapsed="true" outlineLevel="2">
      <c r="A2681" s="5" t="s">
        <v>3060</v>
      </c>
      <c r="B2681" s="5" t="e"/>
      <c r="C2681" s="5" t="e"/>
      <c r="D2681" s="5" t="e"/>
      <c r="E2681" s="5" t="e"/>
    </row>
    <row r="2682" ht="44" customHeight="true" s="1" customFormat="true" hidden="true" collapsed="true" outlineLevel="3">
      <c r="A2682" s="6" t="s">
        <v>3061</v>
      </c>
      <c r="B2682" s="6" t="e"/>
      <c r="C2682" s="6" t="s">
        <v>242</v>
      </c>
      <c r="D2682" s="6" t="s">
        <v>11</v>
      </c>
      <c r="E2682" s="6" t="e"/>
    </row>
    <row r="2683" ht="11" customHeight="true" s="1" customFormat="true" hidden="true" collapsed="true" outlineLevel="2">
      <c r="A2683" s="5" t="s">
        <v>3062</v>
      </c>
      <c r="B2683" s="5" t="e"/>
      <c r="C2683" s="5" t="e"/>
      <c r="D2683" s="5" t="e"/>
      <c r="E2683" s="5" t="e"/>
    </row>
    <row r="2684" ht="22" customHeight="true" s="1" customFormat="true" hidden="true" outlineLevel="3">
      <c r="A2684" s="6" t="s">
        <v>3063</v>
      </c>
      <c r="B2684" s="6" t="e"/>
      <c r="C2684" s="6" t="s">
        <v>167</v>
      </c>
      <c r="D2684" s="6" t="s">
        <v>15</v>
      </c>
      <c r="E2684" s="6" t="e"/>
    </row>
    <row r="2685" ht="44" customHeight="true" s="1" customFormat="true" hidden="true" collapsed="true" outlineLevel="3">
      <c r="A2685" s="6" t="s">
        <v>3064</v>
      </c>
      <c r="B2685" s="6" t="e"/>
      <c r="C2685" s="6" t="s">
        <v>167</v>
      </c>
      <c r="D2685" s="6" t="s">
        <v>57</v>
      </c>
      <c r="E2685" s="6" t="e"/>
    </row>
    <row r="2686" ht="11" customHeight="true" s="1" customFormat="true" hidden="true" collapsed="true" outlineLevel="2">
      <c r="A2686" s="5" t="s">
        <v>3065</v>
      </c>
      <c r="B2686" s="5" t="e"/>
      <c r="C2686" s="5" t="e"/>
      <c r="D2686" s="5" t="e"/>
      <c r="E2686" s="5" t="e"/>
    </row>
    <row r="2687" ht="56" customHeight="true" s="1" customFormat="true" hidden="true" outlineLevel="3">
      <c r="A2687" s="6" t="s">
        <v>3066</v>
      </c>
      <c r="B2687" s="6" t="e"/>
      <c r="C2687" s="6" t="s">
        <v>167</v>
      </c>
      <c r="D2687" s="6" t="s">
        <v>68</v>
      </c>
      <c r="E2687" s="6" t="e"/>
    </row>
    <row r="2688" ht="56" customHeight="true" s="1" customFormat="true" hidden="true" outlineLevel="3">
      <c r="A2688" s="6" t="s">
        <v>3067</v>
      </c>
      <c r="B2688" s="6" t="e"/>
      <c r="C2688" s="6" t="s">
        <v>242</v>
      </c>
      <c r="D2688" s="6" t="s">
        <v>57</v>
      </c>
      <c r="E2688" s="6" t="e"/>
    </row>
    <row r="2689" ht="56" customHeight="true" s="1" customFormat="true" hidden="true" outlineLevel="3">
      <c r="A2689" s="6" t="s">
        <v>3068</v>
      </c>
      <c r="B2689" s="6" t="e"/>
      <c r="C2689" s="6" t="s">
        <v>242</v>
      </c>
      <c r="D2689" s="6" t="s">
        <v>68</v>
      </c>
      <c r="E2689" s="6" t="e"/>
    </row>
    <row r="2690" ht="56" customHeight="true" s="1" customFormat="true" hidden="true" collapsed="true" outlineLevel="3">
      <c r="A2690" s="6" t="s">
        <v>3069</v>
      </c>
      <c r="B2690" s="6" t="e"/>
      <c r="C2690" s="6" t="s">
        <v>242</v>
      </c>
      <c r="D2690" s="6" t="s">
        <v>26</v>
      </c>
      <c r="E2690" s="6" t="e"/>
    </row>
    <row r="2691" ht="11" customHeight="true" s="1" customFormat="true" hidden="true" collapsed="true" outlineLevel="2">
      <c r="A2691" s="5" t="s">
        <v>3070</v>
      </c>
      <c r="B2691" s="5" t="e"/>
      <c r="C2691" s="5" t="e"/>
      <c r="D2691" s="5" t="e"/>
      <c r="E2691" s="5" t="e"/>
    </row>
    <row r="2692" ht="22" customHeight="true" s="1" customFormat="true" hidden="true" outlineLevel="3">
      <c r="A2692" s="6" t="s">
        <v>3071</v>
      </c>
      <c r="B2692" s="6" t="e"/>
      <c r="C2692" s="6" t="s">
        <v>219</v>
      </c>
      <c r="D2692" s="6" t="s">
        <v>11</v>
      </c>
      <c r="E2692" s="6" t="e"/>
    </row>
    <row r="2693" ht="22" customHeight="true" s="1" customFormat="true" hidden="true" outlineLevel="3">
      <c r="A2693" s="6" t="s">
        <v>3072</v>
      </c>
      <c r="B2693" s="6" t="e"/>
      <c r="C2693" s="6" t="s">
        <v>242</v>
      </c>
      <c r="D2693" s="6" t="s">
        <v>15</v>
      </c>
      <c r="E2693" s="6" t="e"/>
    </row>
    <row r="2694" ht="22" customHeight="true" s="1" customFormat="true" hidden="true" collapsed="true" outlineLevel="3">
      <c r="A2694" s="6" t="s">
        <v>3073</v>
      </c>
      <c r="B2694" s="6" t="e"/>
      <c r="C2694" s="6" t="s">
        <v>167</v>
      </c>
      <c r="D2694" s="6" t="s">
        <v>11</v>
      </c>
      <c r="E2694" s="6" t="e"/>
    </row>
    <row r="2695" ht="11" customHeight="true" s="1" customFormat="true" hidden="true" collapsed="true" outlineLevel="2">
      <c r="A2695" s="5" t="s">
        <v>3074</v>
      </c>
      <c r="B2695" s="5" t="e"/>
      <c r="C2695" s="5" t="e"/>
      <c r="D2695" s="5" t="e"/>
      <c r="E2695" s="5" t="e"/>
    </row>
    <row r="2696" ht="44" customHeight="true" s="1" customFormat="true" hidden="true" collapsed="true" outlineLevel="3">
      <c r="A2696" s="6" t="s">
        <v>3075</v>
      </c>
      <c r="B2696" s="6" t="e"/>
      <c r="C2696" s="6" t="s">
        <v>296</v>
      </c>
      <c r="D2696" s="6" t="s">
        <v>57</v>
      </c>
      <c r="E2696" s="6" t="e"/>
    </row>
    <row r="2697" ht="11" customHeight="true" s="1" customFormat="true" hidden="true" collapsed="true" outlineLevel="2">
      <c r="A2697" s="5" t="s">
        <v>3076</v>
      </c>
      <c r="B2697" s="5" t="e"/>
      <c r="C2697" s="5" t="e"/>
      <c r="D2697" s="5" t="e"/>
      <c r="E2697" s="5" t="e"/>
    </row>
    <row r="2698" ht="33" customHeight="true" s="1" customFormat="true" hidden="true" outlineLevel="3">
      <c r="A2698" s="6" t="s">
        <v>3077</v>
      </c>
      <c r="B2698" s="6" t="e"/>
      <c r="C2698" s="6" t="s">
        <v>167</v>
      </c>
      <c r="D2698" s="6" t="s">
        <v>40</v>
      </c>
      <c r="E2698" s="6" t="e"/>
    </row>
    <row r="2699" ht="44" customHeight="true" s="1" customFormat="true" hidden="true" collapsed="true" outlineLevel="3">
      <c r="A2699" s="6" t="s">
        <v>3078</v>
      </c>
      <c r="B2699" s="6" t="e"/>
      <c r="C2699" s="6" t="s">
        <v>167</v>
      </c>
      <c r="D2699" s="6" t="s">
        <v>446</v>
      </c>
      <c r="E2699" s="6" t="e"/>
    </row>
    <row r="2700" ht="11" customHeight="true" s="1" customFormat="true" hidden="true" collapsed="true" outlineLevel="2">
      <c r="A2700" s="5" t="s">
        <v>3079</v>
      </c>
      <c r="B2700" s="5" t="e"/>
      <c r="C2700" s="5" t="e"/>
      <c r="D2700" s="5" t="e"/>
      <c r="E2700" s="5" t="e"/>
    </row>
    <row r="2701" ht="44" customHeight="true" s="1" customFormat="true" hidden="true" outlineLevel="3">
      <c r="A2701" s="6" t="s">
        <v>3080</v>
      </c>
      <c r="B2701" s="6" t="e"/>
      <c r="C2701" s="6" t="s">
        <v>167</v>
      </c>
      <c r="D2701" s="6" t="s">
        <v>276</v>
      </c>
      <c r="E2701" s="6" t="e"/>
    </row>
    <row r="2702" ht="33" customHeight="true" s="1" customFormat="true" hidden="true" outlineLevel="3">
      <c r="A2702" s="6" t="s">
        <v>3081</v>
      </c>
      <c r="B2702" s="6" t="e"/>
      <c r="C2702" s="6" t="s">
        <v>149</v>
      </c>
      <c r="D2702" s="6" t="s">
        <v>26</v>
      </c>
      <c r="E2702" s="6" t="e"/>
    </row>
    <row r="2703" ht="56" customHeight="true" s="1" customFormat="true" hidden="true" outlineLevel="3">
      <c r="A2703" s="6" t="s">
        <v>3082</v>
      </c>
      <c r="B2703" s="6" t="e"/>
      <c r="C2703" s="6" t="s">
        <v>296</v>
      </c>
      <c r="D2703" s="6" t="s">
        <v>40</v>
      </c>
      <c r="E2703" s="6" t="e"/>
    </row>
    <row r="2704" ht="44" customHeight="true" s="1" customFormat="true" hidden="true" outlineLevel="3">
      <c r="A2704" s="6" t="s">
        <v>3083</v>
      </c>
      <c r="B2704" s="6" t="s">
        <v>296</v>
      </c>
      <c r="C2704" s="6" t="s">
        <v>141</v>
      </c>
      <c r="D2704" s="6" t="s">
        <v>674</v>
      </c>
      <c r="E2704" s="6" t="e"/>
    </row>
    <row r="2705" ht="56" customHeight="true" s="1" customFormat="true" hidden="true" outlineLevel="3">
      <c r="A2705" s="6" t="s">
        <v>3084</v>
      </c>
      <c r="B2705" s="6" t="e"/>
      <c r="C2705" s="6" t="s">
        <v>225</v>
      </c>
      <c r="D2705" s="6" t="s">
        <v>40</v>
      </c>
      <c r="E2705" s="6" t="e"/>
    </row>
    <row r="2706" ht="56" customHeight="true" s="1" customFormat="true" hidden="true" outlineLevel="3">
      <c r="A2706" s="6" t="s">
        <v>3085</v>
      </c>
      <c r="B2706" s="6" t="e"/>
      <c r="C2706" s="6" t="s">
        <v>141</v>
      </c>
      <c r="D2706" s="6" t="s">
        <v>15</v>
      </c>
      <c r="E2706" s="6" t="e"/>
    </row>
    <row r="2707" ht="33" customHeight="true" s="1" customFormat="true" hidden="true" outlineLevel="3">
      <c r="A2707" s="6" t="s">
        <v>3086</v>
      </c>
      <c r="B2707" s="6" t="e"/>
      <c r="C2707" s="6" t="s">
        <v>225</v>
      </c>
      <c r="D2707" s="6" t="s">
        <v>11</v>
      </c>
      <c r="E2707" s="6" t="e"/>
    </row>
    <row r="2708" ht="56" customHeight="true" s="1" customFormat="true" hidden="true" outlineLevel="3">
      <c r="A2708" s="6" t="s">
        <v>3087</v>
      </c>
      <c r="B2708" s="6" t="e"/>
      <c r="C2708" s="6" t="s">
        <v>136</v>
      </c>
      <c r="D2708" s="6" t="s">
        <v>26</v>
      </c>
      <c r="E2708" s="6" t="e"/>
    </row>
    <row r="2709" ht="67" customHeight="true" s="1" customFormat="true" hidden="true" collapsed="true" outlineLevel="3">
      <c r="A2709" s="6" t="s">
        <v>3088</v>
      </c>
      <c r="B2709" s="6" t="e"/>
      <c r="C2709" s="6" t="s">
        <v>242</v>
      </c>
      <c r="D2709" s="6" t="s">
        <v>11</v>
      </c>
      <c r="E2709" s="6" t="e"/>
    </row>
    <row r="2710" ht="11" customHeight="true" s="1" customFormat="true" hidden="true" collapsed="true" outlineLevel="2">
      <c r="A2710" s="5" t="s">
        <v>3089</v>
      </c>
      <c r="B2710" s="5" t="e"/>
      <c r="C2710" s="5" t="e"/>
      <c r="D2710" s="5" t="e"/>
      <c r="E2710" s="5" t="e"/>
    </row>
    <row r="2711" ht="33" customHeight="true" s="1" customFormat="true" hidden="true" outlineLevel="3">
      <c r="A2711" s="6" t="s">
        <v>3090</v>
      </c>
      <c r="B2711" s="6" t="e"/>
      <c r="C2711" s="6" t="s">
        <v>167</v>
      </c>
      <c r="D2711" s="6" t="s">
        <v>11</v>
      </c>
      <c r="E2711" s="6" t="e"/>
    </row>
    <row r="2712" ht="44" customHeight="true" s="1" customFormat="true" hidden="true" outlineLevel="3">
      <c r="A2712" s="6" t="s">
        <v>3091</v>
      </c>
      <c r="B2712" s="6" t="e"/>
      <c r="C2712" s="6" t="s">
        <v>242</v>
      </c>
      <c r="D2712" s="6" t="s">
        <v>26</v>
      </c>
      <c r="E2712" s="6" t="e"/>
    </row>
    <row r="2713" ht="44" customHeight="true" s="1" customFormat="true" hidden="true" outlineLevel="3">
      <c r="A2713" s="6" t="s">
        <v>3092</v>
      </c>
      <c r="B2713" s="6" t="e"/>
      <c r="C2713" s="6" t="s">
        <v>167</v>
      </c>
      <c r="D2713" s="6" t="s">
        <v>26</v>
      </c>
      <c r="E2713" s="6" t="e"/>
    </row>
    <row r="2714" ht="44" customHeight="true" s="1" customFormat="true" hidden="true" outlineLevel="3">
      <c r="A2714" s="6" t="s">
        <v>3093</v>
      </c>
      <c r="B2714" s="6" t="e"/>
      <c r="C2714" s="6" t="s">
        <v>167</v>
      </c>
      <c r="D2714" s="6" t="s">
        <v>57</v>
      </c>
      <c r="E2714" s="6" t="e"/>
    </row>
    <row r="2715" ht="33" customHeight="true" s="1" customFormat="true" hidden="true" outlineLevel="3">
      <c r="A2715" s="6" t="s">
        <v>3094</v>
      </c>
      <c r="B2715" s="6" t="e"/>
      <c r="C2715" s="6" t="s">
        <v>225</v>
      </c>
      <c r="D2715" s="6" t="s">
        <v>26</v>
      </c>
      <c r="E2715" s="6" t="e"/>
    </row>
    <row r="2716" ht="33" customHeight="true" s="1" customFormat="true" hidden="true" outlineLevel="3">
      <c r="A2716" s="6" t="s">
        <v>3095</v>
      </c>
      <c r="B2716" s="6" t="e"/>
      <c r="C2716" s="6" t="s">
        <v>242</v>
      </c>
      <c r="D2716" s="6" t="s">
        <v>11</v>
      </c>
      <c r="E2716" s="6" t="e"/>
    </row>
    <row r="2717" ht="33" customHeight="true" s="1" customFormat="true" hidden="true" outlineLevel="3">
      <c r="A2717" s="6" t="s">
        <v>3096</v>
      </c>
      <c r="B2717" s="6" t="e"/>
      <c r="C2717" s="6" t="s">
        <v>126</v>
      </c>
      <c r="D2717" s="6" t="s">
        <v>26</v>
      </c>
      <c r="E2717" s="6" t="e"/>
    </row>
    <row r="2718" ht="44" customHeight="true" s="1" customFormat="true" hidden="true" outlineLevel="3">
      <c r="A2718" s="6" t="s">
        <v>3097</v>
      </c>
      <c r="B2718" s="6" t="e"/>
      <c r="C2718" s="6" t="s">
        <v>126</v>
      </c>
      <c r="D2718" s="6" t="s">
        <v>11</v>
      </c>
      <c r="E2718" s="6" t="e"/>
    </row>
    <row r="2719" ht="33" customHeight="true" s="1" customFormat="true" hidden="true" outlineLevel="3">
      <c r="A2719" s="6" t="s">
        <v>3098</v>
      </c>
      <c r="B2719" s="6" t="e"/>
      <c r="C2719" s="6" t="s">
        <v>136</v>
      </c>
      <c r="D2719" s="6" t="s">
        <v>11</v>
      </c>
      <c r="E2719" s="6" t="e"/>
    </row>
    <row r="2720" ht="44" customHeight="true" s="1" customFormat="true" hidden="true" outlineLevel="3">
      <c r="A2720" s="6" t="s">
        <v>3099</v>
      </c>
      <c r="B2720" s="6" t="e"/>
      <c r="C2720" s="6" t="s">
        <v>225</v>
      </c>
      <c r="D2720" s="6" t="s">
        <v>57</v>
      </c>
      <c r="E2720" s="6" t="e"/>
    </row>
    <row r="2721" ht="44" customHeight="true" s="1" customFormat="true" hidden="true" outlineLevel="3">
      <c r="A2721" s="6" t="s">
        <v>3100</v>
      </c>
      <c r="B2721" s="6" t="e"/>
      <c r="C2721" s="6" t="s">
        <v>126</v>
      </c>
      <c r="D2721" s="6" t="s">
        <v>11</v>
      </c>
      <c r="E2721" s="6" t="e"/>
    </row>
    <row r="2722" ht="33" customHeight="true" s="1" customFormat="true" hidden="true" outlineLevel="3">
      <c r="A2722" s="6" t="s">
        <v>3101</v>
      </c>
      <c r="B2722" s="6" t="e"/>
      <c r="C2722" s="6" t="s">
        <v>126</v>
      </c>
      <c r="D2722" s="6" t="s">
        <v>11</v>
      </c>
      <c r="E2722" s="6" t="e"/>
    </row>
    <row r="2723" ht="33" customHeight="true" s="1" customFormat="true" hidden="true" outlineLevel="3">
      <c r="A2723" s="6" t="s">
        <v>3102</v>
      </c>
      <c r="B2723" s="6" t="e"/>
      <c r="C2723" s="6" t="s">
        <v>126</v>
      </c>
      <c r="D2723" s="6" t="s">
        <v>26</v>
      </c>
      <c r="E2723" s="6" t="e"/>
    </row>
    <row r="2724" ht="33" customHeight="true" s="1" customFormat="true" hidden="true" outlineLevel="3">
      <c r="A2724" s="6" t="s">
        <v>3103</v>
      </c>
      <c r="B2724" s="6" t="e"/>
      <c r="C2724" s="6" t="s">
        <v>126</v>
      </c>
      <c r="D2724" s="6" t="s">
        <v>11</v>
      </c>
      <c r="E2724" s="6" t="e"/>
    </row>
    <row r="2725" ht="33" customHeight="true" s="1" customFormat="true" hidden="true" outlineLevel="3">
      <c r="A2725" s="6" t="s">
        <v>3104</v>
      </c>
      <c r="B2725" s="6" t="e"/>
      <c r="C2725" s="6" t="s">
        <v>242</v>
      </c>
      <c r="D2725" s="6" t="s">
        <v>11</v>
      </c>
      <c r="E2725" s="6" t="e"/>
    </row>
    <row r="2726" ht="33" customHeight="true" s="1" customFormat="true" hidden="true" outlineLevel="3">
      <c r="A2726" s="6" t="s">
        <v>3105</v>
      </c>
      <c r="B2726" s="6" t="e"/>
      <c r="C2726" s="6" t="s">
        <v>126</v>
      </c>
      <c r="D2726" s="6" t="s">
        <v>11</v>
      </c>
      <c r="E2726" s="6" t="e"/>
    </row>
    <row r="2727" ht="33" customHeight="true" s="1" customFormat="true" hidden="true" outlineLevel="3">
      <c r="A2727" s="6" t="s">
        <v>3106</v>
      </c>
      <c r="B2727" s="6" t="e"/>
      <c r="C2727" s="6" t="s">
        <v>225</v>
      </c>
      <c r="D2727" s="6" t="s">
        <v>11</v>
      </c>
      <c r="E2727" s="6" t="e"/>
    </row>
    <row r="2728" ht="44" customHeight="true" s="1" customFormat="true" hidden="true" outlineLevel="3">
      <c r="A2728" s="6" t="s">
        <v>3107</v>
      </c>
      <c r="B2728" s="6" t="e"/>
      <c r="C2728" s="6" t="s">
        <v>296</v>
      </c>
      <c r="D2728" s="6" t="s">
        <v>26</v>
      </c>
      <c r="E2728" s="6" t="e"/>
    </row>
    <row r="2729" ht="33" customHeight="true" s="1" customFormat="true" hidden="true" outlineLevel="3">
      <c r="A2729" s="6" t="s">
        <v>3108</v>
      </c>
      <c r="B2729" s="6" t="e"/>
      <c r="C2729" s="6" t="s">
        <v>126</v>
      </c>
      <c r="D2729" s="6" t="s">
        <v>11</v>
      </c>
      <c r="E2729" s="6" t="e"/>
    </row>
    <row r="2730" ht="33" customHeight="true" s="1" customFormat="true" hidden="true" outlineLevel="3">
      <c r="A2730" s="6" t="s">
        <v>3109</v>
      </c>
      <c r="B2730" s="6" t="e"/>
      <c r="C2730" s="6" t="s">
        <v>126</v>
      </c>
      <c r="D2730" s="6" t="s">
        <v>40</v>
      </c>
      <c r="E2730" s="6" t="e"/>
    </row>
    <row r="2731" ht="33" customHeight="true" s="1" customFormat="true" hidden="true" outlineLevel="3">
      <c r="A2731" s="6" t="s">
        <v>3110</v>
      </c>
      <c r="B2731" s="6" t="e"/>
      <c r="C2731" s="6" t="s">
        <v>126</v>
      </c>
      <c r="D2731" s="6" t="s">
        <v>26</v>
      </c>
      <c r="E2731" s="6" t="e"/>
    </row>
    <row r="2732" ht="56" customHeight="true" s="1" customFormat="true" hidden="true" collapsed="true" outlineLevel="3">
      <c r="A2732" s="6" t="s">
        <v>3111</v>
      </c>
      <c r="B2732" s="6" t="e"/>
      <c r="C2732" s="6" t="s">
        <v>167</v>
      </c>
      <c r="D2732" s="6" t="s">
        <v>100</v>
      </c>
      <c r="E2732" s="6" t="e"/>
    </row>
    <row r="2733" ht="11" customHeight="true" s="1" customFormat="true" hidden="true" collapsed="true" outlineLevel="2">
      <c r="A2733" s="5" t="s">
        <v>3112</v>
      </c>
      <c r="B2733" s="5" t="e"/>
      <c r="C2733" s="5" t="e"/>
      <c r="D2733" s="5" t="e"/>
      <c r="E2733" s="5" t="e"/>
    </row>
    <row r="2734" ht="56" customHeight="true" s="1" customFormat="true" hidden="true" outlineLevel="3">
      <c r="A2734" s="6" t="s">
        <v>3113</v>
      </c>
      <c r="B2734" s="6" t="e"/>
      <c r="C2734" s="6" t="s">
        <v>302</v>
      </c>
      <c r="D2734" s="6" t="s">
        <v>26</v>
      </c>
      <c r="E2734" s="6" t="e"/>
    </row>
    <row r="2735" ht="56" customHeight="true" s="1" customFormat="true" hidden="true" outlineLevel="3">
      <c r="A2735" s="6" t="s">
        <v>3114</v>
      </c>
      <c r="B2735" s="6" t="e"/>
      <c r="C2735" s="6" t="s">
        <v>167</v>
      </c>
      <c r="D2735" s="6" t="s">
        <v>123</v>
      </c>
      <c r="E2735" s="6" t="e"/>
    </row>
    <row r="2736" ht="44" customHeight="true" s="1" customFormat="true" hidden="true" outlineLevel="3">
      <c r="A2736" s="6" t="s">
        <v>3115</v>
      </c>
      <c r="B2736" s="6" t="e"/>
      <c r="C2736" s="6" t="s">
        <v>296</v>
      </c>
      <c r="D2736" s="6" t="s">
        <v>184</v>
      </c>
      <c r="E2736" s="6" t="e"/>
    </row>
    <row r="2737" ht="33" customHeight="true" s="1" customFormat="true" hidden="true" outlineLevel="3">
      <c r="A2737" s="6" t="s">
        <v>3116</v>
      </c>
      <c r="B2737" s="6" t="e"/>
      <c r="C2737" s="6" t="s">
        <v>296</v>
      </c>
      <c r="D2737" s="6" t="s">
        <v>40</v>
      </c>
      <c r="E2737" s="6" t="e"/>
    </row>
    <row r="2738" ht="33" customHeight="true" s="1" customFormat="true" hidden="true" outlineLevel="3">
      <c r="A2738" s="6" t="s">
        <v>3117</v>
      </c>
      <c r="B2738" s="6" t="e"/>
      <c r="C2738" s="6" t="s">
        <v>296</v>
      </c>
      <c r="D2738" s="6" t="s">
        <v>184</v>
      </c>
      <c r="E2738" s="6" t="e"/>
    </row>
    <row r="2739" ht="33" customHeight="true" s="1" customFormat="true" hidden="true" outlineLevel="3">
      <c r="A2739" s="6" t="s">
        <v>3118</v>
      </c>
      <c r="B2739" s="6" t="e"/>
      <c r="C2739" s="6" t="s">
        <v>225</v>
      </c>
      <c r="D2739" s="6" t="s">
        <v>11</v>
      </c>
      <c r="E2739" s="6" t="e"/>
    </row>
    <row r="2740" ht="33" customHeight="true" s="1" customFormat="true" hidden="true" outlineLevel="3">
      <c r="A2740" s="6" t="s">
        <v>3119</v>
      </c>
      <c r="B2740" s="6" t="e"/>
      <c r="C2740" s="6" t="s">
        <v>188</v>
      </c>
      <c r="D2740" s="6" t="s">
        <v>26</v>
      </c>
      <c r="E2740" s="6" t="e"/>
    </row>
    <row r="2741" ht="33" customHeight="true" s="1" customFormat="true" hidden="true" outlineLevel="3">
      <c r="A2741" s="6" t="s">
        <v>3120</v>
      </c>
      <c r="B2741" s="6" t="e"/>
      <c r="C2741" s="6" t="s">
        <v>296</v>
      </c>
      <c r="D2741" s="6" t="s">
        <v>11</v>
      </c>
      <c r="E2741" s="6" t="e"/>
    </row>
    <row r="2742" ht="33" customHeight="true" s="1" customFormat="true" hidden="true" outlineLevel="3">
      <c r="A2742" s="6" t="s">
        <v>3121</v>
      </c>
      <c r="B2742" s="6" t="e"/>
      <c r="C2742" s="6" t="s">
        <v>167</v>
      </c>
      <c r="D2742" s="6" t="s">
        <v>57</v>
      </c>
      <c r="E2742" s="6" t="e"/>
    </row>
    <row r="2743" ht="33" customHeight="true" s="1" customFormat="true" hidden="true" outlineLevel="3">
      <c r="A2743" s="6" t="s">
        <v>3122</v>
      </c>
      <c r="B2743" s="6" t="e"/>
      <c r="C2743" s="6" t="s">
        <v>167</v>
      </c>
      <c r="D2743" s="6" t="s">
        <v>26</v>
      </c>
      <c r="E2743" s="6" t="e"/>
    </row>
    <row r="2744" ht="22" customHeight="true" s="1" customFormat="true" hidden="true" outlineLevel="3">
      <c r="A2744" s="6" t="s">
        <v>3123</v>
      </c>
      <c r="B2744" s="6" t="e"/>
      <c r="C2744" s="6" t="s">
        <v>167</v>
      </c>
      <c r="D2744" s="6" t="s">
        <v>26</v>
      </c>
      <c r="E2744" s="6" t="e"/>
    </row>
    <row r="2745" ht="56" customHeight="true" s="1" customFormat="true" hidden="true" outlineLevel="3">
      <c r="A2745" s="6" t="s">
        <v>3124</v>
      </c>
      <c r="B2745" s="6" t="e"/>
      <c r="C2745" s="6" t="s">
        <v>242</v>
      </c>
      <c r="D2745" s="6" t="s">
        <v>165</v>
      </c>
      <c r="E2745" s="6" t="e"/>
    </row>
    <row r="2746" ht="33" customHeight="true" s="1" customFormat="true" hidden="true" outlineLevel="3">
      <c r="A2746" s="6" t="s">
        <v>3125</v>
      </c>
      <c r="B2746" s="6" t="e"/>
      <c r="C2746" s="6" t="s">
        <v>167</v>
      </c>
      <c r="D2746" s="6" t="s">
        <v>68</v>
      </c>
      <c r="E2746" s="6" t="e"/>
    </row>
    <row r="2747" ht="33" customHeight="true" s="1" customFormat="true" hidden="true" outlineLevel="3">
      <c r="A2747" s="6" t="s">
        <v>3126</v>
      </c>
      <c r="B2747" s="6" t="e"/>
      <c r="C2747" s="6" t="s">
        <v>167</v>
      </c>
      <c r="D2747" s="6" t="s">
        <v>11</v>
      </c>
      <c r="E2747" s="6" t="e"/>
    </row>
    <row r="2748" ht="22" customHeight="true" s="1" customFormat="true" hidden="true" outlineLevel="3">
      <c r="A2748" s="6" t="s">
        <v>3127</v>
      </c>
      <c r="B2748" s="6" t="e"/>
      <c r="C2748" s="6" t="s">
        <v>167</v>
      </c>
      <c r="D2748" s="6" t="s">
        <v>123</v>
      </c>
      <c r="E2748" s="6" t="e"/>
    </row>
    <row r="2749" ht="33" customHeight="true" s="1" customFormat="true" hidden="true" outlineLevel="3">
      <c r="A2749" s="6" t="s">
        <v>3128</v>
      </c>
      <c r="B2749" s="6" t="e"/>
      <c r="C2749" s="6" t="s">
        <v>126</v>
      </c>
      <c r="D2749" s="6" t="s">
        <v>11</v>
      </c>
      <c r="E2749" s="6" t="e"/>
    </row>
    <row r="2750" ht="44" customHeight="true" s="1" customFormat="true" hidden="true" collapsed="true" outlineLevel="3">
      <c r="A2750" s="6" t="s">
        <v>3129</v>
      </c>
      <c r="B2750" s="6" t="e"/>
      <c r="C2750" s="6" t="s">
        <v>155</v>
      </c>
      <c r="D2750" s="6" t="s">
        <v>26</v>
      </c>
      <c r="E2750" s="6" t="e"/>
    </row>
    <row r="2751" ht="11" customHeight="true" s="1" customFormat="true" hidden="true" collapsed="true" outlineLevel="2">
      <c r="A2751" s="5" t="s">
        <v>3130</v>
      </c>
      <c r="B2751" s="5" t="e"/>
      <c r="C2751" s="5" t="e"/>
      <c r="D2751" s="5" t="e"/>
      <c r="E2751" s="5" t="e"/>
    </row>
    <row r="2752" ht="56" customHeight="true" s="1" customFormat="true" hidden="true" outlineLevel="3">
      <c r="A2752" s="6" t="s">
        <v>3131</v>
      </c>
      <c r="B2752" s="6" t="e"/>
      <c r="C2752" s="6" t="s">
        <v>242</v>
      </c>
      <c r="D2752" s="6" t="s">
        <v>11</v>
      </c>
      <c r="E2752" s="6" t="e"/>
    </row>
    <row r="2753" ht="22" customHeight="true" s="1" customFormat="true" hidden="true" collapsed="true" outlineLevel="3">
      <c r="A2753" s="6" t="s">
        <v>3132</v>
      </c>
      <c r="B2753" s="6" t="e"/>
      <c r="C2753" s="6" t="s">
        <v>242</v>
      </c>
      <c r="D2753" s="6" t="s">
        <v>40</v>
      </c>
      <c r="E2753" s="6" t="e"/>
    </row>
    <row r="2754" ht="11" customHeight="true" s="1" customFormat="true" hidden="true" collapsed="true" outlineLevel="2">
      <c r="A2754" s="5" t="s">
        <v>3133</v>
      </c>
      <c r="B2754" s="5" t="e"/>
      <c r="C2754" s="5" t="e"/>
      <c r="D2754" s="5" t="e"/>
      <c r="E2754" s="5" t="e"/>
    </row>
    <row r="2755" ht="33" customHeight="true" s="1" customFormat="true" hidden="true" outlineLevel="3">
      <c r="A2755" s="6" t="s">
        <v>3134</v>
      </c>
      <c r="B2755" s="6" t="e"/>
      <c r="C2755" s="6" t="s">
        <v>296</v>
      </c>
      <c r="D2755" s="6" t="s">
        <v>184</v>
      </c>
      <c r="E2755" s="6" t="e"/>
    </row>
    <row r="2756" ht="33" customHeight="true" s="1" customFormat="true" hidden="true" outlineLevel="3">
      <c r="A2756" s="6" t="s">
        <v>3135</v>
      </c>
      <c r="B2756" s="6" t="e"/>
      <c r="C2756" s="6" t="s">
        <v>296</v>
      </c>
      <c r="D2756" s="6" t="s">
        <v>68</v>
      </c>
      <c r="E2756" s="6" t="e"/>
    </row>
    <row r="2757" ht="33" customHeight="true" s="1" customFormat="true" hidden="true" outlineLevel="3">
      <c r="A2757" s="6" t="s">
        <v>3136</v>
      </c>
      <c r="B2757" s="6" t="e"/>
      <c r="C2757" s="6" t="s">
        <v>296</v>
      </c>
      <c r="D2757" s="6" t="s">
        <v>68</v>
      </c>
      <c r="E2757" s="6" t="e"/>
    </row>
    <row r="2758" ht="33" customHeight="true" s="1" customFormat="true" hidden="true" outlineLevel="3">
      <c r="A2758" s="6" t="s">
        <v>3137</v>
      </c>
      <c r="B2758" s="6" t="e"/>
      <c r="C2758" s="6" t="s">
        <v>296</v>
      </c>
      <c r="D2758" s="6" t="s">
        <v>100</v>
      </c>
      <c r="E2758" s="6" t="e"/>
    </row>
    <row r="2759" ht="11" customHeight="true" collapsed="true" outlineLevel="1">
      <c r="A2759" s="5" t="s">
        <v>3138</v>
      </c>
      <c r="B2759" s="5" t="e"/>
      <c r="C2759" s="5" t="e"/>
      <c r="D2759" s="5" t="e"/>
      <c r="E2759" s="5" t="e"/>
    </row>
    <row r="2760" ht="11" customHeight="true" s="1" customFormat="true" hidden="true" collapsed="true" outlineLevel="2">
      <c r="A2760" s="5" t="s">
        <v>3139</v>
      </c>
      <c r="B2760" s="5" t="e"/>
      <c r="C2760" s="5" t="e"/>
      <c r="D2760" s="5" t="e"/>
      <c r="E2760" s="5" t="e"/>
    </row>
    <row r="2761" ht="22" customHeight="true" s="1" customFormat="true" hidden="true" outlineLevel="3">
      <c r="A2761" s="6" t="s">
        <v>3140</v>
      </c>
      <c r="B2761" s="6" t="e"/>
      <c r="C2761" s="6" t="s">
        <v>371</v>
      </c>
      <c r="D2761" s="6" t="s">
        <v>11</v>
      </c>
      <c r="E2761" s="6" t="e"/>
    </row>
    <row r="2762" ht="22" customHeight="true" s="1" customFormat="true" hidden="true" outlineLevel="3">
      <c r="A2762" s="6" t="s">
        <v>3141</v>
      </c>
      <c r="B2762" s="6" t="e"/>
      <c r="C2762" s="6" t="s">
        <v>253</v>
      </c>
      <c r="D2762" s="6" t="s">
        <v>26</v>
      </c>
      <c r="E2762" s="6" t="e"/>
    </row>
    <row r="2763" ht="22" customHeight="true" s="1" customFormat="true" hidden="true" outlineLevel="3">
      <c r="A2763" s="6" t="s">
        <v>3142</v>
      </c>
      <c r="B2763" s="6" t="e"/>
      <c r="C2763" s="6" t="s">
        <v>253</v>
      </c>
      <c r="D2763" s="6" t="s">
        <v>26</v>
      </c>
      <c r="E2763" s="6" t="e"/>
    </row>
    <row r="2764" ht="22" customHeight="true" s="1" customFormat="true" hidden="true" outlineLevel="3">
      <c r="A2764" s="6" t="s">
        <v>3143</v>
      </c>
      <c r="B2764" s="6" t="e"/>
      <c r="C2764" s="6" t="s">
        <v>82</v>
      </c>
      <c r="D2764" s="6" t="s">
        <v>11</v>
      </c>
      <c r="E2764" s="6" t="e"/>
    </row>
    <row r="2765" ht="44" customHeight="true" s="1" customFormat="true" hidden="true" outlineLevel="3">
      <c r="A2765" s="6" t="s">
        <v>3144</v>
      </c>
      <c r="B2765" s="6" t="e"/>
      <c r="C2765" s="6" t="s">
        <v>21</v>
      </c>
      <c r="D2765" s="6" t="s">
        <v>11</v>
      </c>
      <c r="E2765" s="6" t="e"/>
    </row>
    <row r="2766" ht="22" customHeight="true" s="1" customFormat="true" hidden="true" outlineLevel="3">
      <c r="A2766" s="6" t="s">
        <v>3145</v>
      </c>
      <c r="B2766" s="6" t="e"/>
      <c r="C2766" s="6" t="s">
        <v>82</v>
      </c>
      <c r="D2766" s="6" t="s">
        <v>26</v>
      </c>
      <c r="E2766" s="6" t="e"/>
    </row>
    <row r="2767" ht="33" customHeight="true" s="1" customFormat="true" hidden="true" outlineLevel="3">
      <c r="A2767" s="6" t="s">
        <v>3146</v>
      </c>
      <c r="B2767" s="6" t="e"/>
      <c r="C2767" s="6" t="s">
        <v>82</v>
      </c>
      <c r="D2767" s="6" t="s">
        <v>11</v>
      </c>
      <c r="E2767" s="6" t="e"/>
    </row>
    <row r="2768" ht="33" customHeight="true" s="1" customFormat="true" hidden="true" outlineLevel="3">
      <c r="A2768" s="6" t="s">
        <v>3147</v>
      </c>
      <c r="B2768" s="6" t="e"/>
      <c r="C2768" s="6" t="s">
        <v>82</v>
      </c>
      <c r="D2768" s="6" t="s">
        <v>11</v>
      </c>
      <c r="E2768" s="6" t="e"/>
    </row>
    <row r="2769" ht="56" customHeight="true" s="1" customFormat="true" hidden="true" outlineLevel="3">
      <c r="A2769" s="6" t="s">
        <v>3148</v>
      </c>
      <c r="B2769" s="6" t="e"/>
      <c r="C2769" s="6" t="s">
        <v>1212</v>
      </c>
      <c r="D2769" s="6" t="s">
        <v>11</v>
      </c>
      <c r="E2769" s="6" t="e"/>
    </row>
    <row r="2770" ht="44" customHeight="true" s="1" customFormat="true" hidden="true" outlineLevel="3">
      <c r="A2770" s="6" t="s">
        <v>3149</v>
      </c>
      <c r="B2770" s="6" t="e"/>
      <c r="C2770" s="6" t="s">
        <v>82</v>
      </c>
      <c r="D2770" s="6" t="s">
        <v>26</v>
      </c>
      <c r="E2770" s="6" t="e"/>
    </row>
    <row r="2771" ht="22" customHeight="true" s="1" customFormat="true" hidden="true" outlineLevel="3">
      <c r="A2771" s="6" t="s">
        <v>3150</v>
      </c>
      <c r="B2771" s="6" t="e"/>
      <c r="C2771" s="6" t="s">
        <v>82</v>
      </c>
      <c r="D2771" s="6" t="s">
        <v>26</v>
      </c>
      <c r="E2771" s="6" t="e"/>
    </row>
    <row r="2772" ht="22" customHeight="true" s="1" customFormat="true" hidden="true" outlineLevel="3">
      <c r="A2772" s="6" t="s">
        <v>3151</v>
      </c>
      <c r="B2772" s="6" t="e"/>
      <c r="C2772" s="6" t="s">
        <v>82</v>
      </c>
      <c r="D2772" s="6" t="s">
        <v>26</v>
      </c>
      <c r="E2772" s="6" t="e"/>
    </row>
    <row r="2773" ht="33" customHeight="true" s="1" customFormat="true" hidden="true" outlineLevel="3">
      <c r="A2773" s="6" t="s">
        <v>3152</v>
      </c>
      <c r="B2773" s="6" t="e"/>
      <c r="C2773" s="6" t="s">
        <v>82</v>
      </c>
      <c r="D2773" s="6" t="s">
        <v>11</v>
      </c>
      <c r="E2773" s="6" t="e"/>
    </row>
    <row r="2774" ht="33" customHeight="true" s="1" customFormat="true" hidden="true" outlineLevel="3">
      <c r="A2774" s="6" t="s">
        <v>3153</v>
      </c>
      <c r="B2774" s="6" t="e"/>
      <c r="C2774" s="6" t="s">
        <v>82</v>
      </c>
      <c r="D2774" s="6" t="s">
        <v>11</v>
      </c>
      <c r="E2774" s="6" t="e"/>
    </row>
    <row r="2775" ht="22" customHeight="true" s="1" customFormat="true" hidden="true" outlineLevel="3">
      <c r="A2775" s="6" t="s">
        <v>3154</v>
      </c>
      <c r="B2775" s="6" t="e"/>
      <c r="C2775" s="6" t="s">
        <v>391</v>
      </c>
      <c r="D2775" s="6" t="s">
        <v>26</v>
      </c>
      <c r="E2775" s="6" t="e"/>
    </row>
    <row r="2776" ht="22" customHeight="true" s="1" customFormat="true" hidden="true" outlineLevel="3">
      <c r="A2776" s="6" t="s">
        <v>3155</v>
      </c>
      <c r="B2776" s="6" t="e"/>
      <c r="C2776" s="6" t="s">
        <v>391</v>
      </c>
      <c r="D2776" s="6" t="s">
        <v>11</v>
      </c>
      <c r="E2776" s="6" t="e"/>
    </row>
    <row r="2777" ht="44" customHeight="true" s="1" customFormat="true" hidden="true" outlineLevel="3">
      <c r="A2777" s="6" t="s">
        <v>3156</v>
      </c>
      <c r="B2777" s="6" t="e"/>
      <c r="C2777" s="6" t="s">
        <v>1212</v>
      </c>
      <c r="D2777" s="6" t="s">
        <v>11</v>
      </c>
      <c r="E2777" s="6" t="e"/>
    </row>
    <row r="2778" ht="44" customHeight="true" s="1" customFormat="true" hidden="true" outlineLevel="3">
      <c r="A2778" s="6" t="s">
        <v>3157</v>
      </c>
      <c r="B2778" s="6" t="e"/>
      <c r="C2778" s="6" t="s">
        <v>2678</v>
      </c>
      <c r="D2778" s="6" t="s">
        <v>26</v>
      </c>
      <c r="E2778" s="6" t="e"/>
    </row>
    <row r="2779" ht="44" customHeight="true" s="1" customFormat="true" hidden="true" outlineLevel="3">
      <c r="A2779" s="6" t="s">
        <v>3158</v>
      </c>
      <c r="B2779" s="6" t="e"/>
      <c r="C2779" s="6" t="s">
        <v>939</v>
      </c>
      <c r="D2779" s="6" t="s">
        <v>11</v>
      </c>
      <c r="E2779" s="6" t="e"/>
    </row>
    <row r="2780" ht="22" customHeight="true" s="1" customFormat="true" hidden="true" outlineLevel="3">
      <c r="A2780" s="6" t="s">
        <v>3159</v>
      </c>
      <c r="B2780" s="6" t="e"/>
      <c r="C2780" s="6" t="s">
        <v>1212</v>
      </c>
      <c r="D2780" s="6" t="s">
        <v>26</v>
      </c>
      <c r="E2780" s="6" t="e"/>
    </row>
    <row r="2781" ht="22" customHeight="true" s="1" customFormat="true" hidden="true" collapsed="true" outlineLevel="3">
      <c r="A2781" s="6" t="s">
        <v>3160</v>
      </c>
      <c r="B2781" s="6" t="e"/>
      <c r="C2781" s="6" t="s">
        <v>1284</v>
      </c>
      <c r="D2781" s="6" t="s">
        <v>11</v>
      </c>
      <c r="E2781" s="6" t="e"/>
    </row>
    <row r="2782" ht="11" customHeight="true" s="1" customFormat="true" hidden="true" collapsed="true" outlineLevel="2">
      <c r="A2782" s="5" t="s">
        <v>3161</v>
      </c>
      <c r="B2782" s="5" t="e"/>
      <c r="C2782" s="5" t="e"/>
      <c r="D2782" s="5" t="e"/>
      <c r="E2782" s="5" t="e"/>
    </row>
    <row r="2783" ht="22" customHeight="true" s="1" customFormat="true" hidden="true" outlineLevel="3">
      <c r="A2783" s="6" t="s">
        <v>3162</v>
      </c>
      <c r="B2783" s="6" t="e"/>
      <c r="C2783" s="6" t="s">
        <v>3163</v>
      </c>
      <c r="D2783" s="6" t="s">
        <v>11</v>
      </c>
      <c r="E2783" s="6" t="e"/>
    </row>
    <row r="2784" ht="11" customHeight="true" s="1" customFormat="true" hidden="true" outlineLevel="3">
      <c r="A2784" s="6" t="s">
        <v>3164</v>
      </c>
      <c r="B2784" s="6" t="e"/>
      <c r="C2784" s="6" t="s">
        <v>1766</v>
      </c>
      <c r="D2784" s="6" t="s">
        <v>40</v>
      </c>
      <c r="E2784" s="6" t="e"/>
    </row>
    <row r="2785" ht="22" customHeight="true" s="1" customFormat="true" hidden="true" outlineLevel="3">
      <c r="A2785" s="6" t="s">
        <v>3165</v>
      </c>
      <c r="B2785" s="6" t="e"/>
      <c r="C2785" s="6" t="s">
        <v>24</v>
      </c>
      <c r="D2785" s="6" t="s">
        <v>11</v>
      </c>
      <c r="E2785" s="6" t="e"/>
    </row>
    <row r="2786" ht="22" customHeight="true" s="1" customFormat="true" hidden="true" outlineLevel="3">
      <c r="A2786" s="6" t="s">
        <v>3166</v>
      </c>
      <c r="B2786" s="6" t="e"/>
      <c r="C2786" s="6" t="s">
        <v>391</v>
      </c>
      <c r="D2786" s="6" t="s">
        <v>11</v>
      </c>
      <c r="E2786" s="6" t="e"/>
    </row>
    <row r="2787" ht="22" customHeight="true" s="1" customFormat="true" hidden="true" outlineLevel="3">
      <c r="A2787" s="6" t="s">
        <v>3167</v>
      </c>
      <c r="B2787" s="6" t="e"/>
      <c r="C2787" s="6" t="s">
        <v>939</v>
      </c>
      <c r="D2787" s="6" t="s">
        <v>40</v>
      </c>
      <c r="E2787" s="6" t="e"/>
    </row>
    <row r="2788" ht="33" customHeight="true" s="1" customFormat="true" hidden="true" outlineLevel="3">
      <c r="A2788" s="6" t="s">
        <v>3168</v>
      </c>
      <c r="B2788" s="6" t="e"/>
      <c r="C2788" s="6" t="s">
        <v>939</v>
      </c>
      <c r="D2788" s="6" t="s">
        <v>11</v>
      </c>
      <c r="E2788" s="6" t="e"/>
    </row>
    <row r="2789" ht="22" customHeight="true" s="1" customFormat="true" hidden="true" outlineLevel="3">
      <c r="A2789" s="6" t="s">
        <v>3169</v>
      </c>
      <c r="B2789" s="6" t="e"/>
      <c r="C2789" s="6" t="s">
        <v>939</v>
      </c>
      <c r="D2789" s="6" t="s">
        <v>11</v>
      </c>
      <c r="E2789" s="6" t="e"/>
    </row>
    <row r="2790" ht="22" customHeight="true" s="1" customFormat="true" hidden="true" outlineLevel="3">
      <c r="A2790" s="6" t="s">
        <v>3170</v>
      </c>
      <c r="B2790" s="6" t="e"/>
      <c r="C2790" s="6" t="s">
        <v>2000</v>
      </c>
      <c r="D2790" s="6" t="s">
        <v>11</v>
      </c>
      <c r="E2790" s="6" t="e"/>
    </row>
    <row r="2791" ht="22" customHeight="true" s="1" customFormat="true" hidden="true" outlineLevel="3">
      <c r="A2791" s="6" t="s">
        <v>3171</v>
      </c>
      <c r="B2791" s="6" t="e"/>
      <c r="C2791" s="6" t="s">
        <v>2000</v>
      </c>
      <c r="D2791" s="6" t="s">
        <v>11</v>
      </c>
      <c r="E2791" s="6" t="e"/>
    </row>
    <row r="2792" ht="22" customHeight="true" s="1" customFormat="true" hidden="true" outlineLevel="3">
      <c r="A2792" s="6" t="s">
        <v>3172</v>
      </c>
      <c r="B2792" s="6" t="e"/>
      <c r="C2792" s="6" t="s">
        <v>10</v>
      </c>
      <c r="D2792" s="6" t="s">
        <v>11</v>
      </c>
      <c r="E2792" s="6" t="e"/>
    </row>
    <row r="2793" ht="22" customHeight="true" s="1" customFormat="true" hidden="true" outlineLevel="3">
      <c r="A2793" s="6" t="s">
        <v>3173</v>
      </c>
      <c r="B2793" s="6" t="e"/>
      <c r="C2793" s="6" t="s">
        <v>42</v>
      </c>
      <c r="D2793" s="6" t="s">
        <v>11</v>
      </c>
      <c r="E2793" s="6" t="e"/>
    </row>
    <row r="2794" ht="22" customHeight="true" s="1" customFormat="true" hidden="true" outlineLevel="3">
      <c r="A2794" s="6" t="s">
        <v>3174</v>
      </c>
      <c r="B2794" s="6" t="e"/>
      <c r="C2794" s="6" t="s">
        <v>42</v>
      </c>
      <c r="D2794" s="6" t="s">
        <v>11</v>
      </c>
      <c r="E2794" s="6" t="e"/>
    </row>
    <row r="2795" ht="33" customHeight="true" s="1" customFormat="true" hidden="true" outlineLevel="3">
      <c r="A2795" s="6" t="s">
        <v>3175</v>
      </c>
      <c r="B2795" s="6" t="e"/>
      <c r="C2795" s="6" t="s">
        <v>1694</v>
      </c>
      <c r="D2795" s="6" t="s">
        <v>26</v>
      </c>
      <c r="E2795" s="6" t="e"/>
    </row>
    <row r="2796" ht="22" customHeight="true" s="1" customFormat="true" hidden="true" outlineLevel="3">
      <c r="A2796" s="6" t="s">
        <v>3176</v>
      </c>
      <c r="B2796" s="6" t="e"/>
      <c r="C2796" s="6" t="s">
        <v>14</v>
      </c>
      <c r="D2796" s="6" t="s">
        <v>11</v>
      </c>
      <c r="E2796" s="6" t="e"/>
    </row>
    <row r="2797" ht="22" customHeight="true" s="1" customFormat="true" hidden="true" outlineLevel="3">
      <c r="A2797" s="6" t="s">
        <v>3177</v>
      </c>
      <c r="B2797" s="6" t="e"/>
      <c r="C2797" s="6" t="s">
        <v>1706</v>
      </c>
      <c r="D2797" s="6" t="s">
        <v>11</v>
      </c>
      <c r="E2797" s="6" t="e"/>
    </row>
    <row r="2798" ht="33" customHeight="true" s="1" customFormat="true" hidden="true" outlineLevel="3">
      <c r="A2798" s="6" t="s">
        <v>3178</v>
      </c>
      <c r="B2798" s="6" t="e"/>
      <c r="C2798" s="6" t="s">
        <v>78</v>
      </c>
      <c r="D2798" s="6" t="s">
        <v>11</v>
      </c>
      <c r="E2798" s="6" t="e"/>
    </row>
    <row r="2799" ht="22" customHeight="true" s="1" customFormat="true" hidden="true" outlineLevel="3">
      <c r="A2799" s="6" t="s">
        <v>3179</v>
      </c>
      <c r="B2799" s="6" t="e"/>
      <c r="C2799" s="6" t="s">
        <v>391</v>
      </c>
      <c r="D2799" s="6" t="s">
        <v>11</v>
      </c>
      <c r="E2799" s="6" t="e"/>
    </row>
    <row r="2800" ht="11" customHeight="true" s="1" customFormat="true" hidden="true" collapsed="true" outlineLevel="3">
      <c r="A2800" s="6" t="s">
        <v>3180</v>
      </c>
      <c r="B2800" s="6" t="e"/>
      <c r="C2800" s="6" t="s">
        <v>50</v>
      </c>
      <c r="D2800" s="6" t="s">
        <v>11</v>
      </c>
      <c r="E2800" s="6" t="e"/>
    </row>
    <row r="2801" ht="11" customHeight="true" s="1" customFormat="true" hidden="true" collapsed="true" outlineLevel="2">
      <c r="A2801" s="5" t="s">
        <v>3181</v>
      </c>
      <c r="B2801" s="5" t="e"/>
      <c r="C2801" s="5" t="e"/>
      <c r="D2801" s="5" t="e"/>
      <c r="E2801" s="5" t="e"/>
    </row>
    <row r="2802" ht="22" customHeight="true" s="1" customFormat="true" hidden="true" outlineLevel="3">
      <c r="A2802" s="6" t="s">
        <v>3182</v>
      </c>
      <c r="B2802" s="6" t="e"/>
      <c r="C2802" s="6" t="s">
        <v>1655</v>
      </c>
      <c r="D2802" s="6" t="s">
        <v>11</v>
      </c>
      <c r="E2802" s="6" t="e"/>
    </row>
    <row r="2803" ht="22" customHeight="true" s="1" customFormat="true" hidden="true" outlineLevel="3">
      <c r="A2803" s="6" t="s">
        <v>3183</v>
      </c>
      <c r="B2803" s="6" t="e"/>
      <c r="C2803" s="6" t="s">
        <v>1655</v>
      </c>
      <c r="D2803" s="6" t="s">
        <v>11</v>
      </c>
      <c r="E2803" s="6" t="e"/>
    </row>
    <row r="2804" ht="22" customHeight="true" s="1" customFormat="true" hidden="true" outlineLevel="3">
      <c r="A2804" s="6" t="s">
        <v>3184</v>
      </c>
      <c r="B2804" s="6" t="e"/>
      <c r="C2804" s="6" t="s">
        <v>1655</v>
      </c>
      <c r="D2804" s="6" t="s">
        <v>11</v>
      </c>
      <c r="E2804" s="6" t="e"/>
    </row>
    <row r="2805" ht="33" customHeight="true" s="1" customFormat="true" hidden="true" outlineLevel="3">
      <c r="A2805" s="6" t="s">
        <v>3185</v>
      </c>
      <c r="B2805" s="6" t="e"/>
      <c r="C2805" s="6" t="s">
        <v>2253</v>
      </c>
      <c r="D2805" s="6" t="s">
        <v>26</v>
      </c>
      <c r="E2805" s="6" t="e"/>
    </row>
    <row r="2806" ht="33" customHeight="true" s="1" customFormat="true" hidden="true" outlineLevel="3">
      <c r="A2806" s="6" t="s">
        <v>3186</v>
      </c>
      <c r="B2806" s="6" t="e"/>
      <c r="C2806" s="6" t="s">
        <v>2253</v>
      </c>
      <c r="D2806" s="6" t="s">
        <v>11</v>
      </c>
      <c r="E2806" s="6" t="e"/>
    </row>
    <row r="2807" ht="33" customHeight="true" s="1" customFormat="true" hidden="true" outlineLevel="3">
      <c r="A2807" s="6" t="s">
        <v>3187</v>
      </c>
      <c r="B2807" s="6" t="e"/>
      <c r="C2807" s="6" t="s">
        <v>2253</v>
      </c>
      <c r="D2807" s="6" t="s">
        <v>11</v>
      </c>
      <c r="E2807" s="6" t="e"/>
    </row>
    <row r="2808" ht="33" customHeight="true" s="1" customFormat="true" hidden="true" outlineLevel="3">
      <c r="A2808" s="6" t="s">
        <v>3188</v>
      </c>
      <c r="B2808" s="6" t="e"/>
      <c r="C2808" s="6" t="s">
        <v>1655</v>
      </c>
      <c r="D2808" s="6" t="s">
        <v>11</v>
      </c>
      <c r="E2808" s="6" t="e"/>
    </row>
    <row r="2809" ht="33" customHeight="true" s="1" customFormat="true" hidden="true" outlineLevel="3">
      <c r="A2809" s="6" t="s">
        <v>3189</v>
      </c>
      <c r="B2809" s="6" t="e"/>
      <c r="C2809" s="6" t="s">
        <v>1655</v>
      </c>
      <c r="D2809" s="6" t="s">
        <v>11</v>
      </c>
      <c r="E2809" s="6" t="e"/>
    </row>
    <row r="2810" ht="33" customHeight="true" s="1" customFormat="true" hidden="true" outlineLevel="3">
      <c r="A2810" s="6" t="s">
        <v>3190</v>
      </c>
      <c r="B2810" s="6" t="e"/>
      <c r="C2810" s="6" t="s">
        <v>1655</v>
      </c>
      <c r="D2810" s="6" t="s">
        <v>11</v>
      </c>
      <c r="E2810" s="6" t="e"/>
    </row>
    <row r="2811" ht="44" customHeight="true" s="1" customFormat="true" hidden="true" outlineLevel="3">
      <c r="A2811" s="6" t="s">
        <v>3191</v>
      </c>
      <c r="B2811" s="6" t="e"/>
      <c r="C2811" s="6" t="s">
        <v>2253</v>
      </c>
      <c r="D2811" s="6" t="s">
        <v>11</v>
      </c>
      <c r="E2811" s="6" t="e"/>
    </row>
    <row r="2812" ht="33" customHeight="true" s="1" customFormat="true" hidden="true" outlineLevel="3">
      <c r="A2812" s="6" t="s">
        <v>3192</v>
      </c>
      <c r="B2812" s="6" t="e"/>
      <c r="C2812" s="6" t="s">
        <v>1212</v>
      </c>
      <c r="D2812" s="6" t="s">
        <v>11</v>
      </c>
      <c r="E2812" s="6" t="e"/>
    </row>
    <row r="2813" ht="33" customHeight="true" s="1" customFormat="true" hidden="true" outlineLevel="3">
      <c r="A2813" s="6" t="s">
        <v>3193</v>
      </c>
      <c r="B2813" s="6" t="e"/>
      <c r="C2813" s="6" t="s">
        <v>78</v>
      </c>
      <c r="D2813" s="6" t="s">
        <v>11</v>
      </c>
      <c r="E2813" s="6" t="e"/>
    </row>
    <row r="2814" ht="44" customHeight="true" s="1" customFormat="true" hidden="true" outlineLevel="3">
      <c r="A2814" s="6" t="s">
        <v>3194</v>
      </c>
      <c r="B2814" s="6" t="e"/>
      <c r="C2814" s="6" t="s">
        <v>325</v>
      </c>
      <c r="D2814" s="6" t="s">
        <v>11</v>
      </c>
      <c r="E2814" s="6" t="e"/>
    </row>
    <row r="2815" ht="33" customHeight="true" s="1" customFormat="true" hidden="true" outlineLevel="3">
      <c r="A2815" s="6" t="s">
        <v>3195</v>
      </c>
      <c r="B2815" s="6" t="e"/>
      <c r="C2815" s="6" t="s">
        <v>1212</v>
      </c>
      <c r="D2815" s="6" t="s">
        <v>11</v>
      </c>
      <c r="E2815" s="6" t="e"/>
    </row>
    <row r="2816" ht="56" customHeight="true" s="1" customFormat="true" hidden="true" outlineLevel="3">
      <c r="A2816" s="6" t="s">
        <v>3196</v>
      </c>
      <c r="B2816" s="6" t="e"/>
      <c r="C2816" s="6" t="s">
        <v>1212</v>
      </c>
      <c r="D2816" s="6" t="s">
        <v>40</v>
      </c>
      <c r="E2816" s="6" t="e"/>
    </row>
    <row r="2817" ht="44" customHeight="true" s="1" customFormat="true" hidden="true" collapsed="true" outlineLevel="3">
      <c r="A2817" s="6" t="s">
        <v>3197</v>
      </c>
      <c r="B2817" s="6" t="e"/>
      <c r="C2817" s="6" t="s">
        <v>3198</v>
      </c>
      <c r="D2817" s="6" t="s">
        <v>11</v>
      </c>
      <c r="E2817" s="6" t="e"/>
    </row>
    <row r="2818" ht="11" customHeight="true" s="1" customFormat="true" hidden="true" collapsed="true" outlineLevel="2">
      <c r="A2818" s="5" t="s">
        <v>3199</v>
      </c>
      <c r="B2818" s="5" t="e"/>
      <c r="C2818" s="5" t="e"/>
      <c r="D2818" s="5" t="e"/>
      <c r="E2818" s="5" t="e"/>
    </row>
    <row r="2819" ht="11" customHeight="true" s="1" customFormat="true" hidden="true" outlineLevel="3">
      <c r="A2819" s="6" t="s">
        <v>3200</v>
      </c>
      <c r="B2819" s="6" t="e"/>
      <c r="C2819" s="6" t="s">
        <v>78</v>
      </c>
      <c r="D2819" s="6" t="s">
        <v>11</v>
      </c>
      <c r="E2819" s="6" t="e"/>
    </row>
    <row r="2820" ht="11" customHeight="true" s="1" customFormat="true" hidden="true" outlineLevel="3">
      <c r="A2820" s="6" t="s">
        <v>3201</v>
      </c>
      <c r="B2820" s="6" t="e"/>
      <c r="C2820" s="6" t="s">
        <v>391</v>
      </c>
      <c r="D2820" s="6" t="s">
        <v>11</v>
      </c>
      <c r="E2820" s="6" t="e"/>
    </row>
    <row r="2821" ht="11" customHeight="true" s="1" customFormat="true" hidden="true" outlineLevel="3">
      <c r="A2821" s="6" t="s">
        <v>3202</v>
      </c>
      <c r="B2821" s="6" t="e"/>
      <c r="C2821" s="6" t="s">
        <v>82</v>
      </c>
      <c r="D2821" s="6" t="s">
        <v>26</v>
      </c>
      <c r="E2821" s="6" t="e"/>
    </row>
    <row r="2822" ht="11" customHeight="true" s="1" customFormat="true" hidden="true" outlineLevel="3">
      <c r="A2822" s="6" t="s">
        <v>3203</v>
      </c>
      <c r="B2822" s="6" t="e"/>
      <c r="C2822" s="6" t="s">
        <v>235</v>
      </c>
      <c r="D2822" s="6" t="s">
        <v>11</v>
      </c>
      <c r="E2822" s="6" t="e"/>
    </row>
    <row r="2823" ht="11" customHeight="true" s="1" customFormat="true" hidden="true" outlineLevel="3">
      <c r="A2823" s="6" t="s">
        <v>3204</v>
      </c>
      <c r="B2823" s="6" t="e"/>
      <c r="C2823" s="6" t="s">
        <v>235</v>
      </c>
      <c r="D2823" s="6" t="s">
        <v>26</v>
      </c>
      <c r="E2823" s="6" t="e"/>
    </row>
    <row r="2824" ht="22" customHeight="true" s="1" customFormat="true" hidden="true" outlineLevel="3">
      <c r="A2824" s="6" t="s">
        <v>3205</v>
      </c>
      <c r="B2824" s="6" t="e"/>
      <c r="C2824" s="6" t="s">
        <v>391</v>
      </c>
      <c r="D2824" s="6" t="s">
        <v>11</v>
      </c>
      <c r="E2824" s="6" t="e"/>
    </row>
    <row r="2825" ht="22" customHeight="true" s="1" customFormat="true" hidden="true" outlineLevel="3">
      <c r="A2825" s="6" t="s">
        <v>3206</v>
      </c>
      <c r="B2825" s="6" t="e"/>
      <c r="C2825" s="6" t="s">
        <v>391</v>
      </c>
      <c r="D2825" s="6" t="s">
        <v>26</v>
      </c>
      <c r="E2825" s="6" t="e"/>
    </row>
    <row r="2826" ht="11" customHeight="true" s="1" customFormat="true" hidden="true" outlineLevel="3">
      <c r="A2826" s="6" t="s">
        <v>3207</v>
      </c>
      <c r="B2826" s="6" t="e"/>
      <c r="C2826" s="6" t="s">
        <v>50</v>
      </c>
      <c r="D2826" s="6" t="s">
        <v>26</v>
      </c>
      <c r="E2826" s="6" t="e"/>
    </row>
    <row r="2827" ht="11" customHeight="true" s="1" customFormat="true" hidden="true" collapsed="true" outlineLevel="3">
      <c r="A2827" s="6" t="s">
        <v>3208</v>
      </c>
      <c r="B2827" s="6" t="e"/>
      <c r="C2827" s="6" t="s">
        <v>78</v>
      </c>
      <c r="D2827" s="6" t="s">
        <v>11</v>
      </c>
      <c r="E2827" s="6" t="e"/>
    </row>
    <row r="2828" ht="11" customHeight="true" s="1" customFormat="true" hidden="true" collapsed="true" outlineLevel="2">
      <c r="A2828" s="5" t="s">
        <v>3209</v>
      </c>
      <c r="B2828" s="5" t="e"/>
      <c r="C2828" s="5" t="e"/>
      <c r="D2828" s="5" t="e"/>
      <c r="E2828" s="5" t="e"/>
    </row>
    <row r="2829" ht="11" customHeight="true" s="1" customFormat="true" hidden="true" outlineLevel="3">
      <c r="A2829" s="6" t="s">
        <v>3210</v>
      </c>
      <c r="B2829" s="6" t="e"/>
      <c r="C2829" s="6" t="s">
        <v>219</v>
      </c>
      <c r="D2829" s="6" t="s">
        <v>11</v>
      </c>
      <c r="E2829" s="6" t="e"/>
    </row>
    <row r="2830" ht="44" customHeight="true" s="1" customFormat="true" hidden="true" outlineLevel="3">
      <c r="A2830" s="6" t="s">
        <v>3211</v>
      </c>
      <c r="B2830" s="6" t="e"/>
      <c r="C2830" s="6" t="s">
        <v>219</v>
      </c>
      <c r="D2830" s="6" t="s">
        <v>11</v>
      </c>
      <c r="E2830" s="6" t="e"/>
    </row>
    <row r="2831" ht="11" customHeight="true" s="1" customFormat="true" hidden="true" outlineLevel="3">
      <c r="A2831" s="6" t="s">
        <v>3212</v>
      </c>
      <c r="B2831" s="6" t="e"/>
      <c r="C2831" s="6" t="s">
        <v>219</v>
      </c>
      <c r="D2831" s="6" t="s">
        <v>11</v>
      </c>
      <c r="E2831" s="6" t="e"/>
    </row>
    <row r="2832" ht="22" customHeight="true" s="1" customFormat="true" hidden="true" outlineLevel="3">
      <c r="A2832" s="6" t="s">
        <v>3213</v>
      </c>
      <c r="B2832" s="6" t="e"/>
      <c r="C2832" s="6" t="s">
        <v>219</v>
      </c>
      <c r="D2832" s="6" t="s">
        <v>11</v>
      </c>
      <c r="E2832" s="6" t="e"/>
    </row>
    <row r="2833" ht="11" customHeight="true" s="1" customFormat="true" hidden="true" outlineLevel="3">
      <c r="A2833" s="6" t="s">
        <v>3214</v>
      </c>
      <c r="B2833" s="6" t="e"/>
      <c r="C2833" s="6" t="s">
        <v>55</v>
      </c>
      <c r="D2833" s="6" t="s">
        <v>11</v>
      </c>
      <c r="E2833" s="6" t="e"/>
    </row>
    <row r="2834" ht="22" customHeight="true" s="1" customFormat="true" hidden="true" outlineLevel="3">
      <c r="A2834" s="6" t="s">
        <v>3215</v>
      </c>
      <c r="B2834" s="6" t="e"/>
      <c r="C2834" s="6" t="s">
        <v>253</v>
      </c>
      <c r="D2834" s="6" t="s">
        <v>11</v>
      </c>
      <c r="E2834" s="6" t="e"/>
    </row>
    <row r="2835" ht="33" customHeight="true" s="1" customFormat="true" hidden="true" outlineLevel="3">
      <c r="A2835" s="6" t="s">
        <v>3216</v>
      </c>
      <c r="B2835" s="6" t="e"/>
      <c r="C2835" s="6" t="s">
        <v>78</v>
      </c>
      <c r="D2835" s="6" t="s">
        <v>11</v>
      </c>
      <c r="E2835" s="6" t="e"/>
    </row>
    <row r="2836" ht="44" customHeight="true" s="1" customFormat="true" hidden="true" outlineLevel="3">
      <c r="A2836" s="6" t="s">
        <v>3217</v>
      </c>
      <c r="B2836" s="6" t="e"/>
      <c r="C2836" s="6" t="s">
        <v>391</v>
      </c>
      <c r="D2836" s="6" t="s">
        <v>11</v>
      </c>
      <c r="E2836" s="6" t="e"/>
    </row>
    <row r="2837" ht="33" customHeight="true" s="1" customFormat="true" hidden="true" outlineLevel="3">
      <c r="A2837" s="6" t="s">
        <v>3218</v>
      </c>
      <c r="B2837" s="6" t="e"/>
      <c r="C2837" s="6" t="s">
        <v>2678</v>
      </c>
      <c r="D2837" s="6" t="s">
        <v>11</v>
      </c>
      <c r="E2837" s="6" t="e"/>
    </row>
    <row r="2838" ht="33" customHeight="true" s="1" customFormat="true" hidden="true" outlineLevel="3">
      <c r="A2838" s="6" t="s">
        <v>3219</v>
      </c>
      <c r="B2838" s="6" t="e"/>
      <c r="C2838" s="6" t="s">
        <v>1655</v>
      </c>
      <c r="D2838" s="6" t="s">
        <v>11</v>
      </c>
      <c r="E2838" s="6" t="e"/>
    </row>
    <row r="2839" ht="33" customHeight="true" s="1" customFormat="true" hidden="true" outlineLevel="3">
      <c r="A2839" s="6" t="s">
        <v>3220</v>
      </c>
      <c r="B2839" s="6" t="e"/>
      <c r="C2839" s="6" t="s">
        <v>1284</v>
      </c>
      <c r="D2839" s="6" t="s">
        <v>11</v>
      </c>
      <c r="E2839" s="6" t="e"/>
    </row>
    <row r="2840" ht="33" customHeight="true" s="1" customFormat="true" hidden="true" outlineLevel="3">
      <c r="A2840" s="6" t="s">
        <v>3221</v>
      </c>
      <c r="B2840" s="6" t="e"/>
      <c r="C2840" s="6" t="s">
        <v>1655</v>
      </c>
      <c r="D2840" s="6" t="s">
        <v>11</v>
      </c>
      <c r="E2840" s="6" t="e"/>
    </row>
    <row r="2841" ht="33" customHeight="true" s="1" customFormat="true" hidden="true" outlineLevel="3">
      <c r="A2841" s="6" t="s">
        <v>3222</v>
      </c>
      <c r="B2841" s="6" t="e"/>
      <c r="C2841" s="6" t="s">
        <v>2253</v>
      </c>
      <c r="D2841" s="6" t="s">
        <v>11</v>
      </c>
      <c r="E2841" s="6" t="e"/>
    </row>
    <row r="2842" ht="22" customHeight="true" s="1" customFormat="true" hidden="true" outlineLevel="3">
      <c r="A2842" s="6" t="s">
        <v>3223</v>
      </c>
      <c r="B2842" s="6" t="e"/>
      <c r="C2842" s="6" t="s">
        <v>50</v>
      </c>
      <c r="D2842" s="6" t="s">
        <v>11</v>
      </c>
      <c r="E2842" s="6" t="e"/>
    </row>
    <row r="2843" ht="22" customHeight="true" s="1" customFormat="true" hidden="true" outlineLevel="3">
      <c r="A2843" s="6" t="s">
        <v>3224</v>
      </c>
      <c r="B2843" s="6" t="e"/>
      <c r="C2843" s="6" t="s">
        <v>50</v>
      </c>
      <c r="D2843" s="6" t="s">
        <v>11</v>
      </c>
      <c r="E2843" s="6" t="e"/>
    </row>
    <row r="2844" ht="22" customHeight="true" s="1" customFormat="true" hidden="true" outlineLevel="3">
      <c r="A2844" s="6" t="s">
        <v>3225</v>
      </c>
      <c r="B2844" s="6" t="e"/>
      <c r="C2844" s="6" t="s">
        <v>50</v>
      </c>
      <c r="D2844" s="6" t="s">
        <v>26</v>
      </c>
      <c r="E2844" s="6" t="e"/>
    </row>
    <row r="2845" ht="33" customHeight="true" s="1" customFormat="true" hidden="true" outlineLevel="3">
      <c r="A2845" s="6" t="s">
        <v>3226</v>
      </c>
      <c r="B2845" s="6" t="e"/>
      <c r="C2845" s="6" t="s">
        <v>50</v>
      </c>
      <c r="D2845" s="6" t="s">
        <v>11</v>
      </c>
      <c r="E2845" s="6" t="e"/>
    </row>
    <row r="2846" ht="22" customHeight="true" s="1" customFormat="true" hidden="true" outlineLevel="3">
      <c r="A2846" s="6" t="s">
        <v>3227</v>
      </c>
      <c r="B2846" s="6" t="e"/>
      <c r="C2846" s="6" t="s">
        <v>50</v>
      </c>
      <c r="D2846" s="6" t="s">
        <v>26</v>
      </c>
      <c r="E2846" s="6" t="e"/>
    </row>
    <row r="2847" ht="22" customHeight="true" s="1" customFormat="true" hidden="true" outlineLevel="3">
      <c r="A2847" s="6" t="s">
        <v>3228</v>
      </c>
      <c r="B2847" s="6" t="e"/>
      <c r="C2847" s="6" t="s">
        <v>50</v>
      </c>
      <c r="D2847" s="6" t="s">
        <v>11</v>
      </c>
      <c r="E2847" s="6" t="e"/>
    </row>
    <row r="2848" ht="22" customHeight="true" s="1" customFormat="true" hidden="true" outlineLevel="3">
      <c r="A2848" s="6" t="s">
        <v>3229</v>
      </c>
      <c r="B2848" s="6" t="e"/>
      <c r="C2848" s="6" t="s">
        <v>50</v>
      </c>
      <c r="D2848" s="6" t="s">
        <v>11</v>
      </c>
      <c r="E2848" s="6" t="e"/>
    </row>
    <row r="2849" ht="11" customHeight="true" s="1" customFormat="true" hidden="true" outlineLevel="3">
      <c r="A2849" s="6" t="s">
        <v>3230</v>
      </c>
      <c r="B2849" s="6" t="e"/>
      <c r="C2849" s="6" t="s">
        <v>369</v>
      </c>
      <c r="D2849" s="6" t="s">
        <v>26</v>
      </c>
      <c r="E2849" s="6" t="e"/>
    </row>
    <row r="2850" ht="22" customHeight="true" s="1" customFormat="true" hidden="true" outlineLevel="3">
      <c r="A2850" s="6" t="s">
        <v>3231</v>
      </c>
      <c r="B2850" s="6" t="e"/>
      <c r="C2850" s="6" t="s">
        <v>369</v>
      </c>
      <c r="D2850" s="6" t="s">
        <v>11</v>
      </c>
      <c r="E2850" s="6" t="e"/>
    </row>
    <row r="2851" ht="33" customHeight="true" s="1" customFormat="true" hidden="true" outlineLevel="3">
      <c r="A2851" s="6" t="s">
        <v>3232</v>
      </c>
      <c r="B2851" s="6" t="e"/>
      <c r="C2851" s="6" t="s">
        <v>78</v>
      </c>
      <c r="D2851" s="6" t="s">
        <v>11</v>
      </c>
      <c r="E2851" s="6" t="e"/>
    </row>
    <row r="2852" ht="22" customHeight="true" s="1" customFormat="true" hidden="true" outlineLevel="3">
      <c r="A2852" s="6" t="s">
        <v>3233</v>
      </c>
      <c r="B2852" s="6" t="e"/>
      <c r="C2852" s="6" t="s">
        <v>21</v>
      </c>
      <c r="D2852" s="6" t="s">
        <v>11</v>
      </c>
      <c r="E2852" s="6" t="e"/>
    </row>
    <row r="2853" ht="33" customHeight="true" s="1" customFormat="true" hidden="true" outlineLevel="3">
      <c r="A2853" s="6" t="s">
        <v>3234</v>
      </c>
      <c r="B2853" s="6" t="e"/>
      <c r="C2853" s="6" t="s">
        <v>1655</v>
      </c>
      <c r="D2853" s="6" t="s">
        <v>26</v>
      </c>
      <c r="E2853" s="6" t="e"/>
    </row>
    <row r="2854" ht="33" customHeight="true" s="1" customFormat="true" hidden="true" outlineLevel="3">
      <c r="A2854" s="6" t="s">
        <v>3235</v>
      </c>
      <c r="B2854" s="6" t="e"/>
      <c r="C2854" s="6" t="s">
        <v>391</v>
      </c>
      <c r="D2854" s="6" t="s">
        <v>11</v>
      </c>
      <c r="E2854" s="6" t="e"/>
    </row>
    <row r="2855" ht="22" customHeight="true" s="1" customFormat="true" hidden="true" outlineLevel="3">
      <c r="A2855" s="6" t="s">
        <v>3236</v>
      </c>
      <c r="B2855" s="6" t="e"/>
      <c r="C2855" s="6" t="s">
        <v>391</v>
      </c>
      <c r="D2855" s="6" t="s">
        <v>26</v>
      </c>
      <c r="E2855" s="6" t="e"/>
    </row>
    <row r="2856" ht="11" customHeight="true" s="1" customFormat="true" hidden="true" outlineLevel="3">
      <c r="A2856" s="6" t="s">
        <v>3237</v>
      </c>
      <c r="B2856" s="6" t="e"/>
      <c r="C2856" s="6" t="s">
        <v>21</v>
      </c>
      <c r="D2856" s="6" t="s">
        <v>11</v>
      </c>
      <c r="E2856" s="6" t="e"/>
    </row>
    <row r="2857" ht="11" customHeight="true" s="1" customFormat="true" hidden="true" outlineLevel="3">
      <c r="A2857" s="6" t="s">
        <v>3238</v>
      </c>
      <c r="B2857" s="6" t="e"/>
      <c r="C2857" s="6" t="s">
        <v>21</v>
      </c>
      <c r="D2857" s="6" t="s">
        <v>11</v>
      </c>
      <c r="E2857" s="6" t="e"/>
    </row>
    <row r="2858" ht="22" customHeight="true" s="1" customFormat="true" hidden="true" outlineLevel="3">
      <c r="A2858" s="6" t="s">
        <v>3239</v>
      </c>
      <c r="B2858" s="6" t="e"/>
      <c r="C2858" s="6" t="s">
        <v>21</v>
      </c>
      <c r="D2858" s="6" t="s">
        <v>40</v>
      </c>
      <c r="E2858" s="6" t="e"/>
    </row>
    <row r="2859" ht="22" customHeight="true" s="1" customFormat="true" hidden="true" outlineLevel="3">
      <c r="A2859" s="6" t="s">
        <v>3240</v>
      </c>
      <c r="B2859" s="6" t="e"/>
      <c r="C2859" s="6" t="s">
        <v>21</v>
      </c>
      <c r="D2859" s="6" t="s">
        <v>11</v>
      </c>
      <c r="E2859" s="6" t="e"/>
    </row>
    <row r="2860" ht="33" customHeight="true" s="1" customFormat="true" hidden="true" outlineLevel="3">
      <c r="A2860" s="6" t="s">
        <v>3241</v>
      </c>
      <c r="B2860" s="6" t="e"/>
      <c r="C2860" s="6" t="s">
        <v>1655</v>
      </c>
      <c r="D2860" s="6" t="s">
        <v>11</v>
      </c>
      <c r="E2860" s="6" t="e"/>
    </row>
    <row r="2861" ht="22" customHeight="true" s="1" customFormat="true" hidden="true" outlineLevel="3">
      <c r="A2861" s="6" t="s">
        <v>3242</v>
      </c>
      <c r="B2861" s="6" t="e"/>
      <c r="C2861" s="6" t="s">
        <v>82</v>
      </c>
      <c r="D2861" s="6" t="s">
        <v>11</v>
      </c>
      <c r="E2861" s="6" t="e"/>
    </row>
    <row r="2862" ht="33" customHeight="true" s="1" customFormat="true" hidden="true" outlineLevel="3">
      <c r="A2862" s="6" t="s">
        <v>3243</v>
      </c>
      <c r="B2862" s="6" t="e"/>
      <c r="C2862" s="6" t="s">
        <v>1655</v>
      </c>
      <c r="D2862" s="6" t="s">
        <v>11</v>
      </c>
      <c r="E2862" s="6" t="e"/>
    </row>
    <row r="2863" ht="22" customHeight="true" s="1" customFormat="true" hidden="true" outlineLevel="3">
      <c r="A2863" s="6" t="s">
        <v>3244</v>
      </c>
      <c r="B2863" s="6" t="s">
        <v>3245</v>
      </c>
      <c r="C2863" s="6" t="s">
        <v>21</v>
      </c>
      <c r="D2863" s="6" t="s">
        <v>26</v>
      </c>
      <c r="E2863" s="6" t="e"/>
    </row>
    <row r="2864" ht="22" customHeight="true" s="1" customFormat="true" hidden="true" outlineLevel="3">
      <c r="A2864" s="6" t="s">
        <v>3246</v>
      </c>
      <c r="B2864" s="6" t="e"/>
      <c r="C2864" s="6" t="s">
        <v>82</v>
      </c>
      <c r="D2864" s="6" t="s">
        <v>26</v>
      </c>
      <c r="E2864" s="6" t="e"/>
    </row>
    <row r="2865" ht="11" customHeight="true" s="1" customFormat="true" hidden="true" outlineLevel="3">
      <c r="A2865" s="6" t="s">
        <v>3247</v>
      </c>
      <c r="B2865" s="6" t="e"/>
      <c r="C2865" s="6" t="s">
        <v>155</v>
      </c>
      <c r="D2865" s="6" t="s">
        <v>11</v>
      </c>
      <c r="E2865" s="6" t="e"/>
    </row>
    <row r="2866" ht="11" customHeight="true" s="1" customFormat="true" hidden="true" collapsed="true" outlineLevel="3">
      <c r="A2866" s="6" t="s">
        <v>3248</v>
      </c>
      <c r="B2866" s="6" t="e"/>
      <c r="C2866" s="6" t="s">
        <v>371</v>
      </c>
      <c r="D2866" s="6" t="s">
        <v>26</v>
      </c>
      <c r="E2866" s="6" t="e"/>
    </row>
    <row r="2867" ht="11" customHeight="true" s="1" customFormat="true" hidden="true" collapsed="true" outlineLevel="2">
      <c r="A2867" s="5" t="s">
        <v>3249</v>
      </c>
      <c r="B2867" s="5" t="e"/>
      <c r="C2867" s="5" t="e"/>
      <c r="D2867" s="5" t="e"/>
      <c r="E2867" s="5" t="e"/>
    </row>
    <row r="2868" ht="33" customHeight="true" s="1" customFormat="true" hidden="true" collapsed="true" outlineLevel="3">
      <c r="A2868" s="6" t="s">
        <v>3250</v>
      </c>
      <c r="B2868" s="6" t="e"/>
      <c r="C2868" s="6" t="s">
        <v>2000</v>
      </c>
      <c r="D2868" s="6" t="s">
        <v>11</v>
      </c>
      <c r="E2868" s="6" t="e"/>
    </row>
    <row r="2869" ht="11" customHeight="true" s="1" customFormat="true" hidden="true" collapsed="true" outlineLevel="2">
      <c r="A2869" s="5" t="s">
        <v>3251</v>
      </c>
      <c r="B2869" s="5" t="e"/>
      <c r="C2869" s="5" t="e"/>
      <c r="D2869" s="5" t="e"/>
      <c r="E2869" s="5" t="e"/>
    </row>
    <row r="2870" ht="33" customHeight="true" s="1" customFormat="true" hidden="true" outlineLevel="3">
      <c r="A2870" s="6" t="s">
        <v>3252</v>
      </c>
      <c r="B2870" s="6" t="e"/>
      <c r="C2870" s="6" t="s">
        <v>78</v>
      </c>
      <c r="D2870" s="6" t="s">
        <v>11</v>
      </c>
      <c r="E2870" s="6" t="e"/>
    </row>
    <row r="2871" ht="33" customHeight="true" s="1" customFormat="true" hidden="true" outlineLevel="3">
      <c r="A2871" s="6" t="s">
        <v>3253</v>
      </c>
      <c r="B2871" s="6" t="e"/>
      <c r="C2871" s="6" t="s">
        <v>78</v>
      </c>
      <c r="D2871" s="6" t="s">
        <v>26</v>
      </c>
      <c r="E2871" s="6" t="e"/>
    </row>
    <row r="2872" ht="33" customHeight="true" s="1" customFormat="true" hidden="true" outlineLevel="3">
      <c r="A2872" s="6" t="s">
        <v>3254</v>
      </c>
      <c r="B2872" s="6" t="e"/>
      <c r="C2872" s="6" t="s">
        <v>77</v>
      </c>
      <c r="D2872" s="6" t="s">
        <v>11</v>
      </c>
      <c r="E2872" s="6" t="e"/>
    </row>
    <row r="2873" ht="22" customHeight="true" s="1" customFormat="true" hidden="true" outlineLevel="3">
      <c r="A2873" s="6" t="s">
        <v>3255</v>
      </c>
      <c r="B2873" s="6" t="e"/>
      <c r="C2873" s="6" t="s">
        <v>371</v>
      </c>
      <c r="D2873" s="6" t="s">
        <v>11</v>
      </c>
      <c r="E2873" s="6" t="e"/>
    </row>
    <row r="2874" ht="22" customHeight="true" s="1" customFormat="true" hidden="true" outlineLevel="3">
      <c r="A2874" s="6" t="s">
        <v>3256</v>
      </c>
      <c r="B2874" s="6" t="e"/>
      <c r="C2874" s="6" t="s">
        <v>371</v>
      </c>
      <c r="D2874" s="6" t="s">
        <v>11</v>
      </c>
      <c r="E2874" s="6" t="e"/>
    </row>
    <row r="2875" ht="33" customHeight="true" s="1" customFormat="true" hidden="true" outlineLevel="3">
      <c r="A2875" s="6" t="s">
        <v>3257</v>
      </c>
      <c r="B2875" s="6" t="e"/>
      <c r="C2875" s="6" t="s">
        <v>371</v>
      </c>
      <c r="D2875" s="6" t="s">
        <v>11</v>
      </c>
      <c r="E2875" s="6" t="e"/>
    </row>
    <row r="2876" ht="33" customHeight="true" s="1" customFormat="true" hidden="true" outlineLevel="3">
      <c r="A2876" s="6" t="s">
        <v>3258</v>
      </c>
      <c r="B2876" s="6" t="e"/>
      <c r="C2876" s="6" t="s">
        <v>78</v>
      </c>
      <c r="D2876" s="6" t="s">
        <v>11</v>
      </c>
      <c r="E2876" s="6" t="e"/>
    </row>
    <row r="2877" ht="22" customHeight="true" s="1" customFormat="true" hidden="true" outlineLevel="3">
      <c r="A2877" s="6" t="s">
        <v>3259</v>
      </c>
      <c r="B2877" s="6" t="e"/>
      <c r="C2877" s="6" t="s">
        <v>78</v>
      </c>
      <c r="D2877" s="6" t="s">
        <v>11</v>
      </c>
      <c r="E2877" s="6" t="e"/>
    </row>
    <row r="2878" ht="44" customHeight="true" s="1" customFormat="true" hidden="true" outlineLevel="3">
      <c r="A2878" s="6" t="s">
        <v>3260</v>
      </c>
      <c r="B2878" s="6" t="e"/>
      <c r="C2878" s="6" t="s">
        <v>78</v>
      </c>
      <c r="D2878" s="6" t="s">
        <v>11</v>
      </c>
      <c r="E2878" s="6" t="e"/>
    </row>
    <row r="2879" ht="33" customHeight="true" s="1" customFormat="true" hidden="true" outlineLevel="3">
      <c r="A2879" s="6" t="s">
        <v>3261</v>
      </c>
      <c r="B2879" s="6" t="e"/>
      <c r="C2879" s="6" t="s">
        <v>78</v>
      </c>
      <c r="D2879" s="6" t="s">
        <v>11</v>
      </c>
      <c r="E2879" s="6" t="e"/>
    </row>
    <row r="2880" ht="33" customHeight="true" s="1" customFormat="true" hidden="true" outlineLevel="3">
      <c r="A2880" s="6" t="s">
        <v>3262</v>
      </c>
      <c r="B2880" s="6" t="e"/>
      <c r="C2880" s="6" t="s">
        <v>78</v>
      </c>
      <c r="D2880" s="6" t="s">
        <v>11</v>
      </c>
      <c r="E2880" s="6" t="e"/>
    </row>
    <row r="2881" ht="33" customHeight="true" s="1" customFormat="true" hidden="true" outlineLevel="3">
      <c r="A2881" s="6" t="s">
        <v>3263</v>
      </c>
      <c r="B2881" s="6" t="e"/>
      <c r="C2881" s="6" t="s">
        <v>78</v>
      </c>
      <c r="D2881" s="6" t="s">
        <v>11</v>
      </c>
      <c r="E2881" s="6" t="e"/>
    </row>
    <row r="2882" ht="33" customHeight="true" s="1" customFormat="true" hidden="true" outlineLevel="3">
      <c r="A2882" s="6" t="s">
        <v>3264</v>
      </c>
      <c r="B2882" s="6" t="e"/>
      <c r="C2882" s="6" t="s">
        <v>78</v>
      </c>
      <c r="D2882" s="6" t="s">
        <v>11</v>
      </c>
      <c r="E2882" s="6" t="e"/>
    </row>
    <row r="2883" ht="33" customHeight="true" s="1" customFormat="true" hidden="true" outlineLevel="3">
      <c r="A2883" s="6" t="s">
        <v>3265</v>
      </c>
      <c r="B2883" s="6" t="e"/>
      <c r="C2883" s="6" t="s">
        <v>1655</v>
      </c>
      <c r="D2883" s="6" t="s">
        <v>11</v>
      </c>
      <c r="E2883" s="6" t="e"/>
    </row>
    <row r="2884" ht="44" customHeight="true" s="1" customFormat="true" hidden="true" outlineLevel="3">
      <c r="A2884" s="6" t="s">
        <v>3266</v>
      </c>
      <c r="B2884" s="6" t="e"/>
      <c r="C2884" s="6" t="s">
        <v>1655</v>
      </c>
      <c r="D2884" s="6" t="s">
        <v>11</v>
      </c>
      <c r="E2884" s="6" t="e"/>
    </row>
    <row r="2885" ht="33" customHeight="true" s="1" customFormat="true" hidden="true" outlineLevel="3">
      <c r="A2885" s="6" t="s">
        <v>3267</v>
      </c>
      <c r="B2885" s="6" t="e"/>
      <c r="C2885" s="6" t="s">
        <v>1655</v>
      </c>
      <c r="D2885" s="6" t="s">
        <v>11</v>
      </c>
      <c r="E2885" s="6" t="e"/>
    </row>
    <row r="2886" ht="22" customHeight="true" s="1" customFormat="true" hidden="true" outlineLevel="3">
      <c r="A2886" s="6" t="s">
        <v>3268</v>
      </c>
      <c r="B2886" s="6" t="e"/>
      <c r="C2886" s="6" t="s">
        <v>82</v>
      </c>
      <c r="D2886" s="6" t="s">
        <v>11</v>
      </c>
      <c r="E2886" s="6" t="e"/>
    </row>
    <row r="2887" ht="33" customHeight="true" s="1" customFormat="true" hidden="true" outlineLevel="3">
      <c r="A2887" s="6" t="s">
        <v>3269</v>
      </c>
      <c r="B2887" s="6" t="e"/>
      <c r="C2887" s="6" t="s">
        <v>2768</v>
      </c>
      <c r="D2887" s="6" t="s">
        <v>11</v>
      </c>
      <c r="E2887" s="6" t="e"/>
    </row>
    <row r="2888" ht="33" customHeight="true" s="1" customFormat="true" hidden="true" outlineLevel="3">
      <c r="A2888" s="6" t="s">
        <v>3270</v>
      </c>
      <c r="B2888" s="6" t="e"/>
      <c r="C2888" s="6" t="s">
        <v>235</v>
      </c>
      <c r="D2888" s="6" t="s">
        <v>11</v>
      </c>
      <c r="E2888" s="6" t="e"/>
    </row>
    <row r="2889" ht="22" customHeight="true" s="1" customFormat="true" hidden="true" outlineLevel="3">
      <c r="A2889" s="6" t="s">
        <v>3271</v>
      </c>
      <c r="B2889" s="6" t="e"/>
      <c r="C2889" s="6" t="s">
        <v>82</v>
      </c>
      <c r="D2889" s="6" t="s">
        <v>11</v>
      </c>
      <c r="E2889" s="6" t="e"/>
    </row>
    <row r="2890" ht="33" customHeight="true" s="1" customFormat="true" hidden="true" outlineLevel="3">
      <c r="A2890" s="6" t="s">
        <v>3272</v>
      </c>
      <c r="B2890" s="6" t="e"/>
      <c r="C2890" s="6" t="s">
        <v>1212</v>
      </c>
      <c r="D2890" s="6" t="s">
        <v>11</v>
      </c>
      <c r="E2890" s="6" t="e"/>
    </row>
    <row r="2891" ht="22" customHeight="true" s="1" customFormat="true" hidden="true" outlineLevel="3">
      <c r="A2891" s="6" t="s">
        <v>3273</v>
      </c>
      <c r="B2891" s="6" t="e"/>
      <c r="C2891" s="6" t="s">
        <v>82</v>
      </c>
      <c r="D2891" s="6" t="s">
        <v>26</v>
      </c>
      <c r="E2891" s="6" t="e"/>
    </row>
    <row r="2892" ht="33" customHeight="true" s="1" customFormat="true" hidden="true" outlineLevel="3">
      <c r="A2892" s="6" t="s">
        <v>3274</v>
      </c>
      <c r="B2892" s="6" t="e"/>
      <c r="C2892" s="6" t="s">
        <v>1212</v>
      </c>
      <c r="D2892" s="6" t="s">
        <v>11</v>
      </c>
      <c r="E2892" s="6" t="e"/>
    </row>
    <row r="2893" ht="33" customHeight="true" s="1" customFormat="true" hidden="true" outlineLevel="3">
      <c r="A2893" s="6" t="s">
        <v>3275</v>
      </c>
      <c r="B2893" s="6" t="e"/>
      <c r="C2893" s="6" t="s">
        <v>1284</v>
      </c>
      <c r="D2893" s="6" t="s">
        <v>11</v>
      </c>
      <c r="E2893" s="6" t="e"/>
    </row>
    <row r="2894" ht="33" customHeight="true" s="1" customFormat="true" hidden="true" outlineLevel="3">
      <c r="A2894" s="6" t="s">
        <v>3276</v>
      </c>
      <c r="B2894" s="6" t="e"/>
      <c r="C2894" s="6" t="s">
        <v>939</v>
      </c>
      <c r="D2894" s="6" t="s">
        <v>26</v>
      </c>
      <c r="E2894" s="6" t="e"/>
    </row>
    <row r="2895" ht="22" customHeight="true" s="1" customFormat="true" hidden="true" outlineLevel="3">
      <c r="A2895" s="6" t="s">
        <v>3277</v>
      </c>
      <c r="B2895" s="6" t="e"/>
      <c r="C2895" s="6" t="s">
        <v>939</v>
      </c>
      <c r="D2895" s="6" t="s">
        <v>11</v>
      </c>
      <c r="E2895" s="6" t="e"/>
    </row>
    <row r="2896" ht="33" customHeight="true" s="1" customFormat="true" hidden="true" outlineLevel="3">
      <c r="A2896" s="6" t="s">
        <v>3278</v>
      </c>
      <c r="B2896" s="6" t="e"/>
      <c r="C2896" s="6" t="s">
        <v>1212</v>
      </c>
      <c r="D2896" s="6" t="s">
        <v>26</v>
      </c>
      <c r="E2896" s="6" t="e"/>
    </row>
    <row r="2897" ht="22" customHeight="true" s="1" customFormat="true" hidden="true" outlineLevel="3">
      <c r="A2897" s="6" t="s">
        <v>3279</v>
      </c>
      <c r="B2897" s="6" t="e"/>
      <c r="C2897" s="6" t="s">
        <v>82</v>
      </c>
      <c r="D2897" s="6" t="s">
        <v>11</v>
      </c>
      <c r="E2897" s="6" t="e"/>
    </row>
    <row r="2898" ht="22" customHeight="true" s="1" customFormat="true" hidden="true" outlineLevel="3">
      <c r="A2898" s="6" t="s">
        <v>3280</v>
      </c>
      <c r="B2898" s="6" t="e"/>
      <c r="C2898" s="6" t="s">
        <v>1212</v>
      </c>
      <c r="D2898" s="6" t="s">
        <v>11</v>
      </c>
      <c r="E2898" s="6" t="e"/>
    </row>
    <row r="2899" ht="33" customHeight="true" s="1" customFormat="true" hidden="true" outlineLevel="3">
      <c r="A2899" s="6" t="s">
        <v>3281</v>
      </c>
      <c r="B2899" s="6" t="e"/>
      <c r="C2899" s="6" t="s">
        <v>2253</v>
      </c>
      <c r="D2899" s="6" t="s">
        <v>11</v>
      </c>
      <c r="E2899" s="6" t="e"/>
    </row>
    <row r="2900" ht="33" customHeight="true" s="1" customFormat="true" hidden="true" outlineLevel="3">
      <c r="A2900" s="6" t="s">
        <v>3282</v>
      </c>
      <c r="B2900" s="6" t="e"/>
      <c r="C2900" s="6" t="s">
        <v>1212</v>
      </c>
      <c r="D2900" s="6" t="s">
        <v>26</v>
      </c>
      <c r="E2900" s="6" t="e"/>
    </row>
    <row r="2901" ht="33" customHeight="true" s="1" customFormat="true" hidden="true" outlineLevel="3">
      <c r="A2901" s="6" t="s">
        <v>3283</v>
      </c>
      <c r="B2901" s="6" t="e"/>
      <c r="C2901" s="6" t="s">
        <v>939</v>
      </c>
      <c r="D2901" s="6" t="s">
        <v>26</v>
      </c>
      <c r="E2901" s="6" t="e"/>
    </row>
    <row r="2902" ht="33" customHeight="true" s="1" customFormat="true" hidden="true" outlineLevel="3">
      <c r="A2902" s="6" t="s">
        <v>3284</v>
      </c>
      <c r="B2902" s="6" t="e"/>
      <c r="C2902" s="6" t="s">
        <v>1212</v>
      </c>
      <c r="D2902" s="6" t="s">
        <v>11</v>
      </c>
      <c r="E2902" s="6" t="e"/>
    </row>
    <row r="2903" ht="33" customHeight="true" s="1" customFormat="true" hidden="true" outlineLevel="3">
      <c r="A2903" s="6" t="s">
        <v>3285</v>
      </c>
      <c r="B2903" s="6" t="e"/>
      <c r="C2903" s="6" t="s">
        <v>82</v>
      </c>
      <c r="D2903" s="6" t="s">
        <v>11</v>
      </c>
      <c r="E2903" s="6" t="e"/>
    </row>
    <row r="2904" ht="33" customHeight="true" s="1" customFormat="true" hidden="true" outlineLevel="3">
      <c r="A2904" s="6" t="s">
        <v>3286</v>
      </c>
      <c r="B2904" s="6" t="e"/>
      <c r="C2904" s="6" t="s">
        <v>82</v>
      </c>
      <c r="D2904" s="6" t="s">
        <v>11</v>
      </c>
      <c r="E2904" s="6" t="e"/>
    </row>
    <row r="2905" ht="33" customHeight="true" s="1" customFormat="true" hidden="true" collapsed="true" outlineLevel="3">
      <c r="A2905" s="6" t="s">
        <v>3287</v>
      </c>
      <c r="B2905" s="6" t="e"/>
      <c r="C2905" s="6" t="s">
        <v>78</v>
      </c>
      <c r="D2905" s="6" t="s">
        <v>26</v>
      </c>
      <c r="E2905" s="6" t="e"/>
    </row>
    <row r="2906" ht="11" customHeight="true" s="1" customFormat="true" hidden="true" collapsed="true" outlineLevel="2">
      <c r="A2906" s="5" t="s">
        <v>3288</v>
      </c>
      <c r="B2906" s="5" t="e"/>
      <c r="C2906" s="5" t="e"/>
      <c r="D2906" s="5" t="e"/>
      <c r="E2906" s="5" t="e"/>
    </row>
    <row r="2907" ht="33" customHeight="true" s="1" customFormat="true" hidden="true" outlineLevel="3">
      <c r="A2907" s="6" t="s">
        <v>3289</v>
      </c>
      <c r="B2907" s="6" t="e"/>
      <c r="C2907" s="6" t="s">
        <v>1655</v>
      </c>
      <c r="D2907" s="6" t="s">
        <v>11</v>
      </c>
      <c r="E2907" s="6" t="e"/>
    </row>
    <row r="2908" ht="33" customHeight="true" s="1" customFormat="true" hidden="true" outlineLevel="3">
      <c r="A2908" s="6" t="s">
        <v>3290</v>
      </c>
      <c r="B2908" s="6" t="e"/>
      <c r="C2908" s="6" t="s">
        <v>78</v>
      </c>
      <c r="D2908" s="6" t="s">
        <v>11</v>
      </c>
      <c r="E2908" s="6" t="e"/>
    </row>
    <row r="2909" ht="33" customHeight="true" s="1" customFormat="true" hidden="true" outlineLevel="3">
      <c r="A2909" s="6" t="s">
        <v>3291</v>
      </c>
      <c r="B2909" s="6" t="e"/>
      <c r="C2909" s="6" t="s">
        <v>1860</v>
      </c>
      <c r="D2909" s="6" t="s">
        <v>11</v>
      </c>
      <c r="E2909" s="6" t="e"/>
    </row>
    <row r="2910" ht="33" customHeight="true" s="1" customFormat="true" hidden="true" outlineLevel="3">
      <c r="A2910" s="6" t="s">
        <v>3292</v>
      </c>
      <c r="B2910" s="6" t="e"/>
      <c r="C2910" s="6" t="s">
        <v>2253</v>
      </c>
      <c r="D2910" s="6" t="s">
        <v>11</v>
      </c>
      <c r="E2910" s="6" t="e"/>
    </row>
    <row r="2911" ht="33" customHeight="true" s="1" customFormat="true" hidden="true" outlineLevel="3">
      <c r="A2911" s="6" t="s">
        <v>3293</v>
      </c>
      <c r="B2911" s="6" t="e"/>
      <c r="C2911" s="6" t="s">
        <v>2253</v>
      </c>
      <c r="D2911" s="6" t="s">
        <v>11</v>
      </c>
      <c r="E2911" s="6" t="e"/>
    </row>
    <row r="2912" ht="33" customHeight="true" s="1" customFormat="true" hidden="true" outlineLevel="3">
      <c r="A2912" s="6" t="s">
        <v>3294</v>
      </c>
      <c r="B2912" s="6" t="e"/>
      <c r="C2912" s="6" t="s">
        <v>279</v>
      </c>
      <c r="D2912" s="6" t="s">
        <v>11</v>
      </c>
      <c r="E2912" s="6" t="e"/>
    </row>
    <row r="2913" ht="33" customHeight="true" s="1" customFormat="true" hidden="true" outlineLevel="3">
      <c r="A2913" s="6" t="s">
        <v>3295</v>
      </c>
      <c r="B2913" s="6" t="e"/>
      <c r="C2913" s="6" t="s">
        <v>14</v>
      </c>
      <c r="D2913" s="6" t="s">
        <v>11</v>
      </c>
      <c r="E2913" s="6" t="e"/>
    </row>
    <row r="2914" ht="33" customHeight="true" s="1" customFormat="true" hidden="true" outlineLevel="3">
      <c r="A2914" s="6" t="s">
        <v>3296</v>
      </c>
      <c r="B2914" s="6" t="e"/>
      <c r="C2914" s="6" t="s">
        <v>14</v>
      </c>
      <c r="D2914" s="6" t="s">
        <v>11</v>
      </c>
      <c r="E2914" s="6" t="e"/>
    </row>
    <row r="2915" ht="33" customHeight="true" s="1" customFormat="true" hidden="true" outlineLevel="3">
      <c r="A2915" s="6" t="s">
        <v>3297</v>
      </c>
      <c r="B2915" s="6" t="e"/>
      <c r="C2915" s="6" t="s">
        <v>14</v>
      </c>
      <c r="D2915" s="6" t="s">
        <v>11</v>
      </c>
      <c r="E2915" s="6" t="e"/>
    </row>
    <row r="2916" ht="33" customHeight="true" s="1" customFormat="true" hidden="true" outlineLevel="3">
      <c r="A2916" s="6" t="s">
        <v>3298</v>
      </c>
      <c r="B2916" s="6" t="e"/>
      <c r="C2916" s="6" t="s">
        <v>14</v>
      </c>
      <c r="D2916" s="6" t="s">
        <v>11</v>
      </c>
      <c r="E2916" s="6" t="e"/>
    </row>
    <row r="2917" ht="56" customHeight="true" s="1" customFormat="true" hidden="true" outlineLevel="3">
      <c r="A2917" s="6" t="s">
        <v>3299</v>
      </c>
      <c r="B2917" s="6" t="e"/>
      <c r="C2917" s="6" t="s">
        <v>10</v>
      </c>
      <c r="D2917" s="6" t="s">
        <v>11</v>
      </c>
      <c r="E2917" s="6" t="e"/>
    </row>
    <row r="2918" ht="44" customHeight="true" s="1" customFormat="true" hidden="true" outlineLevel="3">
      <c r="A2918" s="6" t="s">
        <v>3300</v>
      </c>
      <c r="B2918" s="6" t="e"/>
      <c r="C2918" s="6" t="s">
        <v>42</v>
      </c>
      <c r="D2918" s="6" t="s">
        <v>11</v>
      </c>
      <c r="E2918" s="6" t="e"/>
    </row>
    <row r="2919" ht="33" customHeight="true" s="1" customFormat="true" hidden="true" outlineLevel="3">
      <c r="A2919" s="6" t="s">
        <v>3301</v>
      </c>
      <c r="B2919" s="6" t="e"/>
      <c r="C2919" s="6" t="s">
        <v>36</v>
      </c>
      <c r="D2919" s="6" t="s">
        <v>11</v>
      </c>
      <c r="E2919" s="6" t="e"/>
    </row>
    <row r="2920" ht="33" customHeight="true" s="1" customFormat="true" hidden="true" outlineLevel="3">
      <c r="A2920" s="6" t="s">
        <v>3302</v>
      </c>
      <c r="B2920" s="6" t="e"/>
      <c r="C2920" s="6" t="s">
        <v>66</v>
      </c>
      <c r="D2920" s="6" t="s">
        <v>11</v>
      </c>
      <c r="E2920" s="6" t="e"/>
    </row>
    <row r="2921" ht="44" customHeight="true" s="1" customFormat="true" hidden="true" outlineLevel="3">
      <c r="A2921" s="6" t="s">
        <v>3303</v>
      </c>
      <c r="B2921" s="6" t="e"/>
      <c r="C2921" s="6" t="s">
        <v>72</v>
      </c>
      <c r="D2921" s="6" t="s">
        <v>11</v>
      </c>
      <c r="E2921" s="6" t="e"/>
    </row>
    <row r="2922" ht="44" customHeight="true" s="1" customFormat="true" hidden="true" outlineLevel="3">
      <c r="A2922" s="6" t="s">
        <v>3304</v>
      </c>
      <c r="B2922" s="6" t="e"/>
      <c r="C2922" s="6" t="s">
        <v>51</v>
      </c>
      <c r="D2922" s="6" t="s">
        <v>26</v>
      </c>
      <c r="E2922" s="6" t="e"/>
    </row>
    <row r="2923" ht="22" customHeight="true" s="1" customFormat="true" hidden="true" outlineLevel="3">
      <c r="A2923" s="6" t="s">
        <v>3305</v>
      </c>
      <c r="B2923" s="6" t="e"/>
      <c r="C2923" s="6" t="s">
        <v>2768</v>
      </c>
      <c r="D2923" s="6" t="s">
        <v>11</v>
      </c>
      <c r="E2923" s="6" t="e"/>
    </row>
    <row r="2924" ht="22" customHeight="true" s="1" customFormat="true" hidden="true" outlineLevel="3">
      <c r="A2924" s="6" t="s">
        <v>3306</v>
      </c>
      <c r="B2924" s="6" t="e"/>
      <c r="C2924" s="6" t="s">
        <v>51</v>
      </c>
      <c r="D2924" s="6" t="s">
        <v>11</v>
      </c>
      <c r="E2924" s="6" t="e"/>
    </row>
    <row r="2925" ht="44" customHeight="true" s="1" customFormat="true" hidden="true" outlineLevel="3">
      <c r="A2925" s="6" t="s">
        <v>3307</v>
      </c>
      <c r="B2925" s="6" t="e"/>
      <c r="C2925" s="6" t="s">
        <v>42</v>
      </c>
      <c r="D2925" s="6" t="s">
        <v>11</v>
      </c>
      <c r="E2925" s="6" t="e"/>
    </row>
    <row r="2926" ht="22" customHeight="true" s="1" customFormat="true" hidden="true" outlineLevel="3">
      <c r="A2926" s="6" t="s">
        <v>3308</v>
      </c>
      <c r="B2926" s="6" t="e"/>
      <c r="C2926" s="6" t="s">
        <v>371</v>
      </c>
      <c r="D2926" s="6" t="s">
        <v>11</v>
      </c>
      <c r="E2926" s="6" t="e"/>
    </row>
    <row r="2927" ht="33" customHeight="true" s="1" customFormat="true" hidden="true" outlineLevel="3">
      <c r="A2927" s="6" t="s">
        <v>3309</v>
      </c>
      <c r="B2927" s="6" t="e"/>
      <c r="C2927" s="6" t="s">
        <v>1212</v>
      </c>
      <c r="D2927" s="6" t="s">
        <v>11</v>
      </c>
      <c r="E2927" s="6" t="e"/>
    </row>
    <row r="2928" ht="22" customHeight="true" s="1" customFormat="true" hidden="true" collapsed="true" outlineLevel="3">
      <c r="A2928" s="6" t="s">
        <v>3310</v>
      </c>
      <c r="B2928" s="6" t="e"/>
      <c r="C2928" s="6" t="s">
        <v>371</v>
      </c>
      <c r="D2928" s="6" t="s">
        <v>11</v>
      </c>
      <c r="E2928" s="6" t="e"/>
    </row>
    <row r="2929" ht="11" customHeight="true" s="1" customFormat="true" hidden="true" collapsed="true" outlineLevel="2">
      <c r="A2929" s="5" t="s">
        <v>3311</v>
      </c>
      <c r="B2929" s="5" t="e"/>
      <c r="C2929" s="5" t="e"/>
      <c r="D2929" s="5" t="e"/>
      <c r="E2929" s="5" t="e"/>
    </row>
    <row r="2930" ht="11" customHeight="true" s="1" customFormat="true" hidden="true" outlineLevel="3">
      <c r="A2930" s="6" t="s">
        <v>3312</v>
      </c>
      <c r="B2930" s="6" t="e"/>
      <c r="C2930" s="6" t="s">
        <v>82</v>
      </c>
      <c r="D2930" s="6" t="s">
        <v>26</v>
      </c>
      <c r="E2930" s="6" t="e"/>
    </row>
    <row r="2931" ht="22" customHeight="true" s="1" customFormat="true" hidden="true" outlineLevel="3">
      <c r="A2931" s="6" t="s">
        <v>3313</v>
      </c>
      <c r="B2931" s="6" t="e"/>
      <c r="C2931" s="6" t="s">
        <v>82</v>
      </c>
      <c r="D2931" s="6" t="s">
        <v>26</v>
      </c>
      <c r="E2931" s="6" t="e"/>
    </row>
    <row r="2932" ht="11" customHeight="true" s="1" customFormat="true" hidden="true" outlineLevel="3">
      <c r="A2932" s="6" t="s">
        <v>3314</v>
      </c>
      <c r="B2932" s="6" t="e"/>
      <c r="C2932" s="6" t="s">
        <v>82</v>
      </c>
      <c r="D2932" s="6" t="s">
        <v>11</v>
      </c>
      <c r="E2932" s="6" t="e"/>
    </row>
    <row r="2933" ht="22" customHeight="true" s="1" customFormat="true" hidden="true" outlineLevel="3">
      <c r="A2933" s="6" t="s">
        <v>3315</v>
      </c>
      <c r="B2933" s="6" t="e"/>
      <c r="C2933" s="6" t="s">
        <v>3198</v>
      </c>
      <c r="D2933" s="6" t="s">
        <v>11</v>
      </c>
      <c r="E2933" s="6" t="e"/>
    </row>
    <row r="2934" ht="11" customHeight="true" s="1" customFormat="true" hidden="true" outlineLevel="3">
      <c r="A2934" s="6" t="s">
        <v>3316</v>
      </c>
      <c r="B2934" s="6" t="e"/>
      <c r="C2934" s="6" t="s">
        <v>21</v>
      </c>
      <c r="D2934" s="6" t="s">
        <v>11</v>
      </c>
      <c r="E2934" s="6" t="e"/>
    </row>
    <row r="2935" ht="11" customHeight="true" s="1" customFormat="true" hidden="true" outlineLevel="3">
      <c r="A2935" s="6" t="s">
        <v>3317</v>
      </c>
      <c r="B2935" s="6" t="e"/>
      <c r="C2935" s="6" t="s">
        <v>21</v>
      </c>
      <c r="D2935" s="6" t="s">
        <v>11</v>
      </c>
      <c r="E2935" s="6" t="e"/>
    </row>
    <row r="2936" ht="22" customHeight="true" s="1" customFormat="true" hidden="true" outlineLevel="3">
      <c r="A2936" s="6" t="s">
        <v>3318</v>
      </c>
      <c r="B2936" s="6" t="e"/>
      <c r="C2936" s="6" t="s">
        <v>82</v>
      </c>
      <c r="D2936" s="6" t="s">
        <v>11</v>
      </c>
      <c r="E2936" s="6" t="e"/>
    </row>
    <row r="2937" ht="11" customHeight="true" s="1" customFormat="true" hidden="true" outlineLevel="3">
      <c r="A2937" s="6" t="s">
        <v>3319</v>
      </c>
      <c r="B2937" s="6" t="e"/>
      <c r="C2937" s="6" t="s">
        <v>77</v>
      </c>
      <c r="D2937" s="6" t="s">
        <v>11</v>
      </c>
      <c r="E2937" s="6" t="e"/>
    </row>
    <row r="2938" ht="33" customHeight="true" s="1" customFormat="true" hidden="true" outlineLevel="3">
      <c r="A2938" s="6" t="s">
        <v>3320</v>
      </c>
      <c r="B2938" s="6" t="e"/>
      <c r="C2938" s="6" t="s">
        <v>3198</v>
      </c>
      <c r="D2938" s="6" t="s">
        <v>11</v>
      </c>
      <c r="E2938" s="6" t="e"/>
    </row>
    <row r="2939" ht="33" customHeight="true" s="1" customFormat="true" hidden="true" outlineLevel="3">
      <c r="A2939" s="6" t="s">
        <v>3321</v>
      </c>
      <c r="B2939" s="6" t="e"/>
      <c r="C2939" s="6" t="s">
        <v>3198</v>
      </c>
      <c r="D2939" s="6" t="s">
        <v>11</v>
      </c>
      <c r="E2939" s="6" t="e"/>
    </row>
    <row r="2940" ht="11" customHeight="true" s="1" customFormat="true" hidden="true" outlineLevel="3">
      <c r="A2940" s="6" t="s">
        <v>3322</v>
      </c>
      <c r="B2940" s="6" t="e"/>
      <c r="C2940" s="6" t="s">
        <v>82</v>
      </c>
      <c r="D2940" s="6" t="s">
        <v>11</v>
      </c>
      <c r="E2940" s="6" t="e"/>
    </row>
    <row r="2941" ht="33" customHeight="true" s="1" customFormat="true" hidden="true" outlineLevel="3">
      <c r="A2941" s="6" t="s">
        <v>3323</v>
      </c>
      <c r="B2941" s="6" t="e"/>
      <c r="C2941" s="6" t="s">
        <v>1187</v>
      </c>
      <c r="D2941" s="6" t="s">
        <v>11</v>
      </c>
      <c r="E2941" s="6" t="e"/>
    </row>
    <row r="2942" ht="11" customHeight="true" s="1" customFormat="true" hidden="true" outlineLevel="3">
      <c r="A2942" s="6" t="s">
        <v>3324</v>
      </c>
      <c r="B2942" s="6" t="e"/>
      <c r="C2942" s="6" t="s">
        <v>235</v>
      </c>
      <c r="D2942" s="6" t="s">
        <v>11</v>
      </c>
      <c r="E2942" s="6" t="e"/>
    </row>
    <row r="2943" ht="33" customHeight="true" s="1" customFormat="true" hidden="true" outlineLevel="3">
      <c r="A2943" s="6" t="s">
        <v>3325</v>
      </c>
      <c r="B2943" s="6" t="e"/>
      <c r="C2943" s="6" t="s">
        <v>1187</v>
      </c>
      <c r="D2943" s="6" t="s">
        <v>26</v>
      </c>
      <c r="E2943" s="6" t="e"/>
    </row>
    <row r="2944" ht="33" customHeight="true" s="1" customFormat="true" hidden="true" outlineLevel="3">
      <c r="A2944" s="6" t="s">
        <v>3326</v>
      </c>
      <c r="B2944" s="6" t="e"/>
      <c r="C2944" s="6" t="s">
        <v>1187</v>
      </c>
      <c r="D2944" s="6" t="s">
        <v>11</v>
      </c>
      <c r="E2944" s="6" t="e"/>
    </row>
    <row r="2945" ht="33" customHeight="true" s="1" customFormat="true" hidden="true" outlineLevel="3">
      <c r="A2945" s="6" t="s">
        <v>3327</v>
      </c>
      <c r="B2945" s="6" t="e"/>
      <c r="C2945" s="6" t="s">
        <v>1187</v>
      </c>
      <c r="D2945" s="6" t="s">
        <v>11</v>
      </c>
      <c r="E2945" s="6" t="e"/>
    </row>
    <row r="2946" ht="33" customHeight="true" s="1" customFormat="true" hidden="true" outlineLevel="3">
      <c r="A2946" s="6" t="s">
        <v>3328</v>
      </c>
      <c r="B2946" s="6" t="e"/>
      <c r="C2946" s="6" t="s">
        <v>1284</v>
      </c>
      <c r="D2946" s="6" t="s">
        <v>11</v>
      </c>
      <c r="E2946" s="6" t="e"/>
    </row>
    <row r="2947" ht="33" customHeight="true" s="1" customFormat="true" hidden="true" outlineLevel="3">
      <c r="A2947" s="6" t="s">
        <v>3329</v>
      </c>
      <c r="B2947" s="6" t="e"/>
      <c r="C2947" s="6" t="s">
        <v>1655</v>
      </c>
      <c r="D2947" s="6" t="s">
        <v>26</v>
      </c>
      <c r="E2947" s="6" t="e"/>
    </row>
    <row r="2948" ht="33" customHeight="true" s="1" customFormat="true" hidden="true" outlineLevel="3">
      <c r="A2948" s="6" t="s">
        <v>3330</v>
      </c>
      <c r="B2948" s="6" t="e"/>
      <c r="C2948" s="6" t="s">
        <v>2253</v>
      </c>
      <c r="D2948" s="6" t="s">
        <v>11</v>
      </c>
      <c r="E2948" s="6" t="e"/>
    </row>
    <row r="2949" ht="33" customHeight="true" s="1" customFormat="true" hidden="true" outlineLevel="3">
      <c r="A2949" s="6" t="s">
        <v>3331</v>
      </c>
      <c r="B2949" s="6" t="e"/>
      <c r="C2949" s="6" t="s">
        <v>325</v>
      </c>
      <c r="D2949" s="6" t="s">
        <v>26</v>
      </c>
      <c r="E2949" s="6" t="e"/>
    </row>
    <row r="2950" ht="33" customHeight="true" s="1" customFormat="true" hidden="true" outlineLevel="3">
      <c r="A2950" s="6" t="s">
        <v>3332</v>
      </c>
      <c r="B2950" s="6" t="e"/>
      <c r="C2950" s="6" t="s">
        <v>1284</v>
      </c>
      <c r="D2950" s="6" t="s">
        <v>11</v>
      </c>
      <c r="E2950" s="6" t="e"/>
    </row>
    <row r="2951" ht="33" customHeight="true" s="1" customFormat="true" hidden="true" outlineLevel="3">
      <c r="A2951" s="6" t="s">
        <v>3333</v>
      </c>
      <c r="B2951" s="6" t="e"/>
      <c r="C2951" s="6" t="s">
        <v>1655</v>
      </c>
      <c r="D2951" s="6" t="s">
        <v>11</v>
      </c>
      <c r="E2951" s="6" t="e"/>
    </row>
    <row r="2952" ht="33" customHeight="true" s="1" customFormat="true" hidden="true" outlineLevel="3">
      <c r="A2952" s="6" t="s">
        <v>3334</v>
      </c>
      <c r="B2952" s="6" t="e"/>
      <c r="C2952" s="6" t="s">
        <v>2678</v>
      </c>
      <c r="D2952" s="6" t="s">
        <v>11</v>
      </c>
      <c r="E2952" s="6" t="e"/>
    </row>
    <row r="2953" ht="44" customHeight="true" s="1" customFormat="true" hidden="true" outlineLevel="3">
      <c r="A2953" s="6" t="s">
        <v>3335</v>
      </c>
      <c r="B2953" s="6" t="e"/>
      <c r="C2953" s="6" t="s">
        <v>1284</v>
      </c>
      <c r="D2953" s="6" t="s">
        <v>11</v>
      </c>
      <c r="E2953" s="6" t="e"/>
    </row>
    <row r="2954" ht="33" customHeight="true" s="1" customFormat="true" hidden="true" collapsed="true" outlineLevel="3">
      <c r="A2954" s="6" t="s">
        <v>3336</v>
      </c>
      <c r="B2954" s="6" t="e"/>
      <c r="C2954" s="6" t="s">
        <v>2253</v>
      </c>
      <c r="D2954" s="6" t="s">
        <v>11</v>
      </c>
      <c r="E2954" s="6" t="e"/>
    </row>
    <row r="2955" ht="11" customHeight="true" s="1" customFormat="true" hidden="true" collapsed="true" outlineLevel="2">
      <c r="A2955" s="5" t="s">
        <v>3337</v>
      </c>
      <c r="B2955" s="5" t="e"/>
      <c r="C2955" s="5" t="e"/>
      <c r="D2955" s="5" t="e"/>
      <c r="E2955" s="5" t="e"/>
    </row>
    <row r="2956" ht="11" customHeight="true" s="1" customFormat="true" hidden="true" outlineLevel="3">
      <c r="A2956" s="6" t="s">
        <v>3338</v>
      </c>
      <c r="B2956" s="6" t="e"/>
      <c r="C2956" s="6" t="s">
        <v>188</v>
      </c>
      <c r="D2956" s="6" t="s">
        <v>11</v>
      </c>
      <c r="E2956" s="6" t="e"/>
    </row>
    <row r="2957" ht="11" customHeight="true" s="1" customFormat="true" hidden="true" outlineLevel="3">
      <c r="A2957" s="6" t="s">
        <v>3339</v>
      </c>
      <c r="B2957" s="6" t="e"/>
      <c r="C2957" s="6" t="s">
        <v>136</v>
      </c>
      <c r="D2957" s="6" t="s">
        <v>11</v>
      </c>
      <c r="E2957" s="6" t="e"/>
    </row>
    <row r="2958" ht="22" customHeight="true" s="1" customFormat="true" hidden="true" outlineLevel="3">
      <c r="A2958" s="6" t="s">
        <v>3340</v>
      </c>
      <c r="B2958" s="6" t="e"/>
      <c r="C2958" s="6" t="s">
        <v>78</v>
      </c>
      <c r="D2958" s="6" t="s">
        <v>26</v>
      </c>
      <c r="E2958" s="6" t="e"/>
    </row>
    <row r="2959" ht="33" customHeight="true" s="1" customFormat="true" hidden="true" outlineLevel="3">
      <c r="A2959" s="6" t="s">
        <v>3341</v>
      </c>
      <c r="B2959" s="6" t="e"/>
      <c r="C2959" s="6" t="s">
        <v>78</v>
      </c>
      <c r="D2959" s="6" t="s">
        <v>11</v>
      </c>
      <c r="E2959" s="6" t="e"/>
    </row>
    <row r="2960" ht="44" customHeight="true" s="1" customFormat="true" hidden="true" outlineLevel="3">
      <c r="A2960" s="6" t="s">
        <v>3342</v>
      </c>
      <c r="B2960" s="6" t="e"/>
      <c r="C2960" s="6" t="s">
        <v>2683</v>
      </c>
      <c r="D2960" s="6" t="s">
        <v>11</v>
      </c>
      <c r="E2960" s="6" t="e"/>
    </row>
    <row r="2961" ht="33" customHeight="true" s="1" customFormat="true" hidden="true" outlineLevel="3">
      <c r="A2961" s="6" t="s">
        <v>3343</v>
      </c>
      <c r="B2961" s="6" t="e"/>
      <c r="C2961" s="6" t="s">
        <v>391</v>
      </c>
      <c r="D2961" s="6" t="s">
        <v>11</v>
      </c>
      <c r="E2961" s="6" t="e"/>
    </row>
    <row r="2962" ht="11" customHeight="true" s="1" customFormat="true" hidden="true" outlineLevel="3">
      <c r="A2962" s="6" t="s">
        <v>3344</v>
      </c>
      <c r="B2962" s="6" t="e"/>
      <c r="C2962" s="6" t="s">
        <v>391</v>
      </c>
      <c r="D2962" s="6" t="s">
        <v>15</v>
      </c>
      <c r="E2962" s="6" t="e"/>
    </row>
    <row r="2963" ht="22" customHeight="true" s="1" customFormat="true" hidden="true" outlineLevel="3">
      <c r="A2963" s="6" t="s">
        <v>3345</v>
      </c>
      <c r="B2963" s="6" t="e"/>
      <c r="C2963" s="6" t="s">
        <v>78</v>
      </c>
      <c r="D2963" s="6" t="s">
        <v>11</v>
      </c>
      <c r="E2963" s="6" t="e"/>
    </row>
    <row r="2964" ht="22" customHeight="true" s="1" customFormat="true" hidden="true" outlineLevel="3">
      <c r="A2964" s="6" t="s">
        <v>3346</v>
      </c>
      <c r="B2964" s="6" t="e"/>
      <c r="C2964" s="6" t="s">
        <v>1212</v>
      </c>
      <c r="D2964" s="6" t="s">
        <v>11</v>
      </c>
      <c r="E2964" s="6" t="e"/>
    </row>
    <row r="2965" ht="22" customHeight="true" s="1" customFormat="true" hidden="true" outlineLevel="3">
      <c r="A2965" s="6" t="s">
        <v>3347</v>
      </c>
      <c r="B2965" s="6" t="e"/>
      <c r="C2965" s="6" t="s">
        <v>47</v>
      </c>
      <c r="D2965" s="6" t="s">
        <v>11</v>
      </c>
      <c r="E2965" s="6" t="e"/>
    </row>
    <row r="2966" ht="22" customHeight="true" s="1" customFormat="true" hidden="true" outlineLevel="3">
      <c r="A2966" s="6" t="s">
        <v>3348</v>
      </c>
      <c r="B2966" s="6" t="e"/>
      <c r="C2966" s="6" t="s">
        <v>82</v>
      </c>
      <c r="D2966" s="6" t="s">
        <v>11</v>
      </c>
      <c r="E2966" s="6" t="e"/>
    </row>
    <row r="2967" ht="22" customHeight="true" s="1" customFormat="true" hidden="true" outlineLevel="3">
      <c r="A2967" s="6" t="s">
        <v>3349</v>
      </c>
      <c r="B2967" s="6" t="e"/>
      <c r="C2967" s="6" t="s">
        <v>82</v>
      </c>
      <c r="D2967" s="6" t="s">
        <v>11</v>
      </c>
      <c r="E2967" s="6" t="e"/>
    </row>
    <row r="2968" ht="22" customHeight="true" s="1" customFormat="true" hidden="true" outlineLevel="3">
      <c r="A2968" s="6" t="s">
        <v>3350</v>
      </c>
      <c r="B2968" s="6" t="e"/>
      <c r="C2968" s="6" t="s">
        <v>391</v>
      </c>
      <c r="D2968" s="6" t="s">
        <v>26</v>
      </c>
      <c r="E2968" s="6" t="e"/>
    </row>
    <row r="2969" ht="33" customHeight="true" s="1" customFormat="true" hidden="true" outlineLevel="3">
      <c r="A2969" s="6" t="s">
        <v>3351</v>
      </c>
      <c r="B2969" s="6" t="e"/>
      <c r="C2969" s="6" t="s">
        <v>391</v>
      </c>
      <c r="D2969" s="6" t="s">
        <v>11</v>
      </c>
      <c r="E2969" s="6" t="e"/>
    </row>
    <row r="2970" ht="22" customHeight="true" s="1" customFormat="true" hidden="true" outlineLevel="3">
      <c r="A2970" s="6" t="s">
        <v>3352</v>
      </c>
      <c r="B2970" s="6" t="e"/>
      <c r="C2970" s="6" t="s">
        <v>82</v>
      </c>
      <c r="D2970" s="6" t="s">
        <v>11</v>
      </c>
      <c r="E2970" s="6" t="e"/>
    </row>
    <row r="2971" ht="33" customHeight="true" s="1" customFormat="true" hidden="true" outlineLevel="3">
      <c r="A2971" s="6" t="s">
        <v>3353</v>
      </c>
      <c r="B2971" s="6" t="e"/>
      <c r="C2971" s="6" t="s">
        <v>82</v>
      </c>
      <c r="D2971" s="6" t="s">
        <v>11</v>
      </c>
      <c r="E2971" s="6" t="e"/>
    </row>
    <row r="2972" ht="33" customHeight="true" s="1" customFormat="true" hidden="true" outlineLevel="3">
      <c r="A2972" s="6" t="s">
        <v>3354</v>
      </c>
      <c r="B2972" s="6" t="e"/>
      <c r="C2972" s="6" t="s">
        <v>55</v>
      </c>
      <c r="D2972" s="6" t="s">
        <v>11</v>
      </c>
      <c r="E2972" s="6" t="e"/>
    </row>
    <row r="2973" ht="22" customHeight="true" s="1" customFormat="true" hidden="true" outlineLevel="3">
      <c r="A2973" s="6" t="s">
        <v>3355</v>
      </c>
      <c r="B2973" s="6" t="e"/>
      <c r="C2973" s="6" t="s">
        <v>371</v>
      </c>
      <c r="D2973" s="6" t="s">
        <v>11</v>
      </c>
      <c r="E2973" s="6" t="e"/>
    </row>
    <row r="2974" ht="22" customHeight="true" s="1" customFormat="true" hidden="true" outlineLevel="3">
      <c r="A2974" s="6" t="s">
        <v>3356</v>
      </c>
      <c r="B2974" s="6" t="e"/>
      <c r="C2974" s="6" t="s">
        <v>371</v>
      </c>
      <c r="D2974" s="6" t="s">
        <v>11</v>
      </c>
      <c r="E2974" s="6" t="e"/>
    </row>
    <row r="2975" ht="22" customHeight="true" s="1" customFormat="true" hidden="true" outlineLevel="3">
      <c r="A2975" s="6" t="s">
        <v>3357</v>
      </c>
      <c r="B2975" s="6" t="e"/>
      <c r="C2975" s="6" t="s">
        <v>371</v>
      </c>
      <c r="D2975" s="6" t="s">
        <v>11</v>
      </c>
      <c r="E2975" s="6" t="e"/>
    </row>
    <row r="2976" ht="11" customHeight="true" s="1" customFormat="true" hidden="true" outlineLevel="3">
      <c r="A2976" s="6" t="s">
        <v>3358</v>
      </c>
      <c r="B2976" s="6" t="e"/>
      <c r="C2976" s="6" t="s">
        <v>77</v>
      </c>
      <c r="D2976" s="6" t="s">
        <v>26</v>
      </c>
      <c r="E2976" s="6" t="e"/>
    </row>
    <row r="2977" ht="22" customHeight="true" s="1" customFormat="true" hidden="true" outlineLevel="3">
      <c r="A2977" s="6" t="s">
        <v>3359</v>
      </c>
      <c r="B2977" s="6" t="e"/>
      <c r="C2977" s="6" t="s">
        <v>82</v>
      </c>
      <c r="D2977" s="6" t="s">
        <v>11</v>
      </c>
      <c r="E2977" s="6" t="e"/>
    </row>
    <row r="2978" ht="33" customHeight="true" s="1" customFormat="true" hidden="true" outlineLevel="3">
      <c r="A2978" s="6" t="s">
        <v>3360</v>
      </c>
      <c r="B2978" s="6" t="e"/>
      <c r="C2978" s="6" t="s">
        <v>939</v>
      </c>
      <c r="D2978" s="6" t="s">
        <v>11</v>
      </c>
      <c r="E2978" s="6" t="e"/>
    </row>
    <row r="2979" ht="33" customHeight="true" s="1" customFormat="true" hidden="true" outlineLevel="3">
      <c r="A2979" s="6" t="s">
        <v>3361</v>
      </c>
      <c r="B2979" s="6" t="e"/>
      <c r="C2979" s="6" t="s">
        <v>2253</v>
      </c>
      <c r="D2979" s="6" t="s">
        <v>11</v>
      </c>
      <c r="E2979" s="6" t="e"/>
    </row>
    <row r="2980" ht="33" customHeight="true" s="1" customFormat="true" hidden="true" outlineLevel="3">
      <c r="A2980" s="6" t="s">
        <v>3362</v>
      </c>
      <c r="B2980" s="6" t="e"/>
      <c r="C2980" s="6" t="s">
        <v>1655</v>
      </c>
      <c r="D2980" s="6" t="s">
        <v>11</v>
      </c>
      <c r="E2980" s="6" t="e"/>
    </row>
    <row r="2981" ht="22" customHeight="true" s="1" customFormat="true" hidden="true" outlineLevel="3">
      <c r="A2981" s="6" t="s">
        <v>3363</v>
      </c>
      <c r="B2981" s="6" t="e"/>
      <c r="C2981" s="6" t="s">
        <v>371</v>
      </c>
      <c r="D2981" s="6" t="s">
        <v>11</v>
      </c>
      <c r="E2981" s="6" t="e"/>
    </row>
    <row r="2982" ht="44" customHeight="true" s="1" customFormat="true" hidden="true" outlineLevel="3">
      <c r="A2982" s="6" t="s">
        <v>3364</v>
      </c>
      <c r="B2982" s="6" t="e"/>
      <c r="C2982" s="6" t="s">
        <v>371</v>
      </c>
      <c r="D2982" s="6" t="s">
        <v>40</v>
      </c>
      <c r="E2982" s="6" t="e"/>
    </row>
    <row r="2983" ht="44" customHeight="true" s="1" customFormat="true" hidden="true" outlineLevel="3">
      <c r="A2983" s="6" t="s">
        <v>3365</v>
      </c>
      <c r="B2983" s="6" t="e"/>
      <c r="C2983" s="6" t="s">
        <v>371</v>
      </c>
      <c r="D2983" s="6" t="s">
        <v>26</v>
      </c>
      <c r="E2983" s="6" t="e"/>
    </row>
    <row r="2984" ht="33" customHeight="true" s="1" customFormat="true" hidden="true" outlineLevel="3">
      <c r="A2984" s="6" t="s">
        <v>3366</v>
      </c>
      <c r="B2984" s="6" t="e"/>
      <c r="C2984" s="6" t="s">
        <v>325</v>
      </c>
      <c r="D2984" s="6" t="s">
        <v>11</v>
      </c>
      <c r="E2984" s="6" t="e"/>
    </row>
    <row r="2985" ht="33" customHeight="true" s="1" customFormat="true" hidden="true" outlineLevel="3">
      <c r="A2985" s="6" t="s">
        <v>3367</v>
      </c>
      <c r="B2985" s="6" t="e"/>
      <c r="C2985" s="6" t="s">
        <v>371</v>
      </c>
      <c r="D2985" s="6" t="s">
        <v>11</v>
      </c>
      <c r="E2985" s="6" t="e"/>
    </row>
    <row r="2986" ht="22" customHeight="true" s="1" customFormat="true" hidden="true" outlineLevel="3">
      <c r="A2986" s="6" t="s">
        <v>3368</v>
      </c>
      <c r="B2986" s="6" t="e"/>
      <c r="C2986" s="6" t="s">
        <v>371</v>
      </c>
      <c r="D2986" s="6" t="s">
        <v>26</v>
      </c>
      <c r="E2986" s="6" t="e"/>
    </row>
    <row r="2987" ht="11" customHeight="true" s="1" customFormat="true" hidden="true" outlineLevel="3">
      <c r="A2987" s="6" t="s">
        <v>3369</v>
      </c>
      <c r="B2987" s="6" t="e"/>
      <c r="C2987" s="6" t="s">
        <v>371</v>
      </c>
      <c r="D2987" s="6" t="s">
        <v>11</v>
      </c>
      <c r="E2987" s="6" t="e"/>
    </row>
    <row r="2988" ht="44" customHeight="true" s="1" customFormat="true" hidden="true" outlineLevel="3">
      <c r="A2988" s="6" t="s">
        <v>3370</v>
      </c>
      <c r="B2988" s="6" t="e"/>
      <c r="C2988" s="6" t="s">
        <v>2683</v>
      </c>
      <c r="D2988" s="6" t="s">
        <v>57</v>
      </c>
      <c r="E2988" s="6" t="e"/>
    </row>
    <row r="2989" ht="22" customHeight="true" s="1" customFormat="true" hidden="true" outlineLevel="3">
      <c r="A2989" s="6" t="s">
        <v>3371</v>
      </c>
      <c r="B2989" s="6" t="e"/>
      <c r="C2989" s="6" t="s">
        <v>235</v>
      </c>
      <c r="D2989" s="6" t="s">
        <v>11</v>
      </c>
      <c r="E2989" s="6" t="e"/>
    </row>
    <row r="2990" ht="33" customHeight="true" s="1" customFormat="true" hidden="true" outlineLevel="3">
      <c r="A2990" s="6" t="s">
        <v>3372</v>
      </c>
      <c r="B2990" s="6" t="e"/>
      <c r="C2990" s="6" t="s">
        <v>1212</v>
      </c>
      <c r="D2990" s="6" t="s">
        <v>26</v>
      </c>
      <c r="E2990" s="6" t="e"/>
    </row>
    <row r="2991" ht="33" customHeight="true" s="1" customFormat="true" hidden="true" outlineLevel="3">
      <c r="A2991" s="6" t="s">
        <v>3373</v>
      </c>
      <c r="B2991" s="6" t="e"/>
      <c r="C2991" s="6" t="s">
        <v>1212</v>
      </c>
      <c r="D2991" s="6" t="s">
        <v>11</v>
      </c>
      <c r="E2991" s="6" t="e"/>
    </row>
    <row r="2992" ht="11" customHeight="true" s="1" customFormat="true" hidden="true" outlineLevel="3">
      <c r="A2992" s="6" t="s">
        <v>3374</v>
      </c>
      <c r="B2992" s="6" t="e"/>
      <c r="C2992" s="6" t="s">
        <v>82</v>
      </c>
      <c r="D2992" s="6" t="s">
        <v>11</v>
      </c>
      <c r="E2992" s="6" t="e"/>
    </row>
    <row r="2993" ht="11" customHeight="true" s="1" customFormat="true" hidden="true" outlineLevel="3">
      <c r="A2993" s="6" t="s">
        <v>3375</v>
      </c>
      <c r="B2993" s="6" t="e"/>
      <c r="C2993" s="6" t="s">
        <v>82</v>
      </c>
      <c r="D2993" s="6" t="s">
        <v>11</v>
      </c>
      <c r="E2993" s="6" t="e"/>
    </row>
    <row r="2994" ht="11" customHeight="true" s="1" customFormat="true" hidden="true" outlineLevel="3">
      <c r="A2994" s="6" t="s">
        <v>3376</v>
      </c>
      <c r="B2994" s="6" t="e"/>
      <c r="C2994" s="6" t="s">
        <v>82</v>
      </c>
      <c r="D2994" s="6" t="s">
        <v>11</v>
      </c>
      <c r="E2994" s="6" t="e"/>
    </row>
    <row r="2995" ht="33" customHeight="true" s="1" customFormat="true" hidden="true" outlineLevel="3">
      <c r="A2995" s="6" t="s">
        <v>3377</v>
      </c>
      <c r="B2995" s="6" t="e"/>
      <c r="C2995" s="6" t="s">
        <v>391</v>
      </c>
      <c r="D2995" s="6" t="s">
        <v>11</v>
      </c>
      <c r="E2995" s="6" t="e"/>
    </row>
    <row r="2996" ht="22" customHeight="true" s="1" customFormat="true" hidden="true" outlineLevel="3">
      <c r="A2996" s="6" t="s">
        <v>3378</v>
      </c>
      <c r="B2996" s="6" t="e"/>
      <c r="C2996" s="6" t="s">
        <v>82</v>
      </c>
      <c r="D2996" s="6" t="s">
        <v>11</v>
      </c>
      <c r="E2996" s="6" t="e"/>
    </row>
    <row r="2997" ht="33" customHeight="true" s="1" customFormat="true" hidden="true" outlineLevel="3">
      <c r="A2997" s="6" t="s">
        <v>3379</v>
      </c>
      <c r="B2997" s="6" t="e"/>
      <c r="C2997" s="6" t="s">
        <v>47</v>
      </c>
      <c r="D2997" s="6" t="s">
        <v>11</v>
      </c>
      <c r="E2997" s="6" t="e"/>
    </row>
    <row r="2998" ht="33" customHeight="true" s="1" customFormat="true" hidden="true" outlineLevel="3">
      <c r="A2998" s="6" t="s">
        <v>3380</v>
      </c>
      <c r="B2998" s="6" t="e"/>
      <c r="C2998" s="6" t="s">
        <v>47</v>
      </c>
      <c r="D2998" s="6" t="s">
        <v>11</v>
      </c>
      <c r="E2998" s="6" t="e"/>
    </row>
    <row r="2999" ht="33" customHeight="true" s="1" customFormat="true" hidden="true" outlineLevel="3">
      <c r="A2999" s="6" t="s">
        <v>3381</v>
      </c>
      <c r="B2999" s="6" t="e"/>
      <c r="C2999" s="6" t="s">
        <v>1655</v>
      </c>
      <c r="D2999" s="6" t="s">
        <v>11</v>
      </c>
      <c r="E2999" s="6" t="e"/>
    </row>
    <row r="3000" ht="33" customHeight="true" s="1" customFormat="true" hidden="true" collapsed="true" outlineLevel="3">
      <c r="A3000" s="6" t="s">
        <v>3382</v>
      </c>
      <c r="B3000" s="6" t="e"/>
      <c r="C3000" s="6" t="s">
        <v>1655</v>
      </c>
      <c r="D3000" s="6" t="s">
        <v>11</v>
      </c>
      <c r="E3000" s="6" t="e"/>
    </row>
    <row r="3001" ht="11" customHeight="true" s="1" customFormat="true" hidden="true" collapsed="true" outlineLevel="2">
      <c r="A3001" s="5" t="s">
        <v>3383</v>
      </c>
      <c r="B3001" s="5" t="e"/>
      <c r="C3001" s="5" t="e"/>
      <c r="D3001" s="5" t="e"/>
      <c r="E3001" s="5" t="e"/>
    </row>
    <row r="3002" ht="33" customHeight="true" s="1" customFormat="true" hidden="true" outlineLevel="3">
      <c r="A3002" s="6" t="s">
        <v>3384</v>
      </c>
      <c r="B3002" s="6" t="e"/>
      <c r="C3002" s="6" t="s">
        <v>1655</v>
      </c>
      <c r="D3002" s="6" t="s">
        <v>11</v>
      </c>
      <c r="E3002" s="6" t="e"/>
    </row>
    <row r="3003" ht="33" customHeight="true" s="1" customFormat="true" hidden="true" outlineLevel="3">
      <c r="A3003" s="6" t="s">
        <v>3385</v>
      </c>
      <c r="B3003" s="6" t="e"/>
      <c r="C3003" s="6" t="s">
        <v>2253</v>
      </c>
      <c r="D3003" s="6" t="s">
        <v>11</v>
      </c>
      <c r="E3003" s="6" t="e"/>
    </row>
    <row r="3004" ht="33" customHeight="true" s="1" customFormat="true" hidden="true" outlineLevel="3">
      <c r="A3004" s="6" t="s">
        <v>3386</v>
      </c>
      <c r="B3004" s="6" t="e"/>
      <c r="C3004" s="6" t="s">
        <v>1187</v>
      </c>
      <c r="D3004" s="6" t="s">
        <v>11</v>
      </c>
      <c r="E3004" s="6" t="e"/>
    </row>
    <row r="3005" ht="33" customHeight="true" s="1" customFormat="true" hidden="true" outlineLevel="3">
      <c r="A3005" s="6" t="s">
        <v>3387</v>
      </c>
      <c r="B3005" s="6" t="e"/>
      <c r="C3005" s="6" t="s">
        <v>1655</v>
      </c>
      <c r="D3005" s="6" t="s">
        <v>11</v>
      </c>
      <c r="E3005" s="6" t="e"/>
    </row>
    <row r="3006" ht="33" customHeight="true" s="1" customFormat="true" hidden="true" outlineLevel="3">
      <c r="A3006" s="6" t="s">
        <v>3388</v>
      </c>
      <c r="B3006" s="6" t="e"/>
      <c r="C3006" s="6" t="s">
        <v>1655</v>
      </c>
      <c r="D3006" s="6" t="s">
        <v>11</v>
      </c>
      <c r="E3006" s="6" t="e"/>
    </row>
    <row r="3007" ht="33" customHeight="true" s="1" customFormat="true" hidden="true" outlineLevel="3">
      <c r="A3007" s="6" t="s">
        <v>3389</v>
      </c>
      <c r="B3007" s="6" t="e"/>
      <c r="C3007" s="6" t="s">
        <v>1655</v>
      </c>
      <c r="D3007" s="6" t="s">
        <v>11</v>
      </c>
      <c r="E3007" s="6" t="e"/>
    </row>
    <row r="3008" ht="33" customHeight="true" s="1" customFormat="true" hidden="true" collapsed="true" outlineLevel="3">
      <c r="A3008" s="6" t="s">
        <v>3390</v>
      </c>
      <c r="B3008" s="6" t="e"/>
      <c r="C3008" s="6" t="s">
        <v>3198</v>
      </c>
      <c r="D3008" s="6" t="s">
        <v>11</v>
      </c>
      <c r="E3008" s="6" t="e"/>
    </row>
    <row r="3009" ht="11" customHeight="true" s="1" customFormat="true" hidden="true" collapsed="true" outlineLevel="2">
      <c r="A3009" s="5" t="s">
        <v>3391</v>
      </c>
      <c r="B3009" s="5" t="e"/>
      <c r="C3009" s="5" t="e"/>
      <c r="D3009" s="5" t="e"/>
      <c r="E3009" s="5" t="e"/>
    </row>
    <row r="3010" ht="22" customHeight="true" s="1" customFormat="true" hidden="true" outlineLevel="3">
      <c r="A3010" s="6" t="s">
        <v>3392</v>
      </c>
      <c r="B3010" s="6" t="e"/>
      <c r="C3010" s="6" t="s">
        <v>2253</v>
      </c>
      <c r="D3010" s="6" t="s">
        <v>11</v>
      </c>
      <c r="E3010" s="6" t="e"/>
    </row>
    <row r="3011" ht="22" customHeight="true" s="1" customFormat="true" hidden="true" collapsed="true" outlineLevel="3">
      <c r="A3011" s="6" t="s">
        <v>3393</v>
      </c>
      <c r="B3011" s="6" t="e"/>
      <c r="C3011" s="6" t="s">
        <v>364</v>
      </c>
      <c r="D3011" s="6" t="s">
        <v>11</v>
      </c>
      <c r="E3011" s="6" t="e"/>
    </row>
    <row r="3012" ht="11" customHeight="true" s="1" customFormat="true" hidden="true" collapsed="true" outlineLevel="2">
      <c r="A3012" s="5" t="s">
        <v>3394</v>
      </c>
      <c r="B3012" s="5" t="e"/>
      <c r="C3012" s="5" t="e"/>
      <c r="D3012" s="5" t="e"/>
      <c r="E3012" s="5" t="e"/>
    </row>
    <row r="3013" ht="22" customHeight="true" s="1" customFormat="true" hidden="true" outlineLevel="3">
      <c r="A3013" s="6" t="s">
        <v>3395</v>
      </c>
      <c r="B3013" s="6" t="e"/>
      <c r="C3013" s="6" t="s">
        <v>83</v>
      </c>
      <c r="D3013" s="6" t="s">
        <v>11</v>
      </c>
      <c r="E3013" s="6" t="e"/>
    </row>
    <row r="3014" ht="33" customHeight="true" s="1" customFormat="true" hidden="true" outlineLevel="3">
      <c r="A3014" s="6" t="s">
        <v>3396</v>
      </c>
      <c r="B3014" s="6" t="e"/>
      <c r="C3014" s="6" t="s">
        <v>436</v>
      </c>
      <c r="D3014" s="6" t="s">
        <v>11</v>
      </c>
      <c r="E3014" s="6" t="e"/>
    </row>
    <row r="3015" ht="22" customHeight="true" s="1" customFormat="true" hidden="true" outlineLevel="3">
      <c r="A3015" s="6" t="s">
        <v>3397</v>
      </c>
      <c r="B3015" s="6" t="e"/>
      <c r="C3015" s="6" t="s">
        <v>325</v>
      </c>
      <c r="D3015" s="6" t="s">
        <v>11</v>
      </c>
      <c r="E3015" s="6" t="e"/>
    </row>
    <row r="3016" ht="22" customHeight="true" s="1" customFormat="true" hidden="true" outlineLevel="3">
      <c r="A3016" s="6" t="s">
        <v>3398</v>
      </c>
      <c r="B3016" s="6" t="e"/>
      <c r="C3016" s="6" t="s">
        <v>2678</v>
      </c>
      <c r="D3016" s="6" t="s">
        <v>11</v>
      </c>
      <c r="E3016" s="6" t="e"/>
    </row>
    <row r="3017" ht="44" customHeight="true" s="1" customFormat="true" hidden="true" outlineLevel="3">
      <c r="A3017" s="6" t="s">
        <v>3399</v>
      </c>
      <c r="B3017" s="6" t="e"/>
      <c r="C3017" s="6" t="s">
        <v>3400</v>
      </c>
      <c r="D3017" s="6" t="s">
        <v>26</v>
      </c>
      <c r="E3017" s="6" t="e"/>
    </row>
    <row r="3018" ht="33" customHeight="true" s="1" customFormat="true" hidden="true" outlineLevel="3">
      <c r="A3018" s="6" t="s">
        <v>3401</v>
      </c>
      <c r="B3018" s="6" t="e"/>
      <c r="C3018" s="6" t="s">
        <v>2000</v>
      </c>
      <c r="D3018" s="6" t="s">
        <v>11</v>
      </c>
      <c r="E3018" s="6" t="e"/>
    </row>
    <row r="3019" ht="33" customHeight="true" s="1" customFormat="true" hidden="true" outlineLevel="3">
      <c r="A3019" s="6" t="s">
        <v>3402</v>
      </c>
      <c r="B3019" s="6" t="e"/>
      <c r="C3019" s="6" t="s">
        <v>2000</v>
      </c>
      <c r="D3019" s="6" t="s">
        <v>11</v>
      </c>
      <c r="E3019" s="6" t="e"/>
    </row>
    <row r="3020" ht="33" customHeight="true" s="1" customFormat="true" hidden="true" outlineLevel="3">
      <c r="A3020" s="6" t="s">
        <v>3403</v>
      </c>
      <c r="B3020" s="6" t="e"/>
      <c r="C3020" s="6" t="s">
        <v>28</v>
      </c>
      <c r="D3020" s="6" t="s">
        <v>11</v>
      </c>
      <c r="E3020" s="6" t="e"/>
    </row>
    <row r="3021" ht="11" customHeight="true" s="1" customFormat="true" hidden="true" outlineLevel="3">
      <c r="A3021" s="6" t="s">
        <v>3404</v>
      </c>
      <c r="B3021" s="6" t="e"/>
      <c r="C3021" s="6" t="s">
        <v>155</v>
      </c>
      <c r="D3021" s="6" t="s">
        <v>40</v>
      </c>
      <c r="E3021" s="6" t="e"/>
    </row>
    <row r="3022" ht="22" customHeight="true" s="1" customFormat="true" hidden="true" outlineLevel="3">
      <c r="A3022" s="6" t="s">
        <v>3405</v>
      </c>
      <c r="B3022" s="6" t="e"/>
      <c r="C3022" s="6" t="s">
        <v>126</v>
      </c>
      <c r="D3022" s="6" t="s">
        <v>26</v>
      </c>
      <c r="E3022" s="6" t="e"/>
    </row>
    <row r="3023" ht="33" customHeight="true" s="1" customFormat="true" hidden="true" outlineLevel="3">
      <c r="A3023" s="6" t="s">
        <v>3406</v>
      </c>
      <c r="B3023" s="6" t="e"/>
      <c r="C3023" s="6" t="s">
        <v>14</v>
      </c>
      <c r="D3023" s="6" t="s">
        <v>11</v>
      </c>
      <c r="E3023" s="6" t="e"/>
    </row>
    <row r="3024" ht="22" customHeight="true" s="1" customFormat="true" hidden="true" outlineLevel="3">
      <c r="A3024" s="6" t="s">
        <v>3407</v>
      </c>
      <c r="B3024" s="6" t="e"/>
      <c r="C3024" s="6" t="s">
        <v>10</v>
      </c>
      <c r="D3024" s="6" t="s">
        <v>11</v>
      </c>
      <c r="E3024" s="6" t="e"/>
    </row>
    <row r="3025" ht="44" customHeight="true" s="1" customFormat="true" hidden="true" outlineLevel="3">
      <c r="A3025" s="6" t="s">
        <v>3408</v>
      </c>
      <c r="B3025" s="6" t="e"/>
      <c r="C3025" s="6" t="s">
        <v>188</v>
      </c>
      <c r="D3025" s="6" t="s">
        <v>40</v>
      </c>
      <c r="E3025" s="6" t="e"/>
    </row>
    <row r="3026" ht="33" customHeight="true" s="1" customFormat="true" hidden="true" outlineLevel="3">
      <c r="A3026" s="6" t="s">
        <v>3409</v>
      </c>
      <c r="B3026" s="6" t="e"/>
      <c r="C3026" s="6" t="s">
        <v>188</v>
      </c>
      <c r="D3026" s="6" t="s">
        <v>26</v>
      </c>
      <c r="E3026" s="6" t="e"/>
    </row>
    <row r="3027" ht="22" customHeight="true" s="1" customFormat="true" hidden="true" outlineLevel="3">
      <c r="A3027" s="6" t="s">
        <v>3410</v>
      </c>
      <c r="B3027" s="6" t="e"/>
      <c r="C3027" s="6" t="s">
        <v>55</v>
      </c>
      <c r="D3027" s="6" t="s">
        <v>11</v>
      </c>
      <c r="E3027" s="6" t="e"/>
    </row>
    <row r="3028" ht="33" customHeight="true" s="1" customFormat="true" hidden="true" outlineLevel="3">
      <c r="A3028" s="6" t="s">
        <v>3411</v>
      </c>
      <c r="B3028" s="6" t="e"/>
      <c r="C3028" s="6" t="s">
        <v>371</v>
      </c>
      <c r="D3028" s="6" t="s">
        <v>11</v>
      </c>
      <c r="E3028" s="6" t="e"/>
    </row>
    <row r="3029" ht="33" customHeight="true" s="1" customFormat="true" hidden="true" outlineLevel="3">
      <c r="A3029" s="6" t="s">
        <v>3412</v>
      </c>
      <c r="B3029" s="6" t="e"/>
      <c r="C3029" s="6" t="s">
        <v>188</v>
      </c>
      <c r="D3029" s="6" t="s">
        <v>11</v>
      </c>
      <c r="E3029" s="6" t="e"/>
    </row>
    <row r="3030" ht="11" customHeight="true" s="1" customFormat="true" hidden="true" outlineLevel="3">
      <c r="A3030" s="6" t="s">
        <v>3413</v>
      </c>
      <c r="B3030" s="6" t="e"/>
      <c r="C3030" s="6" t="s">
        <v>371</v>
      </c>
      <c r="D3030" s="6" t="s">
        <v>11</v>
      </c>
      <c r="E3030" s="6" t="e"/>
    </row>
    <row r="3031" ht="33" customHeight="true" s="1" customFormat="true" hidden="true" outlineLevel="3">
      <c r="A3031" s="6" t="s">
        <v>3414</v>
      </c>
      <c r="B3031" s="6" t="e"/>
      <c r="C3031" s="6" t="s">
        <v>82</v>
      </c>
      <c r="D3031" s="6" t="s">
        <v>11</v>
      </c>
      <c r="E3031" s="6" t="e"/>
    </row>
    <row r="3032" ht="11" customHeight="true" s="1" customFormat="true" hidden="true" outlineLevel="3">
      <c r="A3032" s="6" t="s">
        <v>3415</v>
      </c>
      <c r="B3032" s="6" t="e"/>
      <c r="C3032" s="6" t="s">
        <v>87</v>
      </c>
      <c r="D3032" s="6" t="s">
        <v>11</v>
      </c>
      <c r="E3032" s="6" t="e"/>
    </row>
    <row r="3033" ht="44" customHeight="true" s="1" customFormat="true" hidden="true" outlineLevel="3">
      <c r="A3033" s="6" t="s">
        <v>3416</v>
      </c>
      <c r="B3033" s="6" t="e"/>
      <c r="C3033" s="6" t="s">
        <v>155</v>
      </c>
      <c r="D3033" s="6" t="s">
        <v>15</v>
      </c>
      <c r="E3033" s="6" t="e"/>
    </row>
    <row r="3034" ht="44" customHeight="true" s="1" customFormat="true" hidden="true" outlineLevel="3">
      <c r="A3034" s="6" t="s">
        <v>3417</v>
      </c>
      <c r="B3034" s="6" t="e"/>
      <c r="C3034" s="6" t="s">
        <v>371</v>
      </c>
      <c r="D3034" s="6" t="s">
        <v>26</v>
      </c>
      <c r="E3034" s="6" t="e"/>
    </row>
    <row r="3035" ht="22" customHeight="true" s="1" customFormat="true" hidden="true" outlineLevel="3">
      <c r="A3035" s="6" t="s">
        <v>3418</v>
      </c>
      <c r="B3035" s="6" t="e"/>
      <c r="C3035" s="6" t="s">
        <v>50</v>
      </c>
      <c r="D3035" s="6" t="s">
        <v>26</v>
      </c>
      <c r="E3035" s="6" t="e"/>
    </row>
    <row r="3036" ht="33" customHeight="true" s="1" customFormat="true" hidden="true" outlineLevel="3">
      <c r="A3036" s="6" t="s">
        <v>3419</v>
      </c>
      <c r="B3036" s="6" t="e"/>
      <c r="C3036" s="6" t="s">
        <v>18</v>
      </c>
      <c r="D3036" s="6" t="s">
        <v>26</v>
      </c>
      <c r="E3036" s="6" t="e"/>
    </row>
    <row r="3037" ht="44" customHeight="true" s="1" customFormat="true" hidden="true" outlineLevel="3">
      <c r="A3037" s="6" t="s">
        <v>3420</v>
      </c>
      <c r="B3037" s="6" t="e"/>
      <c r="C3037" s="6" t="s">
        <v>21</v>
      </c>
      <c r="D3037" s="6" t="s">
        <v>11</v>
      </c>
      <c r="E3037" s="6" t="e"/>
    </row>
    <row r="3038" ht="22" customHeight="true" s="1" customFormat="true" hidden="true" outlineLevel="3">
      <c r="A3038" s="6" t="s">
        <v>3421</v>
      </c>
      <c r="B3038" s="6" t="e"/>
      <c r="C3038" s="6" t="s">
        <v>82</v>
      </c>
      <c r="D3038" s="6" t="s">
        <v>11</v>
      </c>
      <c r="E3038" s="6" t="e"/>
    </row>
    <row r="3039" ht="22" customHeight="true" s="1" customFormat="true" hidden="true" outlineLevel="3">
      <c r="A3039" s="6" t="s">
        <v>3422</v>
      </c>
      <c r="B3039" s="6" t="e"/>
      <c r="C3039" s="6" t="s">
        <v>391</v>
      </c>
      <c r="D3039" s="6" t="s">
        <v>26</v>
      </c>
      <c r="E3039" s="6" t="e"/>
    </row>
    <row r="3040" ht="22" customHeight="true" s="1" customFormat="true" hidden="true" outlineLevel="3">
      <c r="A3040" s="6" t="s">
        <v>3423</v>
      </c>
      <c r="B3040" s="6" t="e"/>
      <c r="C3040" s="6" t="s">
        <v>82</v>
      </c>
      <c r="D3040" s="6" t="s">
        <v>11</v>
      </c>
      <c r="E3040" s="6" t="e"/>
    </row>
    <row r="3041" ht="44" customHeight="true" s="1" customFormat="true" hidden="true" outlineLevel="3">
      <c r="A3041" s="6" t="s">
        <v>3424</v>
      </c>
      <c r="B3041" s="6" t="e"/>
      <c r="C3041" s="6" t="s">
        <v>253</v>
      </c>
      <c r="D3041" s="6" t="s">
        <v>11</v>
      </c>
      <c r="E3041" s="6" t="e"/>
    </row>
    <row r="3042" ht="44" customHeight="true" s="1" customFormat="true" hidden="true" outlineLevel="3">
      <c r="A3042" s="6" t="s">
        <v>3425</v>
      </c>
      <c r="B3042" s="6" t="e"/>
      <c r="C3042" s="6" t="s">
        <v>219</v>
      </c>
      <c r="D3042" s="6" t="s">
        <v>11</v>
      </c>
      <c r="E3042" s="6" t="e"/>
    </row>
    <row r="3043" ht="22" customHeight="true" s="1" customFormat="true" hidden="true" outlineLevel="3">
      <c r="A3043" s="6" t="s">
        <v>3426</v>
      </c>
      <c r="B3043" s="6" t="e"/>
      <c r="C3043" s="6" t="s">
        <v>1214</v>
      </c>
      <c r="D3043" s="6" t="s">
        <v>11</v>
      </c>
      <c r="E3043" s="6" t="e"/>
    </row>
    <row r="3044" ht="22" customHeight="true" s="1" customFormat="true" hidden="true" outlineLevel="3">
      <c r="A3044" s="6" t="s">
        <v>3427</v>
      </c>
      <c r="B3044" s="6" t="e"/>
      <c r="C3044" s="6" t="s">
        <v>3428</v>
      </c>
      <c r="D3044" s="6" t="s">
        <v>26</v>
      </c>
      <c r="E3044" s="6" t="e"/>
    </row>
    <row r="3045" ht="44" customHeight="true" s="1" customFormat="true" hidden="true" outlineLevel="3">
      <c r="A3045" s="6" t="s">
        <v>3429</v>
      </c>
      <c r="B3045" s="6" t="e"/>
      <c r="C3045" s="6" t="s">
        <v>126</v>
      </c>
      <c r="D3045" s="6" t="s">
        <v>26</v>
      </c>
      <c r="E3045" s="6" t="e"/>
    </row>
    <row r="3046" ht="44" customHeight="true" s="1" customFormat="true" hidden="true" outlineLevel="3">
      <c r="A3046" s="6" t="s">
        <v>3430</v>
      </c>
      <c r="B3046" s="6" t="e"/>
      <c r="C3046" s="6" t="s">
        <v>155</v>
      </c>
      <c r="D3046" s="6" t="s">
        <v>26</v>
      </c>
      <c r="E3046" s="6" t="e"/>
    </row>
    <row r="3047" ht="11" customHeight="true" s="1" customFormat="true" hidden="true" outlineLevel="3">
      <c r="A3047" s="6" t="s">
        <v>3431</v>
      </c>
      <c r="B3047" s="6" t="e"/>
      <c r="C3047" s="6" t="s">
        <v>103</v>
      </c>
      <c r="D3047" s="6" t="s">
        <v>11</v>
      </c>
      <c r="E3047" s="6" t="e"/>
    </row>
    <row r="3048" ht="22" customHeight="true" s="1" customFormat="true" hidden="true" outlineLevel="3">
      <c r="A3048" s="6" t="s">
        <v>3432</v>
      </c>
      <c r="B3048" s="6" t="e"/>
      <c r="C3048" s="6" t="s">
        <v>82</v>
      </c>
      <c r="D3048" s="6" t="s">
        <v>26</v>
      </c>
      <c r="E3048" s="6" t="e"/>
    </row>
    <row r="3049" ht="11" customHeight="true" s="1" customFormat="true" hidden="true" outlineLevel="3">
      <c r="A3049" s="6" t="s">
        <v>3433</v>
      </c>
      <c r="B3049" s="6" t="e"/>
      <c r="C3049" s="6" t="s">
        <v>55</v>
      </c>
      <c r="D3049" s="6" t="s">
        <v>26</v>
      </c>
      <c r="E3049" s="6" t="e"/>
    </row>
    <row r="3050" ht="33" customHeight="true" s="1" customFormat="true" hidden="true" outlineLevel="3">
      <c r="A3050" s="6" t="s">
        <v>3434</v>
      </c>
      <c r="B3050" s="6" t="e"/>
      <c r="C3050" s="6" t="s">
        <v>2678</v>
      </c>
      <c r="D3050" s="6" t="s">
        <v>11</v>
      </c>
      <c r="E3050" s="6" t="e"/>
    </row>
    <row r="3051" ht="11" customHeight="true" s="1" customFormat="true" hidden="true" outlineLevel="3">
      <c r="A3051" s="6" t="s">
        <v>3435</v>
      </c>
      <c r="B3051" s="6" t="e"/>
      <c r="C3051" s="6" t="s">
        <v>55</v>
      </c>
      <c r="D3051" s="6" t="s">
        <v>11</v>
      </c>
      <c r="E3051" s="6" t="e"/>
    </row>
    <row r="3052" ht="22" customHeight="true" s="1" customFormat="true" hidden="true" outlineLevel="3">
      <c r="A3052" s="6" t="s">
        <v>3436</v>
      </c>
      <c r="B3052" s="6" t="e"/>
      <c r="C3052" s="6" t="s">
        <v>3437</v>
      </c>
      <c r="D3052" s="6" t="s">
        <v>11</v>
      </c>
      <c r="E3052" s="6" t="e"/>
    </row>
    <row r="3053" ht="44" customHeight="true" s="1" customFormat="true" hidden="true" outlineLevel="3">
      <c r="A3053" s="6" t="s">
        <v>3438</v>
      </c>
      <c r="B3053" s="6" t="e"/>
      <c r="C3053" s="6" t="s">
        <v>78</v>
      </c>
      <c r="D3053" s="6" t="s">
        <v>11</v>
      </c>
      <c r="E3053" s="6" t="e"/>
    </row>
    <row r="3054" ht="22" customHeight="true" s="1" customFormat="true" hidden="true" outlineLevel="3">
      <c r="A3054" s="6" t="s">
        <v>3439</v>
      </c>
      <c r="B3054" s="6" t="e"/>
      <c r="C3054" s="6" t="s">
        <v>50</v>
      </c>
      <c r="D3054" s="6" t="s">
        <v>11</v>
      </c>
      <c r="E3054" s="6" t="e"/>
    </row>
    <row r="3055" ht="33" customHeight="true" s="1" customFormat="true" hidden="true" outlineLevel="3">
      <c r="A3055" s="6" t="s">
        <v>3440</v>
      </c>
      <c r="B3055" s="6" t="e"/>
      <c r="C3055" s="6" t="s">
        <v>155</v>
      </c>
      <c r="D3055" s="6" t="s">
        <v>40</v>
      </c>
      <c r="E3055" s="6" t="e"/>
    </row>
    <row r="3056" ht="22" customHeight="true" s="1" customFormat="true" hidden="true" outlineLevel="3">
      <c r="A3056" s="6" t="s">
        <v>3441</v>
      </c>
      <c r="B3056" s="6" t="e"/>
      <c r="C3056" s="6" t="s">
        <v>1187</v>
      </c>
      <c r="D3056" s="6" t="s">
        <v>11</v>
      </c>
      <c r="E3056" s="6" t="e"/>
    </row>
    <row r="3057" ht="11" customHeight="true" s="1" customFormat="true" hidden="true" outlineLevel="3">
      <c r="A3057" s="6" t="s">
        <v>3442</v>
      </c>
      <c r="B3057" s="6" t="e"/>
      <c r="C3057" s="6" t="s">
        <v>391</v>
      </c>
      <c r="D3057" s="6" t="s">
        <v>11</v>
      </c>
      <c r="E3057" s="6" t="e"/>
    </row>
    <row r="3058" ht="33" customHeight="true" s="1" customFormat="true" hidden="true" outlineLevel="3">
      <c r="A3058" s="6" t="s">
        <v>3443</v>
      </c>
      <c r="B3058" s="6" t="e"/>
      <c r="C3058" s="6" t="s">
        <v>1187</v>
      </c>
      <c r="D3058" s="6" t="s">
        <v>11</v>
      </c>
      <c r="E3058" s="6" t="e"/>
    </row>
    <row r="3059" ht="22" customHeight="true" s="1" customFormat="true" hidden="true" outlineLevel="3">
      <c r="A3059" s="6" t="s">
        <v>3444</v>
      </c>
      <c r="B3059" s="6" t="e"/>
      <c r="C3059" s="6" t="s">
        <v>371</v>
      </c>
      <c r="D3059" s="6" t="s">
        <v>11</v>
      </c>
      <c r="E3059" s="6" t="e"/>
    </row>
    <row r="3060" ht="33" customHeight="true" s="1" customFormat="true" hidden="true" outlineLevel="3">
      <c r="A3060" s="6" t="s">
        <v>3445</v>
      </c>
      <c r="B3060" s="6" t="e"/>
      <c r="C3060" s="6" t="s">
        <v>77</v>
      </c>
      <c r="D3060" s="6" t="s">
        <v>11</v>
      </c>
      <c r="E3060" s="6" t="e"/>
    </row>
    <row r="3061" ht="33" customHeight="true" s="1" customFormat="true" hidden="true" outlineLevel="3">
      <c r="A3061" s="6" t="s">
        <v>3446</v>
      </c>
      <c r="B3061" s="6" t="e"/>
      <c r="C3061" s="6" t="s">
        <v>82</v>
      </c>
      <c r="D3061" s="6" t="s">
        <v>26</v>
      </c>
      <c r="E3061" s="6" t="e"/>
    </row>
    <row r="3062" ht="33" customHeight="true" s="1" customFormat="true" hidden="true" outlineLevel="3">
      <c r="A3062" s="6" t="s">
        <v>3447</v>
      </c>
      <c r="B3062" s="6" t="e"/>
      <c r="C3062" s="6" t="s">
        <v>77</v>
      </c>
      <c r="D3062" s="6" t="s">
        <v>26</v>
      </c>
      <c r="E3062" s="6" t="e"/>
    </row>
    <row r="3063" ht="22" customHeight="true" s="1" customFormat="true" hidden="true" outlineLevel="3">
      <c r="A3063" s="6" t="s">
        <v>3448</v>
      </c>
      <c r="B3063" s="6" t="e"/>
      <c r="C3063" s="6" t="s">
        <v>82</v>
      </c>
      <c r="D3063" s="6" t="s">
        <v>11</v>
      </c>
      <c r="E3063" s="6" t="e"/>
    </row>
    <row r="3064" ht="22" customHeight="true" s="1" customFormat="true" hidden="true" outlineLevel="3">
      <c r="A3064" s="6" t="s">
        <v>3449</v>
      </c>
      <c r="B3064" s="6" t="e"/>
      <c r="C3064" s="6" t="s">
        <v>371</v>
      </c>
      <c r="D3064" s="6" t="s">
        <v>11</v>
      </c>
      <c r="E3064" s="6" t="e"/>
    </row>
    <row r="3065" ht="22" customHeight="true" s="1" customFormat="true" hidden="true" outlineLevel="3">
      <c r="A3065" s="6" t="s">
        <v>3450</v>
      </c>
      <c r="B3065" s="6" t="e"/>
      <c r="C3065" s="6" t="s">
        <v>371</v>
      </c>
      <c r="D3065" s="6" t="s">
        <v>11</v>
      </c>
      <c r="E3065" s="6" t="e"/>
    </row>
    <row r="3066" ht="33" customHeight="true" s="1" customFormat="true" hidden="true" outlineLevel="3">
      <c r="A3066" s="6" t="s">
        <v>3451</v>
      </c>
      <c r="B3066" s="6" t="e"/>
      <c r="C3066" s="6" t="s">
        <v>371</v>
      </c>
      <c r="D3066" s="6" t="s">
        <v>40</v>
      </c>
      <c r="E3066" s="6" t="e"/>
    </row>
    <row r="3067" ht="22" customHeight="true" s="1" customFormat="true" hidden="true" outlineLevel="3">
      <c r="A3067" s="6" t="s">
        <v>3452</v>
      </c>
      <c r="B3067" s="6" t="e"/>
      <c r="C3067" s="6" t="s">
        <v>77</v>
      </c>
      <c r="D3067" s="6" t="s">
        <v>11</v>
      </c>
      <c r="E3067" s="6" t="e"/>
    </row>
    <row r="3068" ht="11" customHeight="true" s="1" customFormat="true" hidden="true" outlineLevel="3">
      <c r="A3068" s="6" t="s">
        <v>3453</v>
      </c>
      <c r="B3068" s="6" t="e"/>
      <c r="C3068" s="6" t="s">
        <v>77</v>
      </c>
      <c r="D3068" s="6" t="s">
        <v>26</v>
      </c>
      <c r="E3068" s="6" t="e"/>
    </row>
    <row r="3069" ht="22" customHeight="true" s="1" customFormat="true" hidden="true" outlineLevel="3">
      <c r="A3069" s="6" t="s">
        <v>3454</v>
      </c>
      <c r="B3069" s="6" t="e"/>
      <c r="C3069" s="6" t="s">
        <v>82</v>
      </c>
      <c r="D3069" s="6" t="s">
        <v>11</v>
      </c>
      <c r="E3069" s="6" t="e"/>
    </row>
    <row r="3070" ht="33" customHeight="true" s="1" customFormat="true" hidden="true" outlineLevel="3">
      <c r="A3070" s="6" t="s">
        <v>3455</v>
      </c>
      <c r="B3070" s="6" t="e"/>
      <c r="C3070" s="6" t="s">
        <v>391</v>
      </c>
      <c r="D3070" s="6" t="s">
        <v>11</v>
      </c>
      <c r="E3070" s="6" t="e"/>
    </row>
    <row r="3071" ht="11" customHeight="true" s="1" customFormat="true" hidden="true" outlineLevel="3">
      <c r="A3071" s="6" t="s">
        <v>3456</v>
      </c>
      <c r="B3071" s="6" t="e"/>
      <c r="C3071" s="6" t="s">
        <v>391</v>
      </c>
      <c r="D3071" s="6" t="s">
        <v>11</v>
      </c>
      <c r="E3071" s="6" t="e"/>
    </row>
    <row r="3072" ht="33" customHeight="true" s="1" customFormat="true" hidden="true" outlineLevel="3">
      <c r="A3072" s="6" t="s">
        <v>3457</v>
      </c>
      <c r="B3072" s="6" t="e"/>
      <c r="C3072" s="6" t="s">
        <v>1655</v>
      </c>
      <c r="D3072" s="6" t="s">
        <v>11</v>
      </c>
      <c r="E3072" s="6" t="e"/>
    </row>
    <row r="3073" ht="33" customHeight="true" s="1" customFormat="true" hidden="true" outlineLevel="3">
      <c r="A3073" s="6" t="s">
        <v>3458</v>
      </c>
      <c r="B3073" s="6" t="e"/>
      <c r="C3073" s="6" t="s">
        <v>1655</v>
      </c>
      <c r="D3073" s="6" t="s">
        <v>11</v>
      </c>
      <c r="E3073" s="6" t="e"/>
    </row>
    <row r="3074" ht="22" customHeight="true" s="1" customFormat="true" hidden="true" outlineLevel="3">
      <c r="A3074" s="6" t="s">
        <v>3459</v>
      </c>
      <c r="B3074" s="6" t="e"/>
      <c r="C3074" s="6" t="s">
        <v>371</v>
      </c>
      <c r="D3074" s="6" t="s">
        <v>26</v>
      </c>
      <c r="E3074" s="6" t="e"/>
    </row>
    <row r="3075" ht="11" customHeight="true" s="1" customFormat="true" hidden="true" outlineLevel="3">
      <c r="A3075" s="6" t="s">
        <v>3460</v>
      </c>
      <c r="B3075" s="6" t="e"/>
      <c r="C3075" s="6" t="s">
        <v>253</v>
      </c>
      <c r="D3075" s="6" t="s">
        <v>11</v>
      </c>
      <c r="E3075" s="6" t="e"/>
    </row>
    <row r="3076" ht="22" customHeight="true" s="1" customFormat="true" hidden="true" outlineLevel="3">
      <c r="A3076" s="6" t="s">
        <v>3461</v>
      </c>
      <c r="B3076" s="6" t="e"/>
      <c r="C3076" s="6" t="s">
        <v>2768</v>
      </c>
      <c r="D3076" s="6" t="s">
        <v>11</v>
      </c>
      <c r="E3076" s="6" t="e"/>
    </row>
    <row r="3077" ht="33" customHeight="true" s="1" customFormat="true" hidden="true" collapsed="true" outlineLevel="3">
      <c r="A3077" s="6" t="s">
        <v>3462</v>
      </c>
      <c r="B3077" s="6" t="e"/>
      <c r="C3077" s="6" t="s">
        <v>14</v>
      </c>
      <c r="D3077" s="6" t="s">
        <v>11</v>
      </c>
      <c r="E3077" s="6" t="e"/>
    </row>
    <row r="3078" ht="11" customHeight="true" s="1" customFormat="true" hidden="true" collapsed="true" outlineLevel="2">
      <c r="A3078" s="5" t="s">
        <v>3463</v>
      </c>
      <c r="B3078" s="5" t="e"/>
      <c r="C3078" s="5" t="e"/>
      <c r="D3078" s="5" t="e"/>
      <c r="E3078" s="5" t="e"/>
    </row>
    <row r="3079" ht="11" customHeight="true" s="1" customFormat="true" hidden="true" outlineLevel="3">
      <c r="A3079" s="6" t="s">
        <v>3464</v>
      </c>
      <c r="B3079" s="6" t="e"/>
      <c r="C3079" s="6" t="s">
        <v>3428</v>
      </c>
      <c r="D3079" s="6" t="s">
        <v>11</v>
      </c>
      <c r="E3079" s="6" t="e"/>
    </row>
    <row r="3080" ht="33" customHeight="true" s="1" customFormat="true" hidden="true" outlineLevel="3">
      <c r="A3080" s="6" t="s">
        <v>3465</v>
      </c>
      <c r="B3080" s="6" t="e"/>
      <c r="C3080" s="6" t="s">
        <v>1187</v>
      </c>
      <c r="D3080" s="6" t="s">
        <v>11</v>
      </c>
      <c r="E3080" s="6" t="e"/>
    </row>
    <row r="3081" ht="11" customHeight="true" s="1" customFormat="true" hidden="true" outlineLevel="3">
      <c r="A3081" s="6" t="s">
        <v>3466</v>
      </c>
      <c r="B3081" s="6" t="e"/>
      <c r="C3081" s="6" t="s">
        <v>2768</v>
      </c>
      <c r="D3081" s="6" t="s">
        <v>11</v>
      </c>
      <c r="E3081" s="6" t="e"/>
    </row>
    <row r="3082" ht="11" customHeight="true" s="1" customFormat="true" hidden="true" collapsed="true" outlineLevel="3">
      <c r="A3082" s="6" t="s">
        <v>3467</v>
      </c>
      <c r="B3082" s="6" t="e"/>
      <c r="C3082" s="6" t="s">
        <v>78</v>
      </c>
      <c r="D3082" s="6" t="s">
        <v>11</v>
      </c>
      <c r="E3082" s="6" t="e"/>
    </row>
    <row r="3083" ht="11" customHeight="true" s="1" customFormat="true" hidden="true" collapsed="true" outlineLevel="2">
      <c r="A3083" s="5" t="s">
        <v>3468</v>
      </c>
      <c r="B3083" s="5" t="e"/>
      <c r="C3083" s="5" t="e"/>
      <c r="D3083" s="5" t="e"/>
      <c r="E3083" s="5" t="e"/>
    </row>
    <row r="3084" ht="22" customHeight="true" s="1" customFormat="true" hidden="true" outlineLevel="3">
      <c r="A3084" s="6" t="s">
        <v>3469</v>
      </c>
      <c r="B3084" s="6" t="e"/>
      <c r="C3084" s="6" t="s">
        <v>78</v>
      </c>
      <c r="D3084" s="6" t="s">
        <v>11</v>
      </c>
      <c r="E3084" s="6" t="e"/>
    </row>
    <row r="3085" ht="22" customHeight="true" s="1" customFormat="true" hidden="true" collapsed="true" outlineLevel="3">
      <c r="A3085" s="6" t="s">
        <v>3470</v>
      </c>
      <c r="B3085" s="6" t="e"/>
      <c r="C3085" s="6" t="s">
        <v>78</v>
      </c>
      <c r="D3085" s="6" t="s">
        <v>11</v>
      </c>
      <c r="E3085" s="6" t="e"/>
    </row>
    <row r="3086" ht="11" customHeight="true" s="1" customFormat="true" hidden="true" collapsed="true" outlineLevel="2">
      <c r="A3086" s="5" t="s">
        <v>3471</v>
      </c>
      <c r="B3086" s="5" t="e"/>
      <c r="C3086" s="5" t="e"/>
      <c r="D3086" s="5" t="e"/>
      <c r="E3086" s="5" t="e"/>
    </row>
    <row r="3087" ht="44" customHeight="true" s="1" customFormat="true" hidden="true" outlineLevel="3">
      <c r="A3087" s="6" t="s">
        <v>3472</v>
      </c>
      <c r="B3087" s="6" t="e"/>
      <c r="C3087" s="6" t="s">
        <v>42</v>
      </c>
      <c r="D3087" s="6" t="s">
        <v>11</v>
      </c>
      <c r="E3087" s="6" t="e"/>
    </row>
    <row r="3088" ht="44" customHeight="true" s="1" customFormat="true" hidden="true" outlineLevel="3">
      <c r="A3088" s="6" t="s">
        <v>3473</v>
      </c>
      <c r="B3088" s="6" t="e"/>
      <c r="C3088" s="6" t="s">
        <v>3474</v>
      </c>
      <c r="D3088" s="6" t="s">
        <v>26</v>
      </c>
      <c r="E3088" s="6" t="e"/>
    </row>
    <row r="3089" ht="44" customHeight="true" s="1" customFormat="true" hidden="true" outlineLevel="3">
      <c r="A3089" s="6" t="s">
        <v>3475</v>
      </c>
      <c r="B3089" s="6" t="e"/>
      <c r="C3089" s="6" t="s">
        <v>3476</v>
      </c>
      <c r="D3089" s="6" t="s">
        <v>11</v>
      </c>
      <c r="E3089" s="6" t="e"/>
    </row>
    <row r="3090" ht="22" customHeight="true" s="1" customFormat="true" hidden="true" outlineLevel="3">
      <c r="A3090" s="6" t="s">
        <v>3477</v>
      </c>
      <c r="B3090" s="6" t="e"/>
      <c r="C3090" s="6" t="s">
        <v>371</v>
      </c>
      <c r="D3090" s="6" t="s">
        <v>11</v>
      </c>
      <c r="E3090" s="6" t="e"/>
    </row>
    <row r="3091" ht="22" customHeight="true" s="1" customFormat="true" hidden="true" outlineLevel="3">
      <c r="A3091" s="6" t="s">
        <v>3478</v>
      </c>
      <c r="B3091" s="6" t="e"/>
      <c r="C3091" s="6" t="s">
        <v>253</v>
      </c>
      <c r="D3091" s="6" t="s">
        <v>11</v>
      </c>
      <c r="E3091" s="6" t="e"/>
    </row>
    <row r="3092" ht="22" customHeight="true" s="1" customFormat="true" hidden="true" outlineLevel="3">
      <c r="A3092" s="6" t="s">
        <v>3479</v>
      </c>
      <c r="B3092" s="6" t="e"/>
      <c r="C3092" s="6" t="s">
        <v>219</v>
      </c>
      <c r="D3092" s="6" t="s">
        <v>11</v>
      </c>
      <c r="E3092" s="6" t="e"/>
    </row>
    <row r="3093" ht="22" customHeight="true" s="1" customFormat="true" hidden="true" outlineLevel="3">
      <c r="A3093" s="6" t="s">
        <v>3480</v>
      </c>
      <c r="B3093" s="6" t="e"/>
      <c r="C3093" s="6" t="s">
        <v>253</v>
      </c>
      <c r="D3093" s="6" t="s">
        <v>11</v>
      </c>
      <c r="E3093" s="6" t="e"/>
    </row>
    <row r="3094" ht="22" customHeight="true" s="1" customFormat="true" hidden="true" outlineLevel="3">
      <c r="A3094" s="6" t="s">
        <v>3481</v>
      </c>
      <c r="B3094" s="6" t="e"/>
      <c r="C3094" s="6" t="s">
        <v>21</v>
      </c>
      <c r="D3094" s="6" t="s">
        <v>26</v>
      </c>
      <c r="E3094" s="6" t="e"/>
    </row>
    <row r="3095" ht="22" customHeight="true" s="1" customFormat="true" hidden="true" outlineLevel="3">
      <c r="A3095" s="6" t="s">
        <v>3482</v>
      </c>
      <c r="B3095" s="6" t="e"/>
      <c r="C3095" s="6" t="s">
        <v>371</v>
      </c>
      <c r="D3095" s="6" t="s">
        <v>15</v>
      </c>
      <c r="E3095" s="6" t="e"/>
    </row>
    <row r="3096" ht="22" customHeight="true" s="1" customFormat="true" hidden="true" outlineLevel="3">
      <c r="A3096" s="6" t="s">
        <v>3483</v>
      </c>
      <c r="B3096" s="6" t="e"/>
      <c r="C3096" s="6" t="s">
        <v>253</v>
      </c>
      <c r="D3096" s="6" t="s">
        <v>11</v>
      </c>
      <c r="E3096" s="6" t="e"/>
    </row>
    <row r="3097" ht="22" customHeight="true" s="1" customFormat="true" hidden="true" outlineLevel="3">
      <c r="A3097" s="6" t="s">
        <v>3484</v>
      </c>
      <c r="B3097" s="6" t="e"/>
      <c r="C3097" s="6" t="s">
        <v>371</v>
      </c>
      <c r="D3097" s="6" t="s">
        <v>26</v>
      </c>
      <c r="E3097" s="6" t="e"/>
    </row>
    <row r="3098" ht="33" customHeight="true" s="1" customFormat="true" hidden="true" outlineLevel="3">
      <c r="A3098" s="6" t="s">
        <v>3485</v>
      </c>
      <c r="B3098" s="6" t="e"/>
      <c r="C3098" s="6" t="s">
        <v>253</v>
      </c>
      <c r="D3098" s="6" t="s">
        <v>11</v>
      </c>
      <c r="E3098" s="6" t="e"/>
    </row>
    <row r="3099" ht="22" customHeight="true" s="1" customFormat="true" hidden="true" outlineLevel="3">
      <c r="A3099" s="6" t="s">
        <v>3486</v>
      </c>
      <c r="B3099" s="6" t="e"/>
      <c r="C3099" s="6" t="s">
        <v>253</v>
      </c>
      <c r="D3099" s="6" t="s">
        <v>11</v>
      </c>
      <c r="E3099" s="6" t="e"/>
    </row>
    <row r="3100" ht="22" customHeight="true" s="1" customFormat="true" hidden="true" outlineLevel="3">
      <c r="A3100" s="6" t="s">
        <v>3487</v>
      </c>
      <c r="B3100" s="6" t="e"/>
      <c r="C3100" s="6" t="s">
        <v>371</v>
      </c>
      <c r="D3100" s="6" t="s">
        <v>11</v>
      </c>
      <c r="E3100" s="6" t="e"/>
    </row>
    <row r="3101" ht="33" customHeight="true" s="1" customFormat="true" hidden="true" outlineLevel="3">
      <c r="A3101" s="6" t="s">
        <v>3488</v>
      </c>
      <c r="B3101" s="6" t="e"/>
      <c r="C3101" s="6" t="s">
        <v>82</v>
      </c>
      <c r="D3101" s="6" t="s">
        <v>11</v>
      </c>
      <c r="E3101" s="6" t="e"/>
    </row>
    <row r="3102" ht="11" customHeight="true" s="1" customFormat="true" hidden="true" outlineLevel="3">
      <c r="A3102" s="6" t="s">
        <v>3489</v>
      </c>
      <c r="B3102" s="6" t="e"/>
      <c r="C3102" s="6" t="s">
        <v>21</v>
      </c>
      <c r="D3102" s="6" t="s">
        <v>11</v>
      </c>
      <c r="E3102" s="6" t="e"/>
    </row>
    <row r="3103" ht="22" customHeight="true" s="1" customFormat="true" hidden="true" outlineLevel="3">
      <c r="A3103" s="6" t="s">
        <v>3490</v>
      </c>
      <c r="B3103" s="6" t="e"/>
      <c r="C3103" s="6" t="s">
        <v>371</v>
      </c>
      <c r="D3103" s="6" t="s">
        <v>11</v>
      </c>
      <c r="E3103" s="6" t="e"/>
    </row>
    <row r="3104" ht="11" customHeight="true" s="1" customFormat="true" hidden="true" outlineLevel="3">
      <c r="A3104" s="6" t="s">
        <v>3491</v>
      </c>
      <c r="B3104" s="6" t="e"/>
      <c r="C3104" s="6" t="s">
        <v>253</v>
      </c>
      <c r="D3104" s="6" t="s">
        <v>11</v>
      </c>
      <c r="E3104" s="6" t="e"/>
    </row>
    <row r="3105" ht="22" customHeight="true" s="1" customFormat="true" hidden="true" outlineLevel="3">
      <c r="A3105" s="6" t="s">
        <v>3492</v>
      </c>
      <c r="B3105" s="6" t="e"/>
      <c r="C3105" s="6" t="s">
        <v>188</v>
      </c>
      <c r="D3105" s="6" t="s">
        <v>11</v>
      </c>
      <c r="E3105" s="6" t="e"/>
    </row>
    <row r="3106" ht="44" customHeight="true" s="1" customFormat="true" hidden="true" outlineLevel="3">
      <c r="A3106" s="6" t="s">
        <v>3493</v>
      </c>
      <c r="B3106" s="6" t="e"/>
      <c r="C3106" s="6" t="s">
        <v>21</v>
      </c>
      <c r="D3106" s="6" t="s">
        <v>26</v>
      </c>
      <c r="E3106" s="6" t="e"/>
    </row>
    <row r="3107" ht="22" customHeight="true" s="1" customFormat="true" hidden="true" outlineLevel="3">
      <c r="A3107" s="6" t="s">
        <v>3494</v>
      </c>
      <c r="B3107" s="6" t="e"/>
      <c r="C3107" s="6" t="s">
        <v>55</v>
      </c>
      <c r="D3107" s="6" t="s">
        <v>11</v>
      </c>
      <c r="E3107" s="6" t="e"/>
    </row>
    <row r="3108" ht="22" customHeight="true" s="1" customFormat="true" hidden="true" outlineLevel="3">
      <c r="A3108" s="6" t="s">
        <v>3495</v>
      </c>
      <c r="B3108" s="6" t="e"/>
      <c r="C3108" s="6" t="s">
        <v>369</v>
      </c>
      <c r="D3108" s="6" t="s">
        <v>11</v>
      </c>
      <c r="E3108" s="6" t="e"/>
    </row>
    <row r="3109" ht="22" customHeight="true" s="1" customFormat="true" hidden="true" outlineLevel="3">
      <c r="A3109" s="6" t="s">
        <v>3496</v>
      </c>
      <c r="B3109" s="6" t="e"/>
      <c r="C3109" s="6" t="s">
        <v>371</v>
      </c>
      <c r="D3109" s="6" t="s">
        <v>11</v>
      </c>
      <c r="E3109" s="6" t="e"/>
    </row>
    <row r="3110" ht="22" customHeight="true" s="1" customFormat="true" hidden="true" outlineLevel="3">
      <c r="A3110" s="6" t="s">
        <v>3497</v>
      </c>
      <c r="B3110" s="6" t="e"/>
      <c r="C3110" s="6" t="s">
        <v>1214</v>
      </c>
      <c r="D3110" s="6" t="s">
        <v>11</v>
      </c>
      <c r="E3110" s="6" t="e"/>
    </row>
    <row r="3111" ht="22" customHeight="true" s="1" customFormat="true" hidden="true" outlineLevel="3">
      <c r="A3111" s="6" t="s">
        <v>3498</v>
      </c>
      <c r="B3111" s="6" t="e"/>
      <c r="C3111" s="6" t="s">
        <v>391</v>
      </c>
      <c r="D3111" s="6" t="s">
        <v>11</v>
      </c>
      <c r="E3111" s="6" t="e"/>
    </row>
    <row r="3112" ht="44" customHeight="true" s="1" customFormat="true" hidden="true" outlineLevel="3">
      <c r="A3112" s="6" t="s">
        <v>3499</v>
      </c>
      <c r="B3112" s="6" t="e"/>
      <c r="C3112" s="6" t="s">
        <v>440</v>
      </c>
      <c r="D3112" s="6" t="s">
        <v>11</v>
      </c>
      <c r="E3112" s="6" t="e"/>
    </row>
    <row r="3113" ht="22" customHeight="true" s="1" customFormat="true" hidden="true" outlineLevel="3">
      <c r="A3113" s="6" t="s">
        <v>3500</v>
      </c>
      <c r="B3113" s="6" t="e"/>
      <c r="C3113" s="6" t="s">
        <v>83</v>
      </c>
      <c r="D3113" s="6" t="s">
        <v>11</v>
      </c>
      <c r="E3113" s="6" t="e"/>
    </row>
    <row r="3114" ht="22" customHeight="true" s="1" customFormat="true" hidden="true" outlineLevel="3">
      <c r="A3114" s="6" t="s">
        <v>3501</v>
      </c>
      <c r="B3114" s="6" t="e"/>
      <c r="C3114" s="6" t="s">
        <v>83</v>
      </c>
      <c r="D3114" s="6" t="s">
        <v>11</v>
      </c>
      <c r="E3114" s="6" t="e"/>
    </row>
    <row r="3115" ht="33" customHeight="true" s="1" customFormat="true" hidden="true" outlineLevel="3">
      <c r="A3115" s="6" t="s">
        <v>3502</v>
      </c>
      <c r="B3115" s="6" t="e"/>
      <c r="C3115" s="6" t="s">
        <v>2608</v>
      </c>
      <c r="D3115" s="6" t="s">
        <v>26</v>
      </c>
      <c r="E3115" s="6" t="e"/>
    </row>
    <row r="3116" ht="44" customHeight="true" s="1" customFormat="true" hidden="true" outlineLevel="3">
      <c r="A3116" s="6" t="s">
        <v>3503</v>
      </c>
      <c r="B3116" s="6" t="e"/>
      <c r="C3116" s="6" t="s">
        <v>3504</v>
      </c>
      <c r="D3116" s="6" t="s">
        <v>11</v>
      </c>
      <c r="E3116" s="6" t="e"/>
    </row>
    <row r="3117" ht="22" customHeight="true" s="1" customFormat="true" hidden="true" outlineLevel="3">
      <c r="A3117" s="6" t="s">
        <v>3505</v>
      </c>
      <c r="B3117" s="6" t="e"/>
      <c r="C3117" s="6" t="s">
        <v>83</v>
      </c>
      <c r="D3117" s="6" t="s">
        <v>40</v>
      </c>
      <c r="E3117" s="6" t="e"/>
    </row>
    <row r="3118" ht="44" customHeight="true" s="1" customFormat="true" hidden="true" outlineLevel="3">
      <c r="A3118" s="6" t="s">
        <v>3506</v>
      </c>
      <c r="B3118" s="6" t="e"/>
      <c r="C3118" s="6" t="s">
        <v>29</v>
      </c>
      <c r="D3118" s="6" t="s">
        <v>26</v>
      </c>
      <c r="E3118" s="6" t="e"/>
    </row>
    <row r="3119" ht="33" customHeight="true" s="1" customFormat="true" hidden="true" outlineLevel="3">
      <c r="A3119" s="6" t="s">
        <v>3507</v>
      </c>
      <c r="B3119" s="6" t="e"/>
      <c r="C3119" s="6" t="s">
        <v>1303</v>
      </c>
      <c r="D3119" s="6" t="s">
        <v>11</v>
      </c>
      <c r="E3119" s="6" t="e"/>
    </row>
    <row r="3120" ht="11" customHeight="true" s="1" customFormat="true" hidden="true" outlineLevel="3">
      <c r="A3120" s="6" t="s">
        <v>3508</v>
      </c>
      <c r="B3120" s="6" t="e"/>
      <c r="C3120" s="6" t="s">
        <v>3428</v>
      </c>
      <c r="D3120" s="6" t="s">
        <v>11</v>
      </c>
      <c r="E3120" s="6" t="e"/>
    </row>
    <row r="3121" ht="33" customHeight="true" s="1" customFormat="true" hidden="true" outlineLevel="3">
      <c r="A3121" s="6" t="s">
        <v>3509</v>
      </c>
      <c r="B3121" s="6" t="e"/>
      <c r="C3121" s="6" t="s">
        <v>83</v>
      </c>
      <c r="D3121" s="6" t="s">
        <v>11</v>
      </c>
      <c r="E3121" s="6" t="e"/>
    </row>
    <row r="3122" ht="33" customHeight="true" s="1" customFormat="true" hidden="true" outlineLevel="3">
      <c r="A3122" s="6" t="s">
        <v>3510</v>
      </c>
      <c r="B3122" s="6" t="e"/>
      <c r="C3122" s="6" t="s">
        <v>83</v>
      </c>
      <c r="D3122" s="6" t="s">
        <v>11</v>
      </c>
      <c r="E3122" s="6" t="e"/>
    </row>
    <row r="3123" ht="22" customHeight="true" s="1" customFormat="true" hidden="true" outlineLevel="3">
      <c r="A3123" s="6" t="s">
        <v>3511</v>
      </c>
      <c r="B3123" s="6" t="e"/>
      <c r="C3123" s="6" t="s">
        <v>2200</v>
      </c>
      <c r="D3123" s="6" t="s">
        <v>11</v>
      </c>
      <c r="E3123" s="6" t="e"/>
    </row>
    <row r="3124" ht="33" customHeight="true" s="1" customFormat="true" hidden="true" outlineLevel="3">
      <c r="A3124" s="6" t="s">
        <v>3512</v>
      </c>
      <c r="B3124" s="6" t="e"/>
      <c r="C3124" s="6" t="s">
        <v>28</v>
      </c>
      <c r="D3124" s="6" t="s">
        <v>11</v>
      </c>
      <c r="E3124" s="6" t="e"/>
    </row>
    <row r="3125" ht="33" customHeight="true" s="1" customFormat="true" hidden="true" outlineLevel="3">
      <c r="A3125" s="6" t="s">
        <v>3513</v>
      </c>
      <c r="B3125" s="6" t="e"/>
      <c r="C3125" s="6" t="s">
        <v>28</v>
      </c>
      <c r="D3125" s="6" t="s">
        <v>11</v>
      </c>
      <c r="E3125" s="6" t="e"/>
    </row>
    <row r="3126" ht="11" customHeight="true" s="1" customFormat="true" hidden="true" outlineLevel="3">
      <c r="A3126" s="6" t="s">
        <v>3514</v>
      </c>
      <c r="B3126" s="6" t="e"/>
      <c r="C3126" s="6" t="s">
        <v>2678</v>
      </c>
      <c r="D3126" s="6" t="s">
        <v>11</v>
      </c>
      <c r="E3126" s="6" t="e"/>
    </row>
    <row r="3127" ht="33" customHeight="true" s="1" customFormat="true" hidden="true" outlineLevel="3">
      <c r="A3127" s="6" t="s">
        <v>3515</v>
      </c>
      <c r="B3127" s="6" t="e"/>
      <c r="C3127" s="6" t="s">
        <v>28</v>
      </c>
      <c r="D3127" s="6" t="s">
        <v>11</v>
      </c>
      <c r="E3127" s="6" t="e"/>
    </row>
    <row r="3128" ht="33" customHeight="true" s="1" customFormat="true" hidden="true" outlineLevel="3">
      <c r="A3128" s="6" t="s">
        <v>3516</v>
      </c>
      <c r="B3128" s="6" t="e"/>
      <c r="C3128" s="6" t="s">
        <v>42</v>
      </c>
      <c r="D3128" s="6" t="s">
        <v>11</v>
      </c>
      <c r="E3128" s="6" t="e"/>
    </row>
    <row r="3129" ht="44" customHeight="true" s="1" customFormat="true" hidden="true" outlineLevel="3">
      <c r="A3129" s="6" t="s">
        <v>3517</v>
      </c>
      <c r="B3129" s="6" t="e"/>
      <c r="C3129" s="6" t="s">
        <v>42</v>
      </c>
      <c r="D3129" s="6" t="s">
        <v>11</v>
      </c>
      <c r="E3129" s="6" t="e"/>
    </row>
    <row r="3130" ht="33" customHeight="true" s="1" customFormat="true" hidden="true" outlineLevel="3">
      <c r="A3130" s="6" t="s">
        <v>3518</v>
      </c>
      <c r="B3130" s="6" t="e"/>
      <c r="C3130" s="6" t="s">
        <v>3428</v>
      </c>
      <c r="D3130" s="6" t="s">
        <v>11</v>
      </c>
      <c r="E3130" s="6" t="e"/>
    </row>
    <row r="3131" ht="11" customHeight="true" s="1" customFormat="true" hidden="true" outlineLevel="3">
      <c r="A3131" s="6" t="s">
        <v>3519</v>
      </c>
      <c r="B3131" s="6" t="e"/>
      <c r="C3131" s="6" t="s">
        <v>364</v>
      </c>
      <c r="D3131" s="6" t="s">
        <v>11</v>
      </c>
      <c r="E3131" s="6" t="e"/>
    </row>
    <row r="3132" ht="33" customHeight="true" s="1" customFormat="true" hidden="true" outlineLevel="3">
      <c r="A3132" s="6" t="s">
        <v>3520</v>
      </c>
      <c r="B3132" s="6" t="e"/>
      <c r="C3132" s="6" t="s">
        <v>14</v>
      </c>
      <c r="D3132" s="6" t="s">
        <v>11</v>
      </c>
      <c r="E3132" s="6" t="e"/>
    </row>
    <row r="3133" ht="33" customHeight="true" s="1" customFormat="true" hidden="true" outlineLevel="3">
      <c r="A3133" s="6" t="s">
        <v>3521</v>
      </c>
      <c r="B3133" s="6" t="e"/>
      <c r="C3133" s="6" t="s">
        <v>14</v>
      </c>
      <c r="D3133" s="6" t="s">
        <v>11</v>
      </c>
      <c r="E3133" s="6" t="e"/>
    </row>
    <row r="3134" ht="44" customHeight="true" s="1" customFormat="true" hidden="true" outlineLevel="3">
      <c r="A3134" s="6" t="s">
        <v>3522</v>
      </c>
      <c r="B3134" s="6" t="e"/>
      <c r="C3134" s="6" t="s">
        <v>2000</v>
      </c>
      <c r="D3134" s="6" t="s">
        <v>11</v>
      </c>
      <c r="E3134" s="6" t="e"/>
    </row>
    <row r="3135" ht="22" customHeight="true" s="1" customFormat="true" hidden="true" outlineLevel="3">
      <c r="A3135" s="6" t="s">
        <v>3523</v>
      </c>
      <c r="B3135" s="6" t="e"/>
      <c r="C3135" s="6" t="s">
        <v>371</v>
      </c>
      <c r="D3135" s="6" t="s">
        <v>26</v>
      </c>
      <c r="E3135" s="6" t="e"/>
    </row>
    <row r="3136" ht="22" customHeight="true" s="1" customFormat="true" hidden="true" outlineLevel="3">
      <c r="A3136" s="6" t="s">
        <v>3524</v>
      </c>
      <c r="B3136" s="6" t="e"/>
      <c r="C3136" s="6" t="s">
        <v>289</v>
      </c>
      <c r="D3136" s="6" t="s">
        <v>26</v>
      </c>
      <c r="E3136" s="6" t="e"/>
    </row>
    <row r="3137" ht="22" customHeight="true" s="1" customFormat="true" hidden="true" outlineLevel="3">
      <c r="A3137" s="6" t="s">
        <v>3525</v>
      </c>
      <c r="B3137" s="6" t="e"/>
      <c r="C3137" s="6" t="s">
        <v>55</v>
      </c>
      <c r="D3137" s="6" t="s">
        <v>11</v>
      </c>
      <c r="E3137" s="6" t="e"/>
    </row>
    <row r="3138" ht="44" customHeight="true" s="1" customFormat="true" hidden="true" outlineLevel="3">
      <c r="A3138" s="6" t="s">
        <v>3526</v>
      </c>
      <c r="B3138" s="6" t="e"/>
      <c r="C3138" s="6" t="s">
        <v>371</v>
      </c>
      <c r="D3138" s="6" t="s">
        <v>11</v>
      </c>
      <c r="E3138" s="6" t="e"/>
    </row>
    <row r="3139" ht="22" customHeight="true" s="1" customFormat="true" hidden="true" outlineLevel="3">
      <c r="A3139" s="6" t="s">
        <v>3527</v>
      </c>
      <c r="B3139" s="6" t="e"/>
      <c r="C3139" s="6" t="s">
        <v>82</v>
      </c>
      <c r="D3139" s="6" t="s">
        <v>11</v>
      </c>
      <c r="E3139" s="6" t="e"/>
    </row>
    <row r="3140" ht="22" customHeight="true" s="1" customFormat="true" hidden="true" outlineLevel="3">
      <c r="A3140" s="6" t="s">
        <v>3528</v>
      </c>
      <c r="B3140" s="6" t="e"/>
      <c r="C3140" s="6" t="s">
        <v>253</v>
      </c>
      <c r="D3140" s="6" t="s">
        <v>11</v>
      </c>
      <c r="E3140" s="6" t="e"/>
    </row>
    <row r="3141" ht="22" customHeight="true" s="1" customFormat="true" hidden="true" outlineLevel="3">
      <c r="A3141" s="6" t="s">
        <v>3529</v>
      </c>
      <c r="B3141" s="6" t="e"/>
      <c r="C3141" s="6" t="s">
        <v>18</v>
      </c>
      <c r="D3141" s="6" t="s">
        <v>11</v>
      </c>
      <c r="E3141" s="6" t="e"/>
    </row>
    <row r="3142" ht="22" customHeight="true" s="1" customFormat="true" hidden="true" outlineLevel="3">
      <c r="A3142" s="6" t="s">
        <v>3530</v>
      </c>
      <c r="B3142" s="6" t="e"/>
      <c r="C3142" s="6" t="s">
        <v>369</v>
      </c>
      <c r="D3142" s="6" t="s">
        <v>26</v>
      </c>
      <c r="E3142" s="6" t="e"/>
    </row>
    <row r="3143" ht="22" customHeight="true" s="1" customFormat="true" hidden="true" outlineLevel="3">
      <c r="A3143" s="6" t="s">
        <v>3531</v>
      </c>
      <c r="B3143" s="6" t="e"/>
      <c r="C3143" s="6" t="s">
        <v>1214</v>
      </c>
      <c r="D3143" s="6" t="s">
        <v>11</v>
      </c>
      <c r="E3143" s="6" t="e"/>
    </row>
    <row r="3144" ht="22" customHeight="true" s="1" customFormat="true" hidden="true" outlineLevel="3">
      <c r="A3144" s="6" t="s">
        <v>3532</v>
      </c>
      <c r="B3144" s="6" t="e"/>
      <c r="C3144" s="6" t="s">
        <v>82</v>
      </c>
      <c r="D3144" s="6" t="s">
        <v>11</v>
      </c>
      <c r="E3144" s="6" t="e"/>
    </row>
    <row r="3145" ht="22" customHeight="true" s="1" customFormat="true" hidden="true" outlineLevel="3">
      <c r="A3145" s="6" t="s">
        <v>3533</v>
      </c>
      <c r="B3145" s="6" t="e"/>
      <c r="C3145" s="6" t="s">
        <v>2768</v>
      </c>
      <c r="D3145" s="6" t="s">
        <v>11</v>
      </c>
      <c r="E3145" s="6" t="e"/>
    </row>
    <row r="3146" ht="22" customHeight="true" s="1" customFormat="true" hidden="true" outlineLevel="3">
      <c r="A3146" s="6" t="s">
        <v>3534</v>
      </c>
      <c r="B3146" s="6" t="e"/>
      <c r="C3146" s="6" t="s">
        <v>371</v>
      </c>
      <c r="D3146" s="6" t="s">
        <v>26</v>
      </c>
      <c r="E3146" s="6" t="e"/>
    </row>
    <row r="3147" ht="22" customHeight="true" s="1" customFormat="true" hidden="true" outlineLevel="3">
      <c r="A3147" s="6" t="s">
        <v>3535</v>
      </c>
      <c r="B3147" s="6" t="e"/>
      <c r="C3147" s="6" t="s">
        <v>77</v>
      </c>
      <c r="D3147" s="6" t="s">
        <v>11</v>
      </c>
      <c r="E3147" s="6" t="e"/>
    </row>
    <row r="3148" ht="22" customHeight="true" s="1" customFormat="true" hidden="true" outlineLevel="3">
      <c r="A3148" s="6" t="s">
        <v>3536</v>
      </c>
      <c r="B3148" s="6" t="e"/>
      <c r="C3148" s="6" t="s">
        <v>77</v>
      </c>
      <c r="D3148" s="6" t="s">
        <v>11</v>
      </c>
      <c r="E3148" s="6" t="e"/>
    </row>
    <row r="3149" ht="22" customHeight="true" s="1" customFormat="true" hidden="true" outlineLevel="3">
      <c r="A3149" s="6" t="s">
        <v>3537</v>
      </c>
      <c r="B3149" s="6" t="e"/>
      <c r="C3149" s="6" t="s">
        <v>77</v>
      </c>
      <c r="D3149" s="6" t="s">
        <v>11</v>
      </c>
      <c r="E3149" s="6" t="e"/>
    </row>
    <row r="3150" ht="22" customHeight="true" s="1" customFormat="true" hidden="true" outlineLevel="3">
      <c r="A3150" s="6" t="s">
        <v>3538</v>
      </c>
      <c r="B3150" s="6" t="e"/>
      <c r="C3150" s="6" t="s">
        <v>253</v>
      </c>
      <c r="D3150" s="6" t="s">
        <v>57</v>
      </c>
      <c r="E3150" s="6" t="e"/>
    </row>
    <row r="3151" ht="33" customHeight="true" s="1" customFormat="true" hidden="true" outlineLevel="3">
      <c r="A3151" s="6" t="s">
        <v>3539</v>
      </c>
      <c r="B3151" s="6" t="e"/>
      <c r="C3151" s="6" t="s">
        <v>77</v>
      </c>
      <c r="D3151" s="6" t="s">
        <v>11</v>
      </c>
      <c r="E3151" s="6" t="e"/>
    </row>
    <row r="3152" ht="33" customHeight="true" s="1" customFormat="true" hidden="true" outlineLevel="3">
      <c r="A3152" s="6" t="s">
        <v>3540</v>
      </c>
      <c r="B3152" s="6" t="e"/>
      <c r="C3152" s="6" t="s">
        <v>77</v>
      </c>
      <c r="D3152" s="6" t="s">
        <v>11</v>
      </c>
      <c r="E3152" s="6" t="e"/>
    </row>
    <row r="3153" ht="22" customHeight="true" s="1" customFormat="true" hidden="true" outlineLevel="3">
      <c r="A3153" s="6" t="s">
        <v>3541</v>
      </c>
      <c r="B3153" s="6" t="e"/>
      <c r="C3153" s="6" t="s">
        <v>77</v>
      </c>
      <c r="D3153" s="6" t="s">
        <v>11</v>
      </c>
      <c r="E3153" s="6" t="e"/>
    </row>
    <row r="3154" ht="22" customHeight="true" s="1" customFormat="true" hidden="true" outlineLevel="3">
      <c r="A3154" s="6" t="s">
        <v>3542</v>
      </c>
      <c r="B3154" s="6" t="e"/>
      <c r="C3154" s="6" t="s">
        <v>21</v>
      </c>
      <c r="D3154" s="6" t="s">
        <v>11</v>
      </c>
      <c r="E3154" s="6" t="e"/>
    </row>
    <row r="3155" ht="22" customHeight="true" s="1" customFormat="true" hidden="true" outlineLevel="3">
      <c r="A3155" s="6" t="s">
        <v>3543</v>
      </c>
      <c r="B3155" s="6" t="e"/>
      <c r="C3155" s="6" t="s">
        <v>21</v>
      </c>
      <c r="D3155" s="6" t="s">
        <v>11</v>
      </c>
      <c r="E3155" s="6" t="e"/>
    </row>
    <row r="3156" ht="22" customHeight="true" s="1" customFormat="true" hidden="true" outlineLevel="3">
      <c r="A3156" s="6" t="s">
        <v>3544</v>
      </c>
      <c r="B3156" s="6" t="e"/>
      <c r="C3156" s="6" t="s">
        <v>253</v>
      </c>
      <c r="D3156" s="6" t="s">
        <v>11</v>
      </c>
      <c r="E3156" s="6" t="e"/>
    </row>
    <row r="3157" ht="22" customHeight="true" s="1" customFormat="true" hidden="true" outlineLevel="3">
      <c r="A3157" s="6" t="s">
        <v>3545</v>
      </c>
      <c r="B3157" s="6" t="e"/>
      <c r="C3157" s="6" t="s">
        <v>77</v>
      </c>
      <c r="D3157" s="6" t="s">
        <v>26</v>
      </c>
      <c r="E3157" s="6" t="e"/>
    </row>
    <row r="3158" ht="22" customHeight="true" s="1" customFormat="true" hidden="true" outlineLevel="3">
      <c r="A3158" s="6" t="s">
        <v>3546</v>
      </c>
      <c r="B3158" s="6" t="e"/>
      <c r="C3158" s="6" t="s">
        <v>2768</v>
      </c>
      <c r="D3158" s="6" t="s">
        <v>26</v>
      </c>
      <c r="E3158" s="6" t="e"/>
    </row>
    <row r="3159" ht="22" customHeight="true" s="1" customFormat="true" hidden="true" outlineLevel="3">
      <c r="A3159" s="6" t="s">
        <v>3547</v>
      </c>
      <c r="B3159" s="6" t="e"/>
      <c r="C3159" s="6" t="s">
        <v>2768</v>
      </c>
      <c r="D3159" s="6" t="s">
        <v>11</v>
      </c>
      <c r="E3159" s="6" t="e"/>
    </row>
    <row r="3160" ht="22" customHeight="true" s="1" customFormat="true" hidden="true" outlineLevel="3">
      <c r="A3160" s="6" t="s">
        <v>3548</v>
      </c>
      <c r="B3160" s="6" t="e"/>
      <c r="C3160" s="6" t="s">
        <v>2768</v>
      </c>
      <c r="D3160" s="6" t="s">
        <v>26</v>
      </c>
      <c r="E3160" s="6" t="e"/>
    </row>
    <row r="3161" ht="33" customHeight="true" s="1" customFormat="true" hidden="true" outlineLevel="3">
      <c r="A3161" s="6" t="s">
        <v>3549</v>
      </c>
      <c r="B3161" s="6" t="e"/>
      <c r="C3161" s="6" t="s">
        <v>2768</v>
      </c>
      <c r="D3161" s="6" t="s">
        <v>26</v>
      </c>
      <c r="E3161" s="6" t="e"/>
    </row>
    <row r="3162" ht="22" customHeight="true" s="1" customFormat="true" hidden="true" outlineLevel="3">
      <c r="A3162" s="6" t="s">
        <v>3550</v>
      </c>
      <c r="B3162" s="6" t="e"/>
      <c r="C3162" s="6" t="s">
        <v>28</v>
      </c>
      <c r="D3162" s="6" t="s">
        <v>11</v>
      </c>
      <c r="E3162" s="6" t="e"/>
    </row>
    <row r="3163" ht="33" customHeight="true" s="1" customFormat="true" hidden="true" collapsed="true" outlineLevel="3">
      <c r="A3163" s="6" t="s">
        <v>3551</v>
      </c>
      <c r="B3163" s="6" t="e"/>
      <c r="C3163" s="6" t="s">
        <v>279</v>
      </c>
      <c r="D3163" s="6" t="s">
        <v>11</v>
      </c>
      <c r="E3163" s="6" t="e"/>
    </row>
    <row r="3164" ht="11" customHeight="true" s="1" customFormat="true" hidden="true" collapsed="true" outlineLevel="2">
      <c r="A3164" s="5" t="s">
        <v>3552</v>
      </c>
      <c r="B3164" s="5" t="e"/>
      <c r="C3164" s="5" t="e"/>
      <c r="D3164" s="5" t="e"/>
      <c r="E3164" s="5" t="e"/>
    </row>
    <row r="3165" ht="33" customHeight="true" s="1" customFormat="true" hidden="true" outlineLevel="3">
      <c r="A3165" s="6" t="s">
        <v>3553</v>
      </c>
      <c r="B3165" s="6" t="e"/>
      <c r="C3165" s="6" t="s">
        <v>235</v>
      </c>
      <c r="D3165" s="6" t="s">
        <v>11</v>
      </c>
      <c r="E3165" s="6" t="e"/>
    </row>
    <row r="3166" ht="33" customHeight="true" s="1" customFormat="true" hidden="true" outlineLevel="3">
      <c r="A3166" s="6" t="s">
        <v>3554</v>
      </c>
      <c r="B3166" s="6" t="e"/>
      <c r="C3166" s="6" t="s">
        <v>78</v>
      </c>
      <c r="D3166" s="6" t="s">
        <v>11</v>
      </c>
      <c r="E3166" s="6" t="e"/>
    </row>
    <row r="3167" ht="22" customHeight="true" s="1" customFormat="true" hidden="true" outlineLevel="3">
      <c r="A3167" s="6" t="s">
        <v>3555</v>
      </c>
      <c r="B3167" s="6" t="e"/>
      <c r="C3167" s="6" t="s">
        <v>78</v>
      </c>
      <c r="D3167" s="6" t="s">
        <v>40</v>
      </c>
      <c r="E3167" s="6" t="e"/>
    </row>
    <row r="3168" ht="33" customHeight="true" s="1" customFormat="true" hidden="true" outlineLevel="3">
      <c r="A3168" s="6" t="s">
        <v>3556</v>
      </c>
      <c r="B3168" s="6" t="e"/>
      <c r="C3168" s="6" t="s">
        <v>1655</v>
      </c>
      <c r="D3168" s="6" t="s">
        <v>26</v>
      </c>
      <c r="E3168" s="6" t="e"/>
    </row>
    <row r="3169" ht="22" customHeight="true" s="1" customFormat="true" hidden="true" outlineLevel="3">
      <c r="A3169" s="6" t="s">
        <v>3557</v>
      </c>
      <c r="B3169" s="6" t="e"/>
      <c r="C3169" s="6" t="s">
        <v>78</v>
      </c>
      <c r="D3169" s="6" t="s">
        <v>11</v>
      </c>
      <c r="E3169" s="6" t="e"/>
    </row>
    <row r="3170" ht="22" customHeight="true" s="1" customFormat="true" hidden="true" outlineLevel="3">
      <c r="A3170" s="6" t="s">
        <v>3558</v>
      </c>
      <c r="B3170" s="6" t="e"/>
      <c r="C3170" s="6" t="s">
        <v>78</v>
      </c>
      <c r="D3170" s="6" t="s">
        <v>11</v>
      </c>
      <c r="E3170" s="6" t="e"/>
    </row>
    <row r="3171" ht="44" customHeight="true" s="1" customFormat="true" hidden="true" outlineLevel="3">
      <c r="A3171" s="6" t="s">
        <v>3559</v>
      </c>
      <c r="B3171" s="6" t="e"/>
      <c r="C3171" s="6" t="s">
        <v>1187</v>
      </c>
      <c r="D3171" s="6" t="s">
        <v>11</v>
      </c>
      <c r="E3171" s="6" t="e"/>
    </row>
    <row r="3172" ht="33" customHeight="true" s="1" customFormat="true" hidden="true" outlineLevel="3">
      <c r="A3172" s="6" t="s">
        <v>3560</v>
      </c>
      <c r="B3172" s="6" t="e"/>
      <c r="C3172" s="6" t="s">
        <v>1187</v>
      </c>
      <c r="D3172" s="6" t="s">
        <v>11</v>
      </c>
      <c r="E3172" s="6" t="e"/>
    </row>
    <row r="3173" ht="33" customHeight="true" s="1" customFormat="true" hidden="true" outlineLevel="3">
      <c r="A3173" s="6" t="s">
        <v>3561</v>
      </c>
      <c r="B3173" s="6" t="e"/>
      <c r="C3173" s="6" t="s">
        <v>1187</v>
      </c>
      <c r="D3173" s="6" t="s">
        <v>11</v>
      </c>
      <c r="E3173" s="6" t="e"/>
    </row>
    <row r="3174" ht="56" customHeight="true" s="1" customFormat="true" hidden="true" outlineLevel="3">
      <c r="A3174" s="6" t="s">
        <v>3562</v>
      </c>
      <c r="B3174" s="6" t="e"/>
      <c r="C3174" s="6" t="s">
        <v>325</v>
      </c>
      <c r="D3174" s="6" t="s">
        <v>11</v>
      </c>
      <c r="E3174" s="6" t="e"/>
    </row>
    <row r="3175" ht="33" customHeight="true" s="1" customFormat="true" hidden="true" outlineLevel="3">
      <c r="A3175" s="6" t="s">
        <v>3563</v>
      </c>
      <c r="B3175" s="6" t="e"/>
      <c r="C3175" s="6" t="s">
        <v>3428</v>
      </c>
      <c r="D3175" s="6" t="s">
        <v>11</v>
      </c>
      <c r="E3175" s="6" t="e"/>
    </row>
    <row r="3176" ht="44" customHeight="true" s="1" customFormat="true" hidden="true" outlineLevel="3">
      <c r="A3176" s="6" t="s">
        <v>3564</v>
      </c>
      <c r="B3176" s="6" t="e"/>
      <c r="C3176" s="6" t="s">
        <v>325</v>
      </c>
      <c r="D3176" s="6" t="s">
        <v>11</v>
      </c>
      <c r="E3176" s="6" t="e"/>
    </row>
    <row r="3177" ht="44" customHeight="true" s="1" customFormat="true" hidden="true" outlineLevel="3">
      <c r="A3177" s="6" t="s">
        <v>3565</v>
      </c>
      <c r="B3177" s="6" t="e"/>
      <c r="C3177" s="6" t="s">
        <v>325</v>
      </c>
      <c r="D3177" s="6" t="s">
        <v>11</v>
      </c>
      <c r="E3177" s="6" t="e"/>
    </row>
    <row r="3178" ht="44" customHeight="true" s="1" customFormat="true" hidden="true" outlineLevel="3">
      <c r="A3178" s="6" t="s">
        <v>3566</v>
      </c>
      <c r="B3178" s="6" t="e"/>
      <c r="C3178" s="6" t="s">
        <v>2253</v>
      </c>
      <c r="D3178" s="6" t="s">
        <v>11</v>
      </c>
      <c r="E3178" s="6" t="e"/>
    </row>
    <row r="3179" ht="44" customHeight="true" s="1" customFormat="true" hidden="true" outlineLevel="3">
      <c r="A3179" s="6" t="s">
        <v>3567</v>
      </c>
      <c r="B3179" s="6" t="e"/>
      <c r="C3179" s="6" t="s">
        <v>2253</v>
      </c>
      <c r="D3179" s="6" t="s">
        <v>11</v>
      </c>
      <c r="E3179" s="6" t="e"/>
    </row>
    <row r="3180" ht="44" customHeight="true" s="1" customFormat="true" hidden="true" outlineLevel="3">
      <c r="A3180" s="6" t="s">
        <v>3568</v>
      </c>
      <c r="B3180" s="6" t="e"/>
      <c r="C3180" s="6" t="s">
        <v>1187</v>
      </c>
      <c r="D3180" s="6" t="s">
        <v>11</v>
      </c>
      <c r="E3180" s="6" t="e"/>
    </row>
    <row r="3181" ht="56" customHeight="true" s="1" customFormat="true" hidden="true" outlineLevel="3">
      <c r="A3181" s="6" t="s">
        <v>3569</v>
      </c>
      <c r="B3181" s="6" t="e"/>
      <c r="C3181" s="6" t="s">
        <v>1187</v>
      </c>
      <c r="D3181" s="6" t="s">
        <v>40</v>
      </c>
      <c r="E3181" s="6" t="e"/>
    </row>
    <row r="3182" ht="33" customHeight="true" s="1" customFormat="true" hidden="true" outlineLevel="3">
      <c r="A3182" s="6" t="s">
        <v>3570</v>
      </c>
      <c r="B3182" s="6" t="e"/>
      <c r="C3182" s="6" t="s">
        <v>1187</v>
      </c>
      <c r="D3182" s="6" t="s">
        <v>26</v>
      </c>
      <c r="E3182" s="6" t="e"/>
    </row>
    <row r="3183" ht="44" customHeight="true" s="1" customFormat="true" hidden="true" outlineLevel="3">
      <c r="A3183" s="6" t="s">
        <v>3571</v>
      </c>
      <c r="B3183" s="6" t="e"/>
      <c r="C3183" s="6" t="s">
        <v>1187</v>
      </c>
      <c r="D3183" s="6" t="s">
        <v>11</v>
      </c>
      <c r="E3183" s="6" t="e"/>
    </row>
    <row r="3184" ht="44" customHeight="true" s="1" customFormat="true" hidden="true" outlineLevel="3">
      <c r="A3184" s="6" t="s">
        <v>3572</v>
      </c>
      <c r="B3184" s="6" t="e"/>
      <c r="C3184" s="6" t="s">
        <v>1187</v>
      </c>
      <c r="D3184" s="6" t="s">
        <v>26</v>
      </c>
      <c r="E3184" s="6" t="e"/>
    </row>
    <row r="3185" ht="11" customHeight="true" s="1" customFormat="true" hidden="true" outlineLevel="3">
      <c r="A3185" s="6" t="s">
        <v>3573</v>
      </c>
      <c r="B3185" s="6" t="e"/>
      <c r="C3185" s="6" t="s">
        <v>939</v>
      </c>
      <c r="D3185" s="6" t="s">
        <v>11</v>
      </c>
      <c r="E3185" s="6" t="e"/>
    </row>
    <row r="3186" ht="44" customHeight="true" s="1" customFormat="true" hidden="true" outlineLevel="3">
      <c r="A3186" s="6" t="s">
        <v>3574</v>
      </c>
      <c r="B3186" s="6" t="e"/>
      <c r="C3186" s="6" t="s">
        <v>2678</v>
      </c>
      <c r="D3186" s="6" t="s">
        <v>11</v>
      </c>
      <c r="E3186" s="6" t="e"/>
    </row>
    <row r="3187" ht="33" customHeight="true" s="1" customFormat="true" hidden="true" outlineLevel="3">
      <c r="A3187" s="6" t="s">
        <v>3575</v>
      </c>
      <c r="B3187" s="6" t="e"/>
      <c r="C3187" s="6" t="s">
        <v>14</v>
      </c>
      <c r="D3187" s="6" t="s">
        <v>26</v>
      </c>
      <c r="E3187" s="6" t="e"/>
    </row>
    <row r="3188" ht="33" customHeight="true" s="1" customFormat="true" hidden="true" outlineLevel="3">
      <c r="A3188" s="6" t="s">
        <v>3576</v>
      </c>
      <c r="B3188" s="6" t="e"/>
      <c r="C3188" s="6" t="s">
        <v>2000</v>
      </c>
      <c r="D3188" s="6" t="s">
        <v>11</v>
      </c>
      <c r="E3188" s="6" t="e"/>
    </row>
    <row r="3189" ht="44" customHeight="true" s="1" customFormat="true" hidden="true" outlineLevel="3">
      <c r="A3189" s="6" t="s">
        <v>3577</v>
      </c>
      <c r="B3189" s="6" t="e"/>
      <c r="C3189" s="6" t="s">
        <v>78</v>
      </c>
      <c r="D3189" s="6" t="s">
        <v>11</v>
      </c>
      <c r="E3189" s="6" t="e"/>
    </row>
    <row r="3190" ht="33" customHeight="true" s="1" customFormat="true" hidden="true" outlineLevel="3">
      <c r="A3190" s="6" t="s">
        <v>3578</v>
      </c>
      <c r="B3190" s="6" t="e"/>
      <c r="C3190" s="6" t="s">
        <v>1655</v>
      </c>
      <c r="D3190" s="6" t="s">
        <v>11</v>
      </c>
      <c r="E3190" s="6" t="e"/>
    </row>
    <row r="3191" ht="44" customHeight="true" s="1" customFormat="true" hidden="true" outlineLevel="3">
      <c r="A3191" s="6" t="s">
        <v>3579</v>
      </c>
      <c r="B3191" s="6" t="e"/>
      <c r="C3191" s="6" t="s">
        <v>1655</v>
      </c>
      <c r="D3191" s="6" t="s">
        <v>11</v>
      </c>
      <c r="E3191" s="6" t="e"/>
    </row>
    <row r="3192" ht="44" customHeight="true" s="1" customFormat="true" hidden="true" outlineLevel="3">
      <c r="A3192" s="6" t="s">
        <v>3580</v>
      </c>
      <c r="B3192" s="6" t="e"/>
      <c r="C3192" s="6" t="s">
        <v>1655</v>
      </c>
      <c r="D3192" s="6" t="s">
        <v>11</v>
      </c>
      <c r="E3192" s="6" t="e"/>
    </row>
    <row r="3193" ht="33" customHeight="true" s="1" customFormat="true" hidden="true" outlineLevel="3">
      <c r="A3193" s="6" t="s">
        <v>3581</v>
      </c>
      <c r="B3193" s="6" t="e"/>
      <c r="C3193" s="6" t="s">
        <v>1284</v>
      </c>
      <c r="D3193" s="6" t="s">
        <v>26</v>
      </c>
      <c r="E3193" s="6" t="e"/>
    </row>
    <row r="3194" ht="33" customHeight="true" s="1" customFormat="true" hidden="true" outlineLevel="3">
      <c r="A3194" s="6" t="s">
        <v>3582</v>
      </c>
      <c r="B3194" s="6" t="e"/>
      <c r="C3194" s="6" t="s">
        <v>1655</v>
      </c>
      <c r="D3194" s="6" t="s">
        <v>11</v>
      </c>
      <c r="E3194" s="6" t="e"/>
    </row>
    <row r="3195" ht="33" customHeight="true" s="1" customFormat="true" hidden="true" outlineLevel="3">
      <c r="A3195" s="6" t="s">
        <v>3583</v>
      </c>
      <c r="B3195" s="6" t="e"/>
      <c r="C3195" s="6" t="s">
        <v>391</v>
      </c>
      <c r="D3195" s="6" t="s">
        <v>11</v>
      </c>
      <c r="E3195" s="6" t="e"/>
    </row>
    <row r="3196" ht="22" customHeight="true" s="1" customFormat="true" hidden="true" outlineLevel="3">
      <c r="A3196" s="6" t="s">
        <v>3584</v>
      </c>
      <c r="B3196" s="6" t="e"/>
      <c r="C3196" s="6" t="s">
        <v>391</v>
      </c>
      <c r="D3196" s="6" t="s">
        <v>26</v>
      </c>
      <c r="E3196" s="6" t="e"/>
    </row>
    <row r="3197" ht="33" customHeight="true" s="1" customFormat="true" hidden="true" outlineLevel="3">
      <c r="A3197" s="6" t="s">
        <v>3585</v>
      </c>
      <c r="B3197" s="6" t="e"/>
      <c r="C3197" s="6" t="s">
        <v>391</v>
      </c>
      <c r="D3197" s="6" t="s">
        <v>11</v>
      </c>
      <c r="E3197" s="6" t="e"/>
    </row>
    <row r="3198" ht="33" customHeight="true" s="1" customFormat="true" hidden="true" outlineLevel="3">
      <c r="A3198" s="6" t="s">
        <v>3586</v>
      </c>
      <c r="B3198" s="6" t="e"/>
      <c r="C3198" s="6" t="s">
        <v>391</v>
      </c>
      <c r="D3198" s="6" t="s">
        <v>11</v>
      </c>
      <c r="E3198" s="6" t="e"/>
    </row>
    <row r="3199" ht="33" customHeight="true" s="1" customFormat="true" hidden="true" outlineLevel="3">
      <c r="A3199" s="6" t="s">
        <v>3587</v>
      </c>
      <c r="B3199" s="6" t="e"/>
      <c r="C3199" s="6" t="s">
        <v>391</v>
      </c>
      <c r="D3199" s="6" t="s">
        <v>11</v>
      </c>
      <c r="E3199" s="6" t="e"/>
    </row>
    <row r="3200" ht="22" customHeight="true" s="1" customFormat="true" hidden="true" outlineLevel="3">
      <c r="A3200" s="6" t="s">
        <v>3588</v>
      </c>
      <c r="B3200" s="6" t="e"/>
      <c r="C3200" s="6" t="s">
        <v>391</v>
      </c>
      <c r="D3200" s="6" t="s">
        <v>11</v>
      </c>
      <c r="E3200" s="6" t="e"/>
    </row>
    <row r="3201" ht="22" customHeight="true" s="1" customFormat="true" hidden="true" outlineLevel="3">
      <c r="A3201" s="6" t="s">
        <v>3589</v>
      </c>
      <c r="B3201" s="6" t="e"/>
      <c r="C3201" s="6" t="s">
        <v>391</v>
      </c>
      <c r="D3201" s="6" t="s">
        <v>26</v>
      </c>
      <c r="E3201" s="6" t="e"/>
    </row>
    <row r="3202" ht="22" customHeight="true" s="1" customFormat="true" hidden="true" outlineLevel="3">
      <c r="A3202" s="6" t="s">
        <v>3590</v>
      </c>
      <c r="B3202" s="6" t="e"/>
      <c r="C3202" s="6" t="s">
        <v>391</v>
      </c>
      <c r="D3202" s="6" t="s">
        <v>26</v>
      </c>
      <c r="E3202" s="6" t="e"/>
    </row>
    <row r="3203" ht="22" customHeight="true" s="1" customFormat="true" hidden="true" outlineLevel="3">
      <c r="A3203" s="6" t="s">
        <v>3591</v>
      </c>
      <c r="B3203" s="6" t="e"/>
      <c r="C3203" s="6" t="s">
        <v>371</v>
      </c>
      <c r="D3203" s="6" t="s">
        <v>11</v>
      </c>
      <c r="E3203" s="6" t="e"/>
    </row>
    <row r="3204" ht="22" customHeight="true" s="1" customFormat="true" hidden="true" outlineLevel="3">
      <c r="A3204" s="6" t="s">
        <v>3592</v>
      </c>
      <c r="B3204" s="6" t="e"/>
      <c r="C3204" s="6" t="s">
        <v>77</v>
      </c>
      <c r="D3204" s="6" t="s">
        <v>26</v>
      </c>
      <c r="E3204" s="6" t="e"/>
    </row>
    <row r="3205" ht="22" customHeight="true" s="1" customFormat="true" hidden="true" outlineLevel="3">
      <c r="A3205" s="6" t="s">
        <v>3593</v>
      </c>
      <c r="B3205" s="6" t="e"/>
      <c r="C3205" s="6" t="s">
        <v>82</v>
      </c>
      <c r="D3205" s="6" t="s">
        <v>11</v>
      </c>
      <c r="E3205" s="6" t="e"/>
    </row>
    <row r="3206" ht="22" customHeight="true" s="1" customFormat="true" hidden="true" outlineLevel="3">
      <c r="A3206" s="6" t="s">
        <v>3594</v>
      </c>
      <c r="B3206" s="6" t="e"/>
      <c r="C3206" s="6" t="s">
        <v>126</v>
      </c>
      <c r="D3206" s="6" t="s">
        <v>11</v>
      </c>
      <c r="E3206" s="6" t="e"/>
    </row>
    <row r="3207" ht="22" customHeight="true" s="1" customFormat="true" hidden="true" outlineLevel="3">
      <c r="A3207" s="6" t="s">
        <v>3595</v>
      </c>
      <c r="B3207" s="6" t="e"/>
      <c r="C3207" s="6" t="s">
        <v>371</v>
      </c>
      <c r="D3207" s="6" t="s">
        <v>11</v>
      </c>
      <c r="E3207" s="6" t="e"/>
    </row>
    <row r="3208" ht="22" customHeight="true" s="1" customFormat="true" hidden="true" outlineLevel="3">
      <c r="A3208" s="6" t="s">
        <v>3596</v>
      </c>
      <c r="B3208" s="6" t="e"/>
      <c r="C3208" s="6" t="s">
        <v>77</v>
      </c>
      <c r="D3208" s="6" t="s">
        <v>11</v>
      </c>
      <c r="E3208" s="6" t="e"/>
    </row>
    <row r="3209" ht="33" customHeight="true" s="1" customFormat="true" hidden="true" outlineLevel="3">
      <c r="A3209" s="6" t="s">
        <v>3597</v>
      </c>
      <c r="B3209" s="6" t="e"/>
      <c r="C3209" s="6" t="s">
        <v>371</v>
      </c>
      <c r="D3209" s="6" t="s">
        <v>26</v>
      </c>
      <c r="E3209" s="6" t="e"/>
    </row>
    <row r="3210" ht="33" customHeight="true" s="1" customFormat="true" hidden="true" outlineLevel="3">
      <c r="A3210" s="6" t="s">
        <v>3598</v>
      </c>
      <c r="B3210" s="6" t="e"/>
      <c r="C3210" s="6" t="s">
        <v>50</v>
      </c>
      <c r="D3210" s="6" t="s">
        <v>11</v>
      </c>
      <c r="E3210" s="6" t="e"/>
    </row>
    <row r="3211" ht="22" customHeight="true" s="1" customFormat="true" hidden="true" outlineLevel="3">
      <c r="A3211" s="6" t="s">
        <v>3599</v>
      </c>
      <c r="B3211" s="6" t="e"/>
      <c r="C3211" s="6" t="s">
        <v>142</v>
      </c>
      <c r="D3211" s="6" t="s">
        <v>11</v>
      </c>
      <c r="E3211" s="6" t="e"/>
    </row>
    <row r="3212" ht="33" customHeight="true" s="1" customFormat="true" hidden="true" outlineLevel="3">
      <c r="A3212" s="6" t="s">
        <v>3600</v>
      </c>
      <c r="B3212" s="6" t="e"/>
      <c r="C3212" s="6" t="s">
        <v>371</v>
      </c>
      <c r="D3212" s="6" t="s">
        <v>26</v>
      </c>
      <c r="E3212" s="6" t="e"/>
    </row>
    <row r="3213" ht="33" customHeight="true" s="1" customFormat="true" hidden="true" outlineLevel="3">
      <c r="A3213" s="6" t="s">
        <v>3601</v>
      </c>
      <c r="B3213" s="6" t="e"/>
      <c r="C3213" s="6" t="s">
        <v>371</v>
      </c>
      <c r="D3213" s="6" t="s">
        <v>26</v>
      </c>
      <c r="E3213" s="6" t="e"/>
    </row>
    <row r="3214" ht="33" customHeight="true" s="1" customFormat="true" hidden="true" outlineLevel="3">
      <c r="A3214" s="6" t="s">
        <v>3602</v>
      </c>
      <c r="B3214" s="6" t="e"/>
      <c r="C3214" s="6" t="s">
        <v>78</v>
      </c>
      <c r="D3214" s="6" t="s">
        <v>11</v>
      </c>
      <c r="E3214" s="6" t="e"/>
    </row>
    <row r="3215" ht="22" customHeight="true" s="1" customFormat="true" hidden="true" outlineLevel="3">
      <c r="A3215" s="6" t="s">
        <v>3603</v>
      </c>
      <c r="B3215" s="6" t="e"/>
      <c r="C3215" s="6" t="s">
        <v>77</v>
      </c>
      <c r="D3215" s="6" t="s">
        <v>11</v>
      </c>
      <c r="E3215" s="6" t="e"/>
    </row>
    <row r="3216" ht="33" customHeight="true" s="1" customFormat="true" hidden="true" outlineLevel="3">
      <c r="A3216" s="6" t="s">
        <v>3604</v>
      </c>
      <c r="B3216" s="6" t="e"/>
      <c r="C3216" s="6" t="s">
        <v>77</v>
      </c>
      <c r="D3216" s="6" t="s">
        <v>11</v>
      </c>
      <c r="E3216" s="6" t="e"/>
    </row>
    <row r="3217" ht="22" customHeight="true" s="1" customFormat="true" hidden="true" outlineLevel="3">
      <c r="A3217" s="6" t="s">
        <v>3605</v>
      </c>
      <c r="B3217" s="6" t="e"/>
      <c r="C3217" s="6" t="s">
        <v>371</v>
      </c>
      <c r="D3217" s="6" t="s">
        <v>11</v>
      </c>
      <c r="E3217" s="6" t="e"/>
    </row>
    <row r="3218" ht="22" customHeight="true" s="1" customFormat="true" hidden="true" outlineLevel="3">
      <c r="A3218" s="6" t="s">
        <v>3606</v>
      </c>
      <c r="B3218" s="6" t="e"/>
      <c r="C3218" s="6" t="s">
        <v>126</v>
      </c>
      <c r="D3218" s="6" t="s">
        <v>26</v>
      </c>
      <c r="E3218" s="6" t="e"/>
    </row>
    <row r="3219" ht="22" customHeight="true" s="1" customFormat="true" hidden="true" outlineLevel="3">
      <c r="A3219" s="6" t="s">
        <v>3607</v>
      </c>
      <c r="B3219" s="6" t="e"/>
      <c r="C3219" s="6" t="s">
        <v>371</v>
      </c>
      <c r="D3219" s="6" t="s">
        <v>11</v>
      </c>
      <c r="E3219" s="6" t="e"/>
    </row>
    <row r="3220" ht="22" customHeight="true" s="1" customFormat="true" hidden="true" outlineLevel="3">
      <c r="A3220" s="6" t="s">
        <v>3608</v>
      </c>
      <c r="B3220" s="6" t="e"/>
      <c r="C3220" s="6" t="s">
        <v>155</v>
      </c>
      <c r="D3220" s="6" t="s">
        <v>11</v>
      </c>
      <c r="E3220" s="6" t="e"/>
    </row>
    <row r="3221" ht="22" customHeight="true" s="1" customFormat="true" hidden="true" outlineLevel="3">
      <c r="A3221" s="6" t="s">
        <v>3609</v>
      </c>
      <c r="B3221" s="6" t="e"/>
      <c r="C3221" s="6" t="s">
        <v>55</v>
      </c>
      <c r="D3221" s="6" t="s">
        <v>11</v>
      </c>
      <c r="E3221" s="6" t="e"/>
    </row>
    <row r="3222" ht="22" customHeight="true" s="1" customFormat="true" hidden="true" outlineLevel="3">
      <c r="A3222" s="6" t="s">
        <v>3610</v>
      </c>
      <c r="B3222" s="6" t="e"/>
      <c r="C3222" s="6" t="s">
        <v>364</v>
      </c>
      <c r="D3222" s="6" t="s">
        <v>11</v>
      </c>
      <c r="E3222" s="6" t="e"/>
    </row>
    <row r="3223" ht="22" customHeight="true" s="1" customFormat="true" hidden="true" collapsed="true" outlineLevel="3">
      <c r="A3223" s="6" t="s">
        <v>3611</v>
      </c>
      <c r="B3223" s="6" t="e"/>
      <c r="C3223" s="6" t="s">
        <v>126</v>
      </c>
      <c r="D3223" s="6" t="s">
        <v>11</v>
      </c>
      <c r="E3223" s="6" t="e"/>
    </row>
    <row r="3224" ht="11" customHeight="true" s="1" customFormat="true" hidden="true" collapsed="true" outlineLevel="2">
      <c r="A3224" s="5" t="s">
        <v>3612</v>
      </c>
      <c r="B3224" s="5" t="e"/>
      <c r="C3224" s="5" t="e"/>
      <c r="D3224" s="5" t="e"/>
      <c r="E3224" s="5" t="e"/>
    </row>
    <row r="3225" ht="33" customHeight="true" s="1" customFormat="true" hidden="true" outlineLevel="3">
      <c r="A3225" s="6" t="s">
        <v>3613</v>
      </c>
      <c r="B3225" s="6" t="e"/>
      <c r="C3225" s="6" t="s">
        <v>28</v>
      </c>
      <c r="D3225" s="6" t="s">
        <v>11</v>
      </c>
      <c r="E3225" s="6" t="e"/>
    </row>
    <row r="3226" ht="33" customHeight="true" s="1" customFormat="true" hidden="true" outlineLevel="3">
      <c r="A3226" s="6" t="s">
        <v>3614</v>
      </c>
      <c r="B3226" s="6" t="e"/>
      <c r="C3226" s="6" t="s">
        <v>279</v>
      </c>
      <c r="D3226" s="6" t="s">
        <v>11</v>
      </c>
      <c r="E3226" s="6" t="e"/>
    </row>
    <row r="3227" ht="33" customHeight="true" s="1" customFormat="true" hidden="true" outlineLevel="3">
      <c r="A3227" s="6" t="s">
        <v>3615</v>
      </c>
      <c r="B3227" s="6" t="e"/>
      <c r="C3227" s="6" t="s">
        <v>279</v>
      </c>
      <c r="D3227" s="6" t="s">
        <v>11</v>
      </c>
      <c r="E3227" s="6" t="e"/>
    </row>
    <row r="3228" ht="33" customHeight="true" s="1" customFormat="true" hidden="true" outlineLevel="3">
      <c r="A3228" s="6" t="s">
        <v>3616</v>
      </c>
      <c r="B3228" s="6" t="e"/>
      <c r="C3228" s="6" t="s">
        <v>1187</v>
      </c>
      <c r="D3228" s="6" t="s">
        <v>11</v>
      </c>
      <c r="E3228" s="6" t="e"/>
    </row>
    <row r="3229" ht="33" customHeight="true" s="1" customFormat="true" hidden="true" outlineLevel="3">
      <c r="A3229" s="6" t="s">
        <v>3617</v>
      </c>
      <c r="B3229" s="6" t="e"/>
      <c r="C3229" s="6" t="s">
        <v>1187</v>
      </c>
      <c r="D3229" s="6" t="s">
        <v>11</v>
      </c>
      <c r="E3229" s="6" t="e"/>
    </row>
    <row r="3230" ht="44" customHeight="true" s="1" customFormat="true" hidden="true" outlineLevel="3">
      <c r="A3230" s="6" t="s">
        <v>3618</v>
      </c>
      <c r="B3230" s="6" t="e"/>
      <c r="C3230" s="6" t="s">
        <v>1187</v>
      </c>
      <c r="D3230" s="6" t="s">
        <v>11</v>
      </c>
      <c r="E3230" s="6" t="e"/>
    </row>
    <row r="3231" ht="44" customHeight="true" s="1" customFormat="true" hidden="true" outlineLevel="3">
      <c r="A3231" s="6" t="s">
        <v>3619</v>
      </c>
      <c r="B3231" s="6" t="e"/>
      <c r="C3231" s="6" t="s">
        <v>1187</v>
      </c>
      <c r="D3231" s="6" t="s">
        <v>11</v>
      </c>
      <c r="E3231" s="6" t="e"/>
    </row>
    <row r="3232" ht="44" customHeight="true" s="1" customFormat="true" hidden="true" outlineLevel="3">
      <c r="A3232" s="6" t="s">
        <v>3620</v>
      </c>
      <c r="B3232" s="6" t="e"/>
      <c r="C3232" s="6" t="s">
        <v>10</v>
      </c>
      <c r="D3232" s="6" t="s">
        <v>11</v>
      </c>
      <c r="E3232" s="6" t="e"/>
    </row>
    <row r="3233" ht="44" customHeight="true" s="1" customFormat="true" hidden="true" collapsed="true" outlineLevel="3">
      <c r="A3233" s="6" t="s">
        <v>3621</v>
      </c>
      <c r="B3233" s="6" t="e"/>
      <c r="C3233" s="6" t="s">
        <v>10</v>
      </c>
      <c r="D3233" s="6" t="s">
        <v>11</v>
      </c>
      <c r="E3233" s="6" t="e"/>
    </row>
    <row r="3234" ht="11" customHeight="true" s="1" customFormat="true" hidden="true" collapsed="true" outlineLevel="2">
      <c r="A3234" s="5" t="s">
        <v>3622</v>
      </c>
      <c r="B3234" s="5" t="e"/>
      <c r="C3234" s="5" t="e"/>
      <c r="D3234" s="5" t="e"/>
      <c r="E3234" s="5" t="e"/>
    </row>
    <row r="3235" ht="33" customHeight="true" s="1" customFormat="true" hidden="true" outlineLevel="3">
      <c r="A3235" s="6" t="s">
        <v>3623</v>
      </c>
      <c r="B3235" s="6" t="e"/>
      <c r="C3235" s="6" t="s">
        <v>2253</v>
      </c>
      <c r="D3235" s="6" t="s">
        <v>11</v>
      </c>
      <c r="E3235" s="6" t="e"/>
    </row>
    <row r="3236" ht="33" customHeight="true" s="1" customFormat="true" hidden="true" outlineLevel="3">
      <c r="A3236" s="6" t="s">
        <v>3624</v>
      </c>
      <c r="B3236" s="6" t="e"/>
      <c r="C3236" s="6" t="s">
        <v>2253</v>
      </c>
      <c r="D3236" s="6" t="s">
        <v>11</v>
      </c>
      <c r="E3236" s="6" t="e"/>
    </row>
    <row r="3237" ht="33" customHeight="true" s="1" customFormat="true" hidden="true" outlineLevel="3">
      <c r="A3237" s="6" t="s">
        <v>3625</v>
      </c>
      <c r="B3237" s="6" t="e"/>
      <c r="C3237" s="6" t="s">
        <v>3198</v>
      </c>
      <c r="D3237" s="6" t="s">
        <v>11</v>
      </c>
      <c r="E3237" s="6" t="e"/>
    </row>
    <row r="3238" ht="22" customHeight="true" s="1" customFormat="true" hidden="true" outlineLevel="3">
      <c r="A3238" s="6" t="s">
        <v>3626</v>
      </c>
      <c r="B3238" s="6" t="e"/>
      <c r="C3238" s="6" t="s">
        <v>78</v>
      </c>
      <c r="D3238" s="6" t="s">
        <v>11</v>
      </c>
      <c r="E3238" s="6" t="e"/>
    </row>
    <row r="3239" ht="11" customHeight="true" s="1" customFormat="true" hidden="true" outlineLevel="3">
      <c r="A3239" s="6" t="s">
        <v>3627</v>
      </c>
      <c r="B3239" s="6" t="e"/>
      <c r="C3239" s="6" t="s">
        <v>78</v>
      </c>
      <c r="D3239" s="6" t="s">
        <v>11</v>
      </c>
      <c r="E3239" s="6" t="e"/>
    </row>
    <row r="3240" ht="33" customHeight="true" s="1" customFormat="true" hidden="true" outlineLevel="3">
      <c r="A3240" s="6" t="s">
        <v>3628</v>
      </c>
      <c r="B3240" s="6" t="e"/>
      <c r="C3240" s="6" t="s">
        <v>1187</v>
      </c>
      <c r="D3240" s="6" t="s">
        <v>11</v>
      </c>
      <c r="E3240" s="6" t="e"/>
    </row>
    <row r="3241" ht="33" customHeight="true" s="1" customFormat="true" hidden="true" outlineLevel="3">
      <c r="A3241" s="6" t="s">
        <v>3629</v>
      </c>
      <c r="B3241" s="6" t="e"/>
      <c r="C3241" s="6" t="s">
        <v>2678</v>
      </c>
      <c r="D3241" s="6" t="s">
        <v>11</v>
      </c>
      <c r="E3241" s="6" t="e"/>
    </row>
    <row r="3242" ht="33" customHeight="true" s="1" customFormat="true" hidden="true" outlineLevel="3">
      <c r="A3242" s="6" t="s">
        <v>3630</v>
      </c>
      <c r="B3242" s="6" t="e"/>
      <c r="C3242" s="6" t="s">
        <v>1655</v>
      </c>
      <c r="D3242" s="6" t="s">
        <v>11</v>
      </c>
      <c r="E3242" s="6" t="e"/>
    </row>
    <row r="3243" ht="33" customHeight="true" s="1" customFormat="true" hidden="true" outlineLevel="3">
      <c r="A3243" s="6" t="s">
        <v>3631</v>
      </c>
      <c r="B3243" s="6" t="e"/>
      <c r="C3243" s="6" t="s">
        <v>2253</v>
      </c>
      <c r="D3243" s="6" t="s">
        <v>11</v>
      </c>
      <c r="E3243" s="6" t="e"/>
    </row>
    <row r="3244" ht="33" customHeight="true" s="1" customFormat="true" hidden="true" outlineLevel="3">
      <c r="A3244" s="6" t="s">
        <v>3632</v>
      </c>
      <c r="B3244" s="6" t="e"/>
      <c r="C3244" s="6" t="s">
        <v>2253</v>
      </c>
      <c r="D3244" s="6" t="s">
        <v>11</v>
      </c>
      <c r="E3244" s="6" t="e"/>
    </row>
    <row r="3245" ht="33" customHeight="true" s="1" customFormat="true" hidden="true" outlineLevel="3">
      <c r="A3245" s="6" t="s">
        <v>3633</v>
      </c>
      <c r="B3245" s="6" t="e"/>
      <c r="C3245" s="6" t="s">
        <v>2253</v>
      </c>
      <c r="D3245" s="6" t="s">
        <v>11</v>
      </c>
      <c r="E3245" s="6" t="e"/>
    </row>
    <row r="3246" ht="33" customHeight="true" s="1" customFormat="true" hidden="true" outlineLevel="3">
      <c r="A3246" s="6" t="s">
        <v>3634</v>
      </c>
      <c r="B3246" s="6" t="e"/>
      <c r="C3246" s="6" t="s">
        <v>2253</v>
      </c>
      <c r="D3246" s="6" t="s">
        <v>11</v>
      </c>
      <c r="E3246" s="6" t="e"/>
    </row>
    <row r="3247" ht="33" customHeight="true" s="1" customFormat="true" hidden="true" outlineLevel="3">
      <c r="A3247" s="6" t="s">
        <v>3635</v>
      </c>
      <c r="B3247" s="6" t="e"/>
      <c r="C3247" s="6" t="s">
        <v>2253</v>
      </c>
      <c r="D3247" s="6" t="s">
        <v>11</v>
      </c>
      <c r="E3247" s="6" t="e"/>
    </row>
    <row r="3248" ht="11" customHeight="true" s="1" customFormat="true" hidden="true" outlineLevel="3">
      <c r="A3248" s="6" t="s">
        <v>3636</v>
      </c>
      <c r="B3248" s="6" t="e"/>
      <c r="C3248" s="6" t="s">
        <v>369</v>
      </c>
      <c r="D3248" s="6" t="s">
        <v>11</v>
      </c>
      <c r="E3248" s="6" t="e"/>
    </row>
    <row r="3249" ht="11" customHeight="true" s="1" customFormat="true" hidden="true" outlineLevel="3">
      <c r="A3249" s="6" t="s">
        <v>3637</v>
      </c>
      <c r="B3249" s="6" t="e"/>
      <c r="C3249" s="6" t="s">
        <v>2768</v>
      </c>
      <c r="D3249" s="6" t="s">
        <v>11</v>
      </c>
      <c r="E3249" s="6" t="e"/>
    </row>
    <row r="3250" ht="33" customHeight="true" s="1" customFormat="true" hidden="true" outlineLevel="3">
      <c r="A3250" s="6" t="s">
        <v>3638</v>
      </c>
      <c r="B3250" s="6" t="e"/>
      <c r="C3250" s="6" t="s">
        <v>78</v>
      </c>
      <c r="D3250" s="6" t="s">
        <v>11</v>
      </c>
      <c r="E3250" s="6" t="e"/>
    </row>
    <row r="3251" ht="11" customHeight="true" s="1" customFormat="true" hidden="true" collapsed="true" outlineLevel="3">
      <c r="A3251" s="6" t="s">
        <v>3639</v>
      </c>
      <c r="B3251" s="6" t="e"/>
      <c r="C3251" s="6" t="s">
        <v>82</v>
      </c>
      <c r="D3251" s="6" t="s">
        <v>11</v>
      </c>
      <c r="E3251" s="6" t="e"/>
    </row>
    <row r="3252" ht="11" customHeight="true" s="1" customFormat="true" hidden="true" collapsed="true" outlineLevel="2">
      <c r="A3252" s="5" t="s">
        <v>3640</v>
      </c>
      <c r="B3252" s="5" t="e"/>
      <c r="C3252" s="5" t="e"/>
      <c r="D3252" s="5" t="e"/>
      <c r="E3252" s="5" t="e"/>
    </row>
    <row r="3253" ht="22" customHeight="true" s="1" customFormat="true" hidden="true" outlineLevel="3">
      <c r="A3253" s="6" t="s">
        <v>3641</v>
      </c>
      <c r="B3253" s="6" t="e"/>
      <c r="C3253" s="6" t="s">
        <v>391</v>
      </c>
      <c r="D3253" s="6" t="s">
        <v>11</v>
      </c>
      <c r="E3253" s="6" t="e"/>
    </row>
    <row r="3254" ht="44" customHeight="true" s="1" customFormat="true" hidden="true" outlineLevel="3">
      <c r="A3254" s="6" t="s">
        <v>3642</v>
      </c>
      <c r="B3254" s="6" t="e"/>
      <c r="C3254" s="6" t="s">
        <v>272</v>
      </c>
      <c r="D3254" s="6" t="s">
        <v>11</v>
      </c>
      <c r="E3254" s="6" t="e"/>
    </row>
    <row r="3255" ht="56" customHeight="true" s="1" customFormat="true" hidden="true" outlineLevel="3">
      <c r="A3255" s="6" t="s">
        <v>3643</v>
      </c>
      <c r="B3255" s="6" t="e"/>
      <c r="C3255" s="6" t="s">
        <v>279</v>
      </c>
      <c r="D3255" s="6" t="s">
        <v>11</v>
      </c>
      <c r="E3255" s="6" t="e"/>
    </row>
    <row r="3256" ht="33" customHeight="true" s="1" customFormat="true" hidden="true" outlineLevel="3">
      <c r="A3256" s="6" t="s">
        <v>3644</v>
      </c>
      <c r="B3256" s="6" t="e"/>
      <c r="C3256" s="6" t="s">
        <v>78</v>
      </c>
      <c r="D3256" s="6" t="s">
        <v>26</v>
      </c>
      <c r="E3256" s="6" t="e"/>
    </row>
    <row r="3257" ht="33" customHeight="true" s="1" customFormat="true" hidden="true" outlineLevel="3">
      <c r="A3257" s="6" t="s">
        <v>3645</v>
      </c>
      <c r="B3257" s="6" t="e"/>
      <c r="C3257" s="6" t="s">
        <v>2253</v>
      </c>
      <c r="D3257" s="6" t="s">
        <v>11</v>
      </c>
      <c r="E3257" s="6" t="e"/>
    </row>
    <row r="3258" ht="22" customHeight="true" s="1" customFormat="true" hidden="true" outlineLevel="3">
      <c r="A3258" s="6" t="s">
        <v>3646</v>
      </c>
      <c r="B3258" s="6" t="e"/>
      <c r="C3258" s="6" t="s">
        <v>391</v>
      </c>
      <c r="D3258" s="6" t="s">
        <v>11</v>
      </c>
      <c r="E3258" s="6" t="e"/>
    </row>
    <row r="3259" ht="22" customHeight="true" s="1" customFormat="true" hidden="true" collapsed="true" outlineLevel="3">
      <c r="A3259" s="6" t="s">
        <v>3647</v>
      </c>
      <c r="B3259" s="6" t="e"/>
      <c r="C3259" s="6" t="s">
        <v>391</v>
      </c>
      <c r="D3259" s="6" t="s">
        <v>26</v>
      </c>
      <c r="E3259" s="6" t="e"/>
    </row>
    <row r="3260" ht="11" customHeight="true" s="1" customFormat="true" hidden="true" collapsed="true" outlineLevel="2">
      <c r="A3260" s="5" t="s">
        <v>3648</v>
      </c>
      <c r="B3260" s="5" t="e"/>
      <c r="C3260" s="5" t="e"/>
      <c r="D3260" s="5" t="e"/>
      <c r="E3260" s="5" t="e"/>
    </row>
    <row r="3261" ht="22" customHeight="true" s="1" customFormat="true" hidden="true" outlineLevel="3">
      <c r="A3261" s="6" t="s">
        <v>3649</v>
      </c>
      <c r="B3261" s="6" t="e"/>
      <c r="C3261" s="6" t="s">
        <v>1212</v>
      </c>
      <c r="D3261" s="6" t="s">
        <v>11</v>
      </c>
      <c r="E3261" s="6" t="e"/>
    </row>
    <row r="3262" ht="11" customHeight="true" collapsed="true" outlineLevel="1">
      <c r="A3262" s="5" t="s">
        <v>3650</v>
      </c>
      <c r="B3262" s="5" t="e"/>
      <c r="C3262" s="5" t="e"/>
      <c r="D3262" s="5" t="e"/>
      <c r="E3262" s="5" t="e"/>
    </row>
    <row r="3263" ht="11" customHeight="true" s="1" customFormat="true" hidden="true" collapsed="true" outlineLevel="2">
      <c r="A3263" s="5" t="s">
        <v>3651</v>
      </c>
      <c r="B3263" s="5" t="e"/>
      <c r="C3263" s="5" t="e"/>
      <c r="D3263" s="5" t="e"/>
      <c r="E3263" s="5" t="e"/>
    </row>
    <row r="3264" ht="33" customHeight="true" s="1" customFormat="true" hidden="true" collapsed="true" outlineLevel="3">
      <c r="A3264" s="6" t="s">
        <v>3652</v>
      </c>
      <c r="B3264" s="6" t="e"/>
      <c r="C3264" s="6" t="s">
        <v>242</v>
      </c>
      <c r="D3264" s="6" t="s">
        <v>40</v>
      </c>
      <c r="E3264" s="6" t="e"/>
    </row>
    <row r="3265" ht="11" customHeight="true" s="1" customFormat="true" hidden="true" collapsed="true" outlineLevel="2">
      <c r="A3265" s="5" t="s">
        <v>3653</v>
      </c>
      <c r="B3265" s="5" t="e"/>
      <c r="C3265" s="5" t="e"/>
      <c r="D3265" s="5" t="e"/>
      <c r="E3265" s="5" t="e"/>
    </row>
    <row r="3266" ht="22" customHeight="true" s="1" customFormat="true" hidden="true" outlineLevel="3">
      <c r="A3266" s="6" t="s">
        <v>3654</v>
      </c>
      <c r="B3266" s="6" t="e"/>
      <c r="C3266" s="6" t="s">
        <v>219</v>
      </c>
      <c r="D3266" s="6" t="s">
        <v>26</v>
      </c>
      <c r="E3266" s="6" t="e"/>
    </row>
    <row r="3267" ht="33" customHeight="true" s="1" customFormat="true" hidden="true" outlineLevel="3">
      <c r="A3267" s="6" t="s">
        <v>3655</v>
      </c>
      <c r="B3267" s="6" t="e"/>
      <c r="C3267" s="6" t="s">
        <v>292</v>
      </c>
      <c r="D3267" s="6" t="s">
        <v>11</v>
      </c>
      <c r="E3267" s="6" t="e"/>
    </row>
    <row r="3268" ht="22" customHeight="true" s="1" customFormat="true" hidden="true" outlineLevel="3">
      <c r="A3268" s="6" t="s">
        <v>3656</v>
      </c>
      <c r="B3268" s="6" t="e"/>
      <c r="C3268" s="6" t="s">
        <v>149</v>
      </c>
      <c r="D3268" s="6" t="s">
        <v>40</v>
      </c>
      <c r="E3268" s="6" t="e"/>
    </row>
    <row r="3269" ht="22" customHeight="true" s="1" customFormat="true" hidden="true" outlineLevel="3">
      <c r="A3269" s="6" t="s">
        <v>3657</v>
      </c>
      <c r="B3269" s="6" t="e"/>
      <c r="C3269" s="6" t="s">
        <v>149</v>
      </c>
      <c r="D3269" s="6" t="s">
        <v>40</v>
      </c>
      <c r="E3269" s="6" t="e"/>
    </row>
    <row r="3270" ht="22" customHeight="true" s="1" customFormat="true" hidden="true" outlineLevel="3">
      <c r="A3270" s="6" t="s">
        <v>3658</v>
      </c>
      <c r="B3270" s="6" t="e"/>
      <c r="C3270" s="6" t="s">
        <v>149</v>
      </c>
      <c r="D3270" s="6" t="s">
        <v>26</v>
      </c>
      <c r="E3270" s="6" t="e"/>
    </row>
    <row r="3271" ht="22" customHeight="true" s="1" customFormat="true" hidden="true" outlineLevel="3">
      <c r="A3271" s="6" t="s">
        <v>3659</v>
      </c>
      <c r="B3271" s="6" t="e"/>
      <c r="C3271" s="6" t="s">
        <v>103</v>
      </c>
      <c r="D3271" s="6" t="s">
        <v>11</v>
      </c>
      <c r="E3271" s="6" t="e"/>
    </row>
    <row r="3272" ht="22" customHeight="true" s="1" customFormat="true" hidden="true" outlineLevel="3">
      <c r="A3272" s="6" t="s">
        <v>3660</v>
      </c>
      <c r="B3272" s="6" t="e"/>
      <c r="C3272" s="6" t="s">
        <v>141</v>
      </c>
      <c r="D3272" s="6" t="s">
        <v>11</v>
      </c>
      <c r="E3272" s="6" t="e"/>
    </row>
    <row r="3273" ht="22" customHeight="true" s="1" customFormat="true" hidden="true" outlineLevel="3">
      <c r="A3273" s="6" t="s">
        <v>3661</v>
      </c>
      <c r="B3273" s="6" t="e"/>
      <c r="C3273" s="6" t="s">
        <v>99</v>
      </c>
      <c r="D3273" s="6" t="s">
        <v>11</v>
      </c>
      <c r="E3273" s="6" t="e"/>
    </row>
    <row r="3274" ht="22" customHeight="true" s="1" customFormat="true" hidden="true" outlineLevel="3">
      <c r="A3274" s="6" t="s">
        <v>3662</v>
      </c>
      <c r="B3274" s="6" t="e"/>
      <c r="C3274" s="6" t="s">
        <v>188</v>
      </c>
      <c r="D3274" s="6" t="s">
        <v>26</v>
      </c>
      <c r="E3274" s="6" t="e"/>
    </row>
    <row r="3275" ht="22" customHeight="true" s="1" customFormat="true" hidden="true" outlineLevel="3">
      <c r="A3275" s="6" t="s">
        <v>3663</v>
      </c>
      <c r="B3275" s="6" t="e"/>
      <c r="C3275" s="6" t="s">
        <v>99</v>
      </c>
      <c r="D3275" s="6" t="s">
        <v>11</v>
      </c>
      <c r="E3275" s="6" t="e"/>
    </row>
    <row r="3276" ht="22" customHeight="true" s="1" customFormat="true" hidden="true" outlineLevel="3">
      <c r="A3276" s="6" t="s">
        <v>3664</v>
      </c>
      <c r="B3276" s="6" t="e"/>
      <c r="C3276" s="6" t="s">
        <v>142</v>
      </c>
      <c r="D3276" s="6" t="s">
        <v>11</v>
      </c>
      <c r="E3276" s="6" t="e"/>
    </row>
    <row r="3277" ht="22" customHeight="true" s="1" customFormat="true" hidden="true" outlineLevel="3">
      <c r="A3277" s="6" t="s">
        <v>3665</v>
      </c>
      <c r="B3277" s="6" t="e"/>
      <c r="C3277" s="6" t="s">
        <v>142</v>
      </c>
      <c r="D3277" s="6" t="s">
        <v>11</v>
      </c>
      <c r="E3277" s="6" t="e"/>
    </row>
    <row r="3278" ht="22" customHeight="true" s="1" customFormat="true" hidden="true" outlineLevel="3">
      <c r="A3278" s="6" t="s">
        <v>3666</v>
      </c>
      <c r="B3278" s="6" t="e"/>
      <c r="C3278" s="6" t="s">
        <v>103</v>
      </c>
      <c r="D3278" s="6" t="s">
        <v>11</v>
      </c>
      <c r="E3278" s="6" t="e"/>
    </row>
    <row r="3279" ht="33" customHeight="true" s="1" customFormat="true" hidden="true" outlineLevel="3">
      <c r="A3279" s="6" t="s">
        <v>3667</v>
      </c>
      <c r="B3279" s="6" t="e"/>
      <c r="C3279" s="6" t="s">
        <v>142</v>
      </c>
      <c r="D3279" s="6" t="s">
        <v>40</v>
      </c>
      <c r="E3279" s="6" t="e"/>
    </row>
    <row r="3280" ht="22" customHeight="true" s="1" customFormat="true" hidden="true" outlineLevel="3">
      <c r="A3280" s="6" t="s">
        <v>3668</v>
      </c>
      <c r="B3280" s="6" t="e"/>
      <c r="C3280" s="6" t="s">
        <v>126</v>
      </c>
      <c r="D3280" s="6" t="s">
        <v>123</v>
      </c>
      <c r="E3280" s="6" t="e"/>
    </row>
    <row r="3281" ht="22" customHeight="true" s="1" customFormat="true" hidden="true" outlineLevel="3">
      <c r="A3281" s="6" t="s">
        <v>3669</v>
      </c>
      <c r="B3281" s="6" t="e"/>
      <c r="C3281" s="6" t="s">
        <v>155</v>
      </c>
      <c r="D3281" s="6" t="s">
        <v>40</v>
      </c>
      <c r="E3281" s="6" t="e"/>
    </row>
    <row r="3282" ht="22" customHeight="true" s="1" customFormat="true" hidden="true" outlineLevel="3">
      <c r="A3282" s="6" t="s">
        <v>3670</v>
      </c>
      <c r="B3282" s="6" t="e"/>
      <c r="C3282" s="6" t="s">
        <v>149</v>
      </c>
      <c r="D3282" s="6" t="s">
        <v>26</v>
      </c>
      <c r="E3282" s="6" t="e"/>
    </row>
    <row r="3283" ht="22" customHeight="true" s="1" customFormat="true" hidden="true" collapsed="true" outlineLevel="3">
      <c r="A3283" s="6" t="s">
        <v>3671</v>
      </c>
      <c r="B3283" s="6" t="e"/>
      <c r="C3283" s="6" t="s">
        <v>225</v>
      </c>
      <c r="D3283" s="6" t="s">
        <v>15</v>
      </c>
      <c r="E3283" s="6" t="e"/>
    </row>
    <row r="3284" ht="11" customHeight="true" s="1" customFormat="true" hidden="true" collapsed="true" outlineLevel="2">
      <c r="A3284" s="5" t="s">
        <v>3672</v>
      </c>
      <c r="B3284" s="5" t="e"/>
      <c r="C3284" s="5" t="e"/>
      <c r="D3284" s="5" t="e"/>
      <c r="E3284" s="5" t="e"/>
    </row>
    <row r="3285" ht="33" customHeight="true" s="1" customFormat="true" hidden="true" collapsed="true" outlineLevel="3">
      <c r="A3285" s="6" t="s">
        <v>3673</v>
      </c>
      <c r="B3285" s="6" t="e"/>
      <c r="C3285" s="6" t="s">
        <v>371</v>
      </c>
      <c r="D3285" s="6" t="s">
        <v>11</v>
      </c>
      <c r="E3285" s="6" t="e"/>
    </row>
    <row r="3286" ht="11" customHeight="true" s="1" customFormat="true" hidden="true" collapsed="true" outlineLevel="2">
      <c r="A3286" s="5" t="s">
        <v>3674</v>
      </c>
      <c r="B3286" s="5" t="e"/>
      <c r="C3286" s="5" t="e"/>
      <c r="D3286" s="5" t="e"/>
      <c r="E3286" s="5" t="e"/>
    </row>
    <row r="3287" ht="33" customHeight="true" s="1" customFormat="true" hidden="true" outlineLevel="3">
      <c r="A3287" s="6" t="s">
        <v>3675</v>
      </c>
      <c r="B3287" s="6" t="e"/>
      <c r="C3287" s="6" t="s">
        <v>167</v>
      </c>
      <c r="D3287" s="6" t="s">
        <v>11</v>
      </c>
      <c r="E3287" s="6" t="e"/>
    </row>
    <row r="3288" ht="33" customHeight="true" s="1" customFormat="true" hidden="true" outlineLevel="3">
      <c r="A3288" s="6" t="s">
        <v>3676</v>
      </c>
      <c r="B3288" s="6" t="e"/>
      <c r="C3288" s="6" t="s">
        <v>167</v>
      </c>
      <c r="D3288" s="6" t="s">
        <v>26</v>
      </c>
      <c r="E3288" s="6" t="e"/>
    </row>
    <row r="3289" ht="56" customHeight="true" s="1" customFormat="true" hidden="true" outlineLevel="3">
      <c r="A3289" s="6" t="s">
        <v>3677</v>
      </c>
      <c r="B3289" s="6" t="e"/>
      <c r="C3289" s="6" t="s">
        <v>242</v>
      </c>
      <c r="D3289" s="6" t="s">
        <v>15</v>
      </c>
      <c r="E3289" s="6" t="e"/>
    </row>
    <row r="3290" ht="33" customHeight="true" s="1" customFormat="true" hidden="true" outlineLevel="3">
      <c r="A3290" s="6" t="s">
        <v>3678</v>
      </c>
      <c r="B3290" s="6" t="e"/>
      <c r="C3290" s="6" t="s">
        <v>167</v>
      </c>
      <c r="D3290" s="6" t="s">
        <v>26</v>
      </c>
      <c r="E3290" s="6" t="e"/>
    </row>
    <row r="3291" ht="33" customHeight="true" s="1" customFormat="true" hidden="true" outlineLevel="3">
      <c r="A3291" s="6" t="s">
        <v>3679</v>
      </c>
      <c r="B3291" s="6" t="e"/>
      <c r="C3291" s="6" t="s">
        <v>136</v>
      </c>
      <c r="D3291" s="6" t="s">
        <v>11</v>
      </c>
      <c r="E3291" s="6" t="e"/>
    </row>
    <row r="3292" ht="56" customHeight="true" s="1" customFormat="true" hidden="true" outlineLevel="3">
      <c r="A3292" s="6" t="s">
        <v>3680</v>
      </c>
      <c r="B3292" s="6" t="e"/>
      <c r="C3292" s="6" t="s">
        <v>219</v>
      </c>
      <c r="D3292" s="6" t="s">
        <v>26</v>
      </c>
      <c r="E3292" s="6" t="e"/>
    </row>
    <row r="3293" ht="44" customHeight="true" s="1" customFormat="true" hidden="true" collapsed="true" outlineLevel="3">
      <c r="A3293" s="6" t="s">
        <v>3681</v>
      </c>
      <c r="B3293" s="6" t="e"/>
      <c r="C3293" s="6" t="s">
        <v>296</v>
      </c>
      <c r="D3293" s="6" t="s">
        <v>11</v>
      </c>
      <c r="E3293" s="6" t="e"/>
    </row>
    <row r="3294" ht="11" customHeight="true" s="1" customFormat="true" hidden="true" collapsed="true" outlineLevel="2">
      <c r="A3294" s="5" t="s">
        <v>3682</v>
      </c>
      <c r="B3294" s="5" t="e"/>
      <c r="C3294" s="5" t="e"/>
      <c r="D3294" s="5" t="e"/>
      <c r="E3294" s="5" t="e"/>
    </row>
    <row r="3295" ht="22" customHeight="true" s="1" customFormat="true" hidden="true" collapsed="true" outlineLevel="3">
      <c r="A3295" s="6" t="s">
        <v>3683</v>
      </c>
      <c r="B3295" s="6" t="e"/>
      <c r="C3295" s="6" t="s">
        <v>242</v>
      </c>
      <c r="D3295" s="6" t="s">
        <v>11</v>
      </c>
      <c r="E3295" s="6" t="e"/>
    </row>
    <row r="3296" ht="11" customHeight="true" s="1" customFormat="true" hidden="true" collapsed="true" outlineLevel="2">
      <c r="A3296" s="5" t="s">
        <v>3684</v>
      </c>
      <c r="B3296" s="5" t="e"/>
      <c r="C3296" s="5" t="e"/>
      <c r="D3296" s="5" t="e"/>
      <c r="E3296" s="5" t="e"/>
    </row>
    <row r="3297" ht="44" customHeight="true" s="1" customFormat="true" hidden="true" outlineLevel="3">
      <c r="A3297" s="6" t="s">
        <v>3685</v>
      </c>
      <c r="B3297" s="6" t="e"/>
      <c r="C3297" s="6" t="s">
        <v>18</v>
      </c>
      <c r="D3297" s="6" t="s">
        <v>11</v>
      </c>
      <c r="E3297" s="6" t="e"/>
    </row>
    <row r="3298" ht="44" customHeight="true" s="1" customFormat="true" hidden="true" outlineLevel="3">
      <c r="A3298" s="6" t="s">
        <v>3686</v>
      </c>
      <c r="B3298" s="6" t="e"/>
      <c r="C3298" s="6" t="s">
        <v>371</v>
      </c>
      <c r="D3298" s="6" t="s">
        <v>26</v>
      </c>
      <c r="E3298" s="6" t="e"/>
    </row>
    <row r="3299" ht="33" customHeight="true" s="1" customFormat="true" hidden="true" outlineLevel="3">
      <c r="A3299" s="6" t="s">
        <v>3687</v>
      </c>
      <c r="B3299" s="6" t="e"/>
      <c r="C3299" s="6" t="s">
        <v>242</v>
      </c>
      <c r="D3299" s="6" t="s">
        <v>11</v>
      </c>
      <c r="E3299" s="6" t="e"/>
    </row>
    <row r="3300" ht="33" customHeight="true" s="1" customFormat="true" hidden="true" collapsed="true" outlineLevel="3">
      <c r="A3300" s="6" t="s">
        <v>3688</v>
      </c>
      <c r="B3300" s="6" t="e"/>
      <c r="C3300" s="6" t="s">
        <v>155</v>
      </c>
      <c r="D3300" s="6" t="s">
        <v>26</v>
      </c>
      <c r="E3300" s="6" t="e"/>
    </row>
    <row r="3301" ht="11" customHeight="true" s="1" customFormat="true" hidden="true" collapsed="true" outlineLevel="2">
      <c r="A3301" s="5" t="s">
        <v>3689</v>
      </c>
      <c r="B3301" s="5" t="e"/>
      <c r="C3301" s="5" t="e"/>
      <c r="D3301" s="5" t="e"/>
      <c r="E3301" s="5" t="e"/>
    </row>
    <row r="3302" ht="44" customHeight="true" s="1" customFormat="true" hidden="true" outlineLevel="3">
      <c r="A3302" s="6" t="s">
        <v>3690</v>
      </c>
      <c r="B3302" s="6" t="e"/>
      <c r="C3302" s="6" t="s">
        <v>167</v>
      </c>
      <c r="D3302" s="6" t="s">
        <v>26</v>
      </c>
      <c r="E3302" s="6" t="e"/>
    </row>
    <row r="3303" ht="22" customHeight="true" s="1" customFormat="true" hidden="true" collapsed="true" outlineLevel="3">
      <c r="A3303" s="6" t="s">
        <v>3691</v>
      </c>
      <c r="B3303" s="6" t="e"/>
      <c r="C3303" s="6" t="s">
        <v>167</v>
      </c>
      <c r="D3303" s="6" t="s">
        <v>26</v>
      </c>
      <c r="E3303" s="6" t="e"/>
    </row>
    <row r="3304" ht="11" customHeight="true" s="1" customFormat="true" hidden="true" collapsed="true" outlineLevel="2">
      <c r="A3304" s="5" t="s">
        <v>3692</v>
      </c>
      <c r="B3304" s="5" t="e"/>
      <c r="C3304" s="5" t="e"/>
      <c r="D3304" s="5" t="e"/>
      <c r="E3304" s="5" t="e"/>
    </row>
    <row r="3305" ht="22" customHeight="true" s="1" customFormat="true" hidden="true" outlineLevel="3">
      <c r="A3305" s="6" t="s">
        <v>3693</v>
      </c>
      <c r="B3305" s="6" t="e"/>
      <c r="C3305" s="6" t="s">
        <v>242</v>
      </c>
      <c r="D3305" s="6" t="s">
        <v>11</v>
      </c>
      <c r="E3305" s="6" t="e"/>
    </row>
    <row r="3306" ht="33" customHeight="true" s="1" customFormat="true" hidden="true" outlineLevel="3">
      <c r="A3306" s="6" t="s">
        <v>3694</v>
      </c>
      <c r="B3306" s="6" t="e"/>
      <c r="C3306" s="6" t="s">
        <v>302</v>
      </c>
      <c r="D3306" s="6" t="s">
        <v>15</v>
      </c>
      <c r="E3306" s="6" t="e"/>
    </row>
    <row r="3307" ht="44" customHeight="true" s="1" customFormat="true" hidden="true" outlineLevel="3">
      <c r="A3307" s="6" t="s">
        <v>3695</v>
      </c>
      <c r="B3307" s="6" t="e"/>
      <c r="C3307" s="6" t="s">
        <v>242</v>
      </c>
      <c r="D3307" s="6" t="s">
        <v>11</v>
      </c>
      <c r="E3307" s="6" t="e"/>
    </row>
    <row r="3308" ht="22" customHeight="true" s="1" customFormat="true" hidden="true" outlineLevel="3">
      <c r="A3308" s="6" t="s">
        <v>3696</v>
      </c>
      <c r="B3308" s="6" t="e"/>
      <c r="C3308" s="6" t="s">
        <v>167</v>
      </c>
      <c r="D3308" s="6" t="s">
        <v>40</v>
      </c>
      <c r="E3308" s="6" t="e"/>
    </row>
    <row r="3309" ht="22" customHeight="true" s="1" customFormat="true" hidden="true" outlineLevel="3">
      <c r="A3309" s="6" t="s">
        <v>3697</v>
      </c>
      <c r="B3309" s="6" t="e"/>
      <c r="C3309" s="6" t="s">
        <v>149</v>
      </c>
      <c r="D3309" s="6" t="s">
        <v>26</v>
      </c>
      <c r="E3309" s="6" t="e"/>
    </row>
    <row r="3310" ht="44" customHeight="true" s="1" customFormat="true" hidden="true" outlineLevel="3">
      <c r="A3310" s="6" t="s">
        <v>3698</v>
      </c>
      <c r="B3310" s="6" t="e"/>
      <c r="C3310" s="6" t="s">
        <v>225</v>
      </c>
      <c r="D3310" s="6" t="s">
        <v>184</v>
      </c>
      <c r="E3310" s="6" t="e"/>
    </row>
    <row r="3311" ht="33" customHeight="true" s="1" customFormat="true" hidden="true" outlineLevel="3">
      <c r="A3311" s="6" t="s">
        <v>3699</v>
      </c>
      <c r="B3311" s="6" t="e"/>
      <c r="C3311" s="6" t="s">
        <v>302</v>
      </c>
      <c r="D3311" s="6" t="s">
        <v>11</v>
      </c>
      <c r="E3311" s="6" t="e"/>
    </row>
    <row r="3312" ht="56" customHeight="true" s="1" customFormat="true" hidden="true" outlineLevel="3">
      <c r="A3312" s="6" t="s">
        <v>3700</v>
      </c>
      <c r="B3312" s="6" t="e"/>
      <c r="C3312" s="6" t="s">
        <v>302</v>
      </c>
      <c r="D3312" s="6" t="s">
        <v>26</v>
      </c>
      <c r="E3312" s="6" t="e"/>
    </row>
    <row r="3313" ht="22" customHeight="true" s="1" customFormat="true" hidden="true" outlineLevel="3">
      <c r="A3313" s="6" t="s">
        <v>3701</v>
      </c>
      <c r="B3313" s="6" t="e"/>
      <c r="C3313" s="6" t="s">
        <v>242</v>
      </c>
      <c r="D3313" s="6" t="s">
        <v>57</v>
      </c>
      <c r="E3313" s="6" t="e"/>
    </row>
    <row r="3314" ht="56" customHeight="true" s="1" customFormat="true" hidden="true" outlineLevel="3">
      <c r="A3314" s="6" t="s">
        <v>3702</v>
      </c>
      <c r="B3314" s="6" t="e"/>
      <c r="C3314" s="6" t="s">
        <v>296</v>
      </c>
      <c r="D3314" s="6" t="s">
        <v>15</v>
      </c>
      <c r="E3314" s="6" t="e"/>
    </row>
    <row r="3315" ht="22" customHeight="true" s="1" customFormat="true" hidden="true" outlineLevel="3">
      <c r="A3315" s="6" t="s">
        <v>3703</v>
      </c>
      <c r="B3315" s="6" t="e"/>
      <c r="C3315" s="6" t="s">
        <v>296</v>
      </c>
      <c r="D3315" s="6" t="s">
        <v>11</v>
      </c>
      <c r="E3315" s="6" t="e"/>
    </row>
    <row r="3316" ht="33" customHeight="true" s="1" customFormat="true" hidden="true" outlineLevel="3">
      <c r="A3316" s="6" t="s">
        <v>3704</v>
      </c>
      <c r="B3316" s="6" t="e"/>
      <c r="C3316" s="6" t="s">
        <v>225</v>
      </c>
      <c r="D3316" s="6" t="s">
        <v>11</v>
      </c>
      <c r="E3316" s="6" t="e"/>
    </row>
    <row r="3317" ht="33" customHeight="true" s="1" customFormat="true" hidden="true" outlineLevel="3">
      <c r="A3317" s="6" t="s">
        <v>3705</v>
      </c>
      <c r="B3317" s="6" t="e"/>
      <c r="C3317" s="6" t="s">
        <v>302</v>
      </c>
      <c r="D3317" s="6" t="s">
        <v>11</v>
      </c>
      <c r="E3317" s="6" t="e"/>
    </row>
    <row r="3318" ht="33" customHeight="true" s="1" customFormat="true" hidden="true" outlineLevel="3">
      <c r="A3318" s="6" t="s">
        <v>3706</v>
      </c>
      <c r="B3318" s="6" t="e"/>
      <c r="C3318" s="6" t="s">
        <v>242</v>
      </c>
      <c r="D3318" s="6" t="s">
        <v>26</v>
      </c>
      <c r="E3318" s="6" t="e"/>
    </row>
    <row r="3319" ht="22" customHeight="true" s="1" customFormat="true" hidden="true" collapsed="true" outlineLevel="3">
      <c r="A3319" s="6" t="s">
        <v>3707</v>
      </c>
      <c r="B3319" s="6" t="e"/>
      <c r="C3319" s="6" t="s">
        <v>155</v>
      </c>
      <c r="D3319" s="6" t="s">
        <v>26</v>
      </c>
      <c r="E3319" s="6" t="e"/>
    </row>
    <row r="3320" ht="11" customHeight="true" s="1" customFormat="true" hidden="true" collapsed="true" outlineLevel="2">
      <c r="A3320" s="5" t="s">
        <v>3708</v>
      </c>
      <c r="B3320" s="5" t="e"/>
      <c r="C3320" s="5" t="e"/>
      <c r="D3320" s="5" t="e"/>
      <c r="E3320" s="5" t="e"/>
    </row>
    <row r="3321" ht="33" customHeight="true" s="1" customFormat="true" hidden="true" outlineLevel="3">
      <c r="A3321" s="6" t="s">
        <v>3709</v>
      </c>
      <c r="B3321" s="6" t="e"/>
      <c r="C3321" s="6" t="s">
        <v>371</v>
      </c>
      <c r="D3321" s="6" t="s">
        <v>26</v>
      </c>
      <c r="E3321" s="6" t="e"/>
    </row>
    <row r="3322" ht="22" customHeight="true" s="1" customFormat="true" hidden="true" outlineLevel="3">
      <c r="A3322" s="6" t="s">
        <v>3710</v>
      </c>
      <c r="B3322" s="6" t="e"/>
      <c r="C3322" s="6" t="s">
        <v>149</v>
      </c>
      <c r="D3322" s="6" t="s">
        <v>11</v>
      </c>
      <c r="E3322" s="6" t="e"/>
    </row>
    <row r="3323" ht="33" customHeight="true" s="1" customFormat="true" hidden="true" outlineLevel="3">
      <c r="A3323" s="6" t="s">
        <v>3711</v>
      </c>
      <c r="B3323" s="6" t="e"/>
      <c r="C3323" s="6" t="s">
        <v>219</v>
      </c>
      <c r="D3323" s="6" t="s">
        <v>40</v>
      </c>
      <c r="E3323" s="6" t="e"/>
    </row>
    <row r="3324" ht="22" customHeight="true" s="1" customFormat="true" hidden="true" outlineLevel="3">
      <c r="A3324" s="6" t="s">
        <v>3712</v>
      </c>
      <c r="B3324" s="6" t="e"/>
      <c r="C3324" s="6" t="s">
        <v>149</v>
      </c>
      <c r="D3324" s="6" t="s">
        <v>26</v>
      </c>
      <c r="E3324" s="6" t="e"/>
    </row>
    <row r="3325" ht="22" customHeight="true" s="1" customFormat="true" hidden="true" outlineLevel="3">
      <c r="A3325" s="6" t="s">
        <v>3713</v>
      </c>
      <c r="B3325" s="6" t="e"/>
      <c r="C3325" s="6" t="s">
        <v>136</v>
      </c>
      <c r="D3325" s="6" t="s">
        <v>26</v>
      </c>
      <c r="E3325" s="6" t="e"/>
    </row>
    <row r="3326" ht="67" customHeight="true" s="1" customFormat="true" hidden="true" outlineLevel="3">
      <c r="A3326" s="6" t="s">
        <v>3714</v>
      </c>
      <c r="B3326" s="6" t="e"/>
      <c r="C3326" s="6" t="s">
        <v>149</v>
      </c>
      <c r="D3326" s="6" t="s">
        <v>40</v>
      </c>
      <c r="E3326" s="6" t="e"/>
    </row>
    <row r="3327" ht="44" customHeight="true" s="1" customFormat="true" hidden="true" outlineLevel="3">
      <c r="A3327" s="6" t="s">
        <v>3715</v>
      </c>
      <c r="B3327" s="6" t="e"/>
      <c r="C3327" s="6" t="s">
        <v>136</v>
      </c>
      <c r="D3327" s="6" t="s">
        <v>26</v>
      </c>
      <c r="E3327" s="6" t="e"/>
    </row>
    <row r="3328" ht="22" customHeight="true" s="1" customFormat="true" hidden="true" outlineLevel="3">
      <c r="A3328" s="6" t="s">
        <v>3716</v>
      </c>
      <c r="B3328" s="6" t="e"/>
      <c r="C3328" s="6" t="s">
        <v>242</v>
      </c>
      <c r="D3328" s="6" t="s">
        <v>11</v>
      </c>
      <c r="E3328" s="6" t="e"/>
    </row>
    <row r="3329" ht="56" customHeight="true" s="1" customFormat="true" hidden="true" outlineLevel="3">
      <c r="A3329" s="6" t="s">
        <v>3717</v>
      </c>
      <c r="B3329" s="6" t="e"/>
      <c r="C3329" s="6" t="s">
        <v>296</v>
      </c>
      <c r="D3329" s="6" t="s">
        <v>123</v>
      </c>
      <c r="E3329" s="6" t="e"/>
    </row>
    <row r="3330" ht="33" customHeight="true" s="1" customFormat="true" hidden="true" outlineLevel="3">
      <c r="A3330" s="6" t="s">
        <v>3718</v>
      </c>
      <c r="B3330" s="6" t="e"/>
      <c r="C3330" s="6" t="s">
        <v>167</v>
      </c>
      <c r="D3330" s="6" t="s">
        <v>40</v>
      </c>
      <c r="E3330" s="6" t="e"/>
    </row>
    <row r="3331" ht="44" customHeight="true" s="1" customFormat="true" hidden="true" outlineLevel="3">
      <c r="A3331" s="6" t="s">
        <v>3719</v>
      </c>
      <c r="B3331" s="6" t="e"/>
      <c r="C3331" s="6" t="s">
        <v>126</v>
      </c>
      <c r="D3331" s="6" t="s">
        <v>26</v>
      </c>
      <c r="E3331" s="6" t="e"/>
    </row>
    <row r="3332" ht="33" customHeight="true" s="1" customFormat="true" hidden="true" outlineLevel="3">
      <c r="A3332" s="6" t="s">
        <v>3720</v>
      </c>
      <c r="B3332" s="6" t="e"/>
      <c r="C3332" s="6" t="s">
        <v>55</v>
      </c>
      <c r="D3332" s="6" t="s">
        <v>11</v>
      </c>
      <c r="E3332" s="6" t="e"/>
    </row>
    <row r="3333" ht="33" customHeight="true" s="1" customFormat="true" hidden="true" outlineLevel="3">
      <c r="A3333" s="6" t="s">
        <v>3721</v>
      </c>
      <c r="B3333" s="6" t="e"/>
      <c r="C3333" s="6" t="s">
        <v>155</v>
      </c>
      <c r="D3333" s="6" t="s">
        <v>15</v>
      </c>
      <c r="E3333" s="6" t="e"/>
    </row>
    <row r="3334" ht="44" customHeight="true" s="1" customFormat="true" hidden="true" outlineLevel="3">
      <c r="A3334" s="6" t="s">
        <v>3722</v>
      </c>
      <c r="B3334" s="6" t="e"/>
      <c r="C3334" s="6" t="s">
        <v>82</v>
      </c>
      <c r="D3334" s="6" t="s">
        <v>11</v>
      </c>
      <c r="E3334" s="6" t="e"/>
    </row>
    <row r="3335" ht="33" customHeight="true" s="1" customFormat="true" hidden="true" outlineLevel="3">
      <c r="A3335" s="6" t="s">
        <v>3723</v>
      </c>
      <c r="B3335" s="6" t="e"/>
      <c r="C3335" s="6" t="s">
        <v>219</v>
      </c>
      <c r="D3335" s="6" t="s">
        <v>11</v>
      </c>
      <c r="E3335" s="6" t="e"/>
    </row>
    <row r="3336" ht="33" customHeight="true" s="1" customFormat="true" hidden="true" outlineLevel="3">
      <c r="A3336" s="6" t="s">
        <v>3724</v>
      </c>
      <c r="B3336" s="6" t="e"/>
      <c r="C3336" s="6" t="s">
        <v>82</v>
      </c>
      <c r="D3336" s="6" t="s">
        <v>11</v>
      </c>
      <c r="E3336" s="6" t="e"/>
    </row>
    <row r="3337" ht="22" customHeight="true" s="1" customFormat="true" hidden="true" outlineLevel="3">
      <c r="A3337" s="6" t="s">
        <v>3725</v>
      </c>
      <c r="B3337" s="6" t="e"/>
      <c r="C3337" s="6" t="s">
        <v>155</v>
      </c>
      <c r="D3337" s="6" t="s">
        <v>11</v>
      </c>
      <c r="E3337" s="6" t="e"/>
    </row>
    <row r="3338" ht="33" customHeight="true" s="1" customFormat="true" hidden="true" outlineLevel="3">
      <c r="A3338" s="6" t="s">
        <v>3726</v>
      </c>
      <c r="B3338" s="6" t="e"/>
      <c r="C3338" s="6" t="s">
        <v>126</v>
      </c>
      <c r="D3338" s="6" t="s">
        <v>11</v>
      </c>
      <c r="E3338" s="6" t="e"/>
    </row>
    <row r="3339" ht="44" customHeight="true" s="1" customFormat="true" hidden="true" outlineLevel="3">
      <c r="A3339" s="6" t="s">
        <v>3727</v>
      </c>
      <c r="B3339" s="6" t="e"/>
      <c r="C3339" s="6" t="s">
        <v>21</v>
      </c>
      <c r="D3339" s="6" t="s">
        <v>11</v>
      </c>
      <c r="E3339" s="6" t="e"/>
    </row>
    <row r="3340" ht="33" customHeight="true" s="1" customFormat="true" hidden="true" outlineLevel="3">
      <c r="A3340" s="6" t="s">
        <v>3728</v>
      </c>
      <c r="B3340" s="6" t="e"/>
      <c r="C3340" s="6" t="s">
        <v>126</v>
      </c>
      <c r="D3340" s="6" t="s">
        <v>26</v>
      </c>
      <c r="E3340" s="6" t="e"/>
    </row>
    <row r="3341" ht="33" customHeight="true" s="1" customFormat="true" hidden="true" outlineLevel="3">
      <c r="A3341" s="6" t="s">
        <v>3729</v>
      </c>
      <c r="B3341" s="6" t="e"/>
      <c r="C3341" s="6" t="s">
        <v>55</v>
      </c>
      <c r="D3341" s="6" t="s">
        <v>11</v>
      </c>
      <c r="E3341" s="6" t="e"/>
    </row>
    <row r="3342" ht="33" customHeight="true" s="1" customFormat="true" hidden="true" outlineLevel="3">
      <c r="A3342" s="6" t="s">
        <v>3730</v>
      </c>
      <c r="B3342" s="6" t="e"/>
      <c r="C3342" s="6" t="s">
        <v>55</v>
      </c>
      <c r="D3342" s="6" t="s">
        <v>11</v>
      </c>
      <c r="E3342" s="6" t="e"/>
    </row>
    <row r="3343" ht="33" customHeight="true" s="1" customFormat="true" hidden="true" outlineLevel="3">
      <c r="A3343" s="6" t="s">
        <v>3731</v>
      </c>
      <c r="B3343" s="6" t="e"/>
      <c r="C3343" s="6" t="s">
        <v>219</v>
      </c>
      <c r="D3343" s="6" t="s">
        <v>11</v>
      </c>
      <c r="E3343" s="6" t="e"/>
    </row>
    <row r="3344" ht="44" customHeight="true" s="1" customFormat="true" hidden="true" outlineLevel="3">
      <c r="A3344" s="6" t="s">
        <v>3732</v>
      </c>
      <c r="B3344" s="6" t="e"/>
      <c r="C3344" s="6" t="s">
        <v>371</v>
      </c>
      <c r="D3344" s="6" t="s">
        <v>11</v>
      </c>
      <c r="E3344" s="6" t="e"/>
    </row>
    <row r="3345" ht="33" customHeight="true" s="1" customFormat="true" hidden="true" outlineLevel="3">
      <c r="A3345" s="6" t="s">
        <v>3733</v>
      </c>
      <c r="B3345" s="6" t="e"/>
      <c r="C3345" s="6" t="s">
        <v>55</v>
      </c>
      <c r="D3345" s="6" t="s">
        <v>40</v>
      </c>
      <c r="E3345" s="6" t="e"/>
    </row>
    <row r="3346" ht="44" customHeight="true" s="1" customFormat="true" hidden="true" outlineLevel="3">
      <c r="A3346" s="6" t="s">
        <v>3734</v>
      </c>
      <c r="B3346" s="6" t="e"/>
      <c r="C3346" s="6" t="s">
        <v>155</v>
      </c>
      <c r="D3346" s="6" t="s">
        <v>11</v>
      </c>
      <c r="E3346" s="6" t="e"/>
    </row>
    <row r="3347" ht="33" customHeight="true" s="1" customFormat="true" hidden="true" outlineLevel="3">
      <c r="A3347" s="6" t="s">
        <v>3735</v>
      </c>
      <c r="B3347" s="6" t="e"/>
      <c r="C3347" s="6" t="s">
        <v>371</v>
      </c>
      <c r="D3347" s="6" t="s">
        <v>11</v>
      </c>
      <c r="E3347" s="6" t="e"/>
    </row>
    <row r="3348" ht="44" customHeight="true" s="1" customFormat="true" hidden="true" outlineLevel="3">
      <c r="A3348" s="6" t="s">
        <v>3736</v>
      </c>
      <c r="B3348" s="6" t="e"/>
      <c r="C3348" s="6" t="s">
        <v>371</v>
      </c>
      <c r="D3348" s="6" t="s">
        <v>26</v>
      </c>
      <c r="E3348" s="6" t="e"/>
    </row>
    <row r="3349" ht="44" customHeight="true" s="1" customFormat="true" hidden="true" outlineLevel="3">
      <c r="A3349" s="6" t="s">
        <v>3737</v>
      </c>
      <c r="B3349" s="6" t="e"/>
      <c r="C3349" s="6" t="s">
        <v>302</v>
      </c>
      <c r="D3349" s="6" t="s">
        <v>40</v>
      </c>
      <c r="E3349" s="6" t="e"/>
    </row>
    <row r="3350" ht="44" customHeight="true" s="1" customFormat="true" hidden="true" outlineLevel="3">
      <c r="A3350" s="6" t="s">
        <v>3738</v>
      </c>
      <c r="B3350" s="6" t="e"/>
      <c r="C3350" s="6" t="s">
        <v>2768</v>
      </c>
      <c r="D3350" s="6" t="s">
        <v>40</v>
      </c>
      <c r="E3350" s="6" t="e"/>
    </row>
    <row r="3351" ht="44" customHeight="true" s="1" customFormat="true" hidden="true" outlineLevel="3">
      <c r="A3351" s="6" t="s">
        <v>3739</v>
      </c>
      <c r="B3351" s="6" t="e"/>
      <c r="C3351" s="6" t="s">
        <v>2768</v>
      </c>
      <c r="D3351" s="6" t="s">
        <v>26</v>
      </c>
      <c r="E3351" s="6" t="e"/>
    </row>
    <row r="3352" ht="44" customHeight="true" s="1" customFormat="true" hidden="true" outlineLevel="3">
      <c r="A3352" s="6" t="s">
        <v>3740</v>
      </c>
      <c r="B3352" s="6" t="e"/>
      <c r="C3352" s="6" t="s">
        <v>2768</v>
      </c>
      <c r="D3352" s="6" t="s">
        <v>26</v>
      </c>
      <c r="E3352" s="6" t="e"/>
    </row>
    <row r="3353" ht="56" customHeight="true" s="1" customFormat="true" hidden="true" outlineLevel="3">
      <c r="A3353" s="6" t="s">
        <v>3741</v>
      </c>
      <c r="B3353" s="6" t="e"/>
      <c r="C3353" s="6" t="s">
        <v>296</v>
      </c>
      <c r="D3353" s="6" t="s">
        <v>11</v>
      </c>
      <c r="E3353" s="6" t="e"/>
    </row>
    <row r="3354" ht="44" customHeight="true" s="1" customFormat="true" hidden="true" outlineLevel="3">
      <c r="A3354" s="6" t="s">
        <v>3742</v>
      </c>
      <c r="B3354" s="6" t="e"/>
      <c r="C3354" s="6" t="s">
        <v>2768</v>
      </c>
      <c r="D3354" s="6" t="s">
        <v>11</v>
      </c>
      <c r="E3354" s="6" t="e"/>
    </row>
    <row r="3355" ht="44" customHeight="true" s="1" customFormat="true" hidden="true" outlineLevel="3">
      <c r="A3355" s="6" t="s">
        <v>3743</v>
      </c>
      <c r="B3355" s="6" t="e"/>
      <c r="C3355" s="6" t="s">
        <v>2768</v>
      </c>
      <c r="D3355" s="6" t="s">
        <v>11</v>
      </c>
      <c r="E3355" s="6" t="e"/>
    </row>
    <row r="3356" ht="33" customHeight="true" s="1" customFormat="true" hidden="true" outlineLevel="3">
      <c r="A3356" s="6" t="s">
        <v>3744</v>
      </c>
      <c r="B3356" s="6" t="e"/>
      <c r="C3356" s="6" t="s">
        <v>126</v>
      </c>
      <c r="D3356" s="6" t="s">
        <v>11</v>
      </c>
      <c r="E3356" s="6" t="e"/>
    </row>
    <row r="3357" ht="33" customHeight="true" s="1" customFormat="true" hidden="true" outlineLevel="3">
      <c r="A3357" s="6" t="s">
        <v>3745</v>
      </c>
      <c r="B3357" s="6" t="e"/>
      <c r="C3357" s="6" t="s">
        <v>155</v>
      </c>
      <c r="D3357" s="6" t="s">
        <v>11</v>
      </c>
      <c r="E3357" s="6" t="e"/>
    </row>
    <row r="3358" ht="33" customHeight="true" s="1" customFormat="true" hidden="true" outlineLevel="3">
      <c r="A3358" s="6" t="s">
        <v>3746</v>
      </c>
      <c r="B3358" s="6" t="e"/>
      <c r="C3358" s="6" t="s">
        <v>55</v>
      </c>
      <c r="D3358" s="6" t="s">
        <v>26</v>
      </c>
      <c r="E3358" s="6" t="e"/>
    </row>
    <row r="3359" ht="33" customHeight="true" s="1" customFormat="true" hidden="true" outlineLevel="3">
      <c r="A3359" s="6" t="s">
        <v>3747</v>
      </c>
      <c r="B3359" s="6" t="e"/>
      <c r="C3359" s="6" t="s">
        <v>21</v>
      </c>
      <c r="D3359" s="6" t="s">
        <v>11</v>
      </c>
      <c r="E3359" s="6" t="e"/>
    </row>
    <row r="3360" ht="33" customHeight="true" s="1" customFormat="true" hidden="true" outlineLevel="3">
      <c r="A3360" s="6" t="s">
        <v>3748</v>
      </c>
      <c r="B3360" s="6" t="e"/>
      <c r="C3360" s="6" t="s">
        <v>21</v>
      </c>
      <c r="D3360" s="6" t="s">
        <v>11</v>
      </c>
      <c r="E3360" s="6" t="e"/>
    </row>
    <row r="3361" ht="33" customHeight="true" s="1" customFormat="true" hidden="true" outlineLevel="3">
      <c r="A3361" s="6" t="s">
        <v>3749</v>
      </c>
      <c r="B3361" s="6" t="e"/>
      <c r="C3361" s="6" t="s">
        <v>21</v>
      </c>
      <c r="D3361" s="6" t="s">
        <v>11</v>
      </c>
      <c r="E3361" s="6" t="e"/>
    </row>
    <row r="3362" ht="33" customHeight="true" s="1" customFormat="true" hidden="true" outlineLevel="3">
      <c r="A3362" s="6" t="s">
        <v>3750</v>
      </c>
      <c r="B3362" s="6" t="e"/>
      <c r="C3362" s="6" t="s">
        <v>126</v>
      </c>
      <c r="D3362" s="6" t="s">
        <v>11</v>
      </c>
      <c r="E3362" s="6" t="e"/>
    </row>
    <row r="3363" ht="44" customHeight="true" s="1" customFormat="true" hidden="true" outlineLevel="3">
      <c r="A3363" s="6" t="s">
        <v>3751</v>
      </c>
      <c r="B3363" s="6" t="e"/>
      <c r="C3363" s="6" t="s">
        <v>126</v>
      </c>
      <c r="D3363" s="6" t="s">
        <v>11</v>
      </c>
      <c r="E3363" s="6" t="e"/>
    </row>
    <row r="3364" ht="33" customHeight="true" s="1" customFormat="true" hidden="true" collapsed="true" outlineLevel="3">
      <c r="A3364" s="6" t="s">
        <v>3752</v>
      </c>
      <c r="B3364" s="6" t="e"/>
      <c r="C3364" s="6" t="s">
        <v>242</v>
      </c>
      <c r="D3364" s="6" t="s">
        <v>40</v>
      </c>
      <c r="E3364" s="6" t="e"/>
    </row>
    <row r="3365" ht="11" customHeight="true" s="1" customFormat="true" hidden="true" collapsed="true" outlineLevel="2">
      <c r="A3365" s="5" t="s">
        <v>3753</v>
      </c>
      <c r="B3365" s="5" t="e"/>
      <c r="C3365" s="5" t="e"/>
      <c r="D3365" s="5" t="e"/>
      <c r="E3365" s="5" t="e"/>
    </row>
    <row r="3366" ht="33" customHeight="true" s="1" customFormat="true" hidden="true" outlineLevel="3">
      <c r="A3366" s="6" t="s">
        <v>3754</v>
      </c>
      <c r="B3366" s="6" t="e"/>
      <c r="C3366" s="6" t="s">
        <v>253</v>
      </c>
      <c r="D3366" s="6" t="s">
        <v>11</v>
      </c>
      <c r="E3366" s="6" t="e"/>
    </row>
    <row r="3367" ht="22" customHeight="true" s="1" customFormat="true" hidden="true" outlineLevel="3">
      <c r="A3367" s="6" t="s">
        <v>3755</v>
      </c>
      <c r="B3367" s="6" t="e"/>
      <c r="C3367" s="6" t="s">
        <v>126</v>
      </c>
      <c r="D3367" s="6" t="s">
        <v>11</v>
      </c>
      <c r="E3367" s="6" t="e"/>
    </row>
    <row r="3368" ht="33" customHeight="true" s="1" customFormat="true" hidden="true" outlineLevel="3">
      <c r="A3368" s="6" t="s">
        <v>3756</v>
      </c>
      <c r="B3368" s="6" t="e"/>
      <c r="C3368" s="6" t="s">
        <v>126</v>
      </c>
      <c r="D3368" s="6" t="s">
        <v>40</v>
      </c>
      <c r="E3368" s="6" t="e"/>
    </row>
    <row r="3369" ht="44" customHeight="true" s="1" customFormat="true" hidden="true" outlineLevel="3">
      <c r="A3369" s="6" t="s">
        <v>3757</v>
      </c>
      <c r="B3369" s="6" t="e"/>
      <c r="C3369" s="6" t="s">
        <v>82</v>
      </c>
      <c r="D3369" s="6" t="s">
        <v>11</v>
      </c>
      <c r="E3369" s="6" t="e"/>
    </row>
    <row r="3370" ht="22" customHeight="true" s="1" customFormat="true" hidden="true" outlineLevel="3">
      <c r="A3370" s="6" t="s">
        <v>3758</v>
      </c>
      <c r="B3370" s="6" t="e"/>
      <c r="C3370" s="6" t="s">
        <v>242</v>
      </c>
      <c r="D3370" s="6" t="s">
        <v>26</v>
      </c>
      <c r="E3370" s="6" t="e"/>
    </row>
    <row r="3371" ht="22" customHeight="true" s="1" customFormat="true" hidden="true" outlineLevel="3">
      <c r="A3371" s="6" t="s">
        <v>3759</v>
      </c>
      <c r="B3371" s="6" t="e"/>
      <c r="C3371" s="6" t="s">
        <v>72</v>
      </c>
      <c r="D3371" s="6" t="s">
        <v>11</v>
      </c>
      <c r="E3371" s="6" t="e"/>
    </row>
    <row r="3372" ht="33" customHeight="true" s="1" customFormat="true" hidden="true" outlineLevel="3">
      <c r="A3372" s="6" t="s">
        <v>3760</v>
      </c>
      <c r="B3372" s="6" t="e"/>
      <c r="C3372" s="6" t="s">
        <v>155</v>
      </c>
      <c r="D3372" s="6" t="s">
        <v>11</v>
      </c>
      <c r="E3372" s="6" t="e"/>
    </row>
    <row r="3373" ht="33" customHeight="true" s="1" customFormat="true" hidden="true" outlineLevel="3">
      <c r="A3373" s="6" t="s">
        <v>3761</v>
      </c>
      <c r="B3373" s="6" t="e"/>
      <c r="C3373" s="6" t="s">
        <v>126</v>
      </c>
      <c r="D3373" s="6" t="s">
        <v>11</v>
      </c>
      <c r="E3373" s="6" t="e"/>
    </row>
    <row r="3374" ht="33" customHeight="true" s="1" customFormat="true" hidden="true" outlineLevel="3">
      <c r="A3374" s="6" t="s">
        <v>3762</v>
      </c>
      <c r="B3374" s="6" t="e"/>
      <c r="C3374" s="6" t="s">
        <v>242</v>
      </c>
      <c r="D3374" s="6" t="s">
        <v>40</v>
      </c>
      <c r="E3374" s="6" t="e"/>
    </row>
    <row r="3375" ht="44" customHeight="true" s="1" customFormat="true" hidden="true" outlineLevel="3">
      <c r="A3375" s="6" t="s">
        <v>3763</v>
      </c>
      <c r="B3375" s="6" t="e"/>
      <c r="C3375" s="6" t="s">
        <v>126</v>
      </c>
      <c r="D3375" s="6" t="s">
        <v>57</v>
      </c>
      <c r="E3375" s="6" t="e"/>
    </row>
    <row r="3376" ht="33" customHeight="true" s="1" customFormat="true" hidden="true" outlineLevel="3">
      <c r="A3376" s="6" t="s">
        <v>3764</v>
      </c>
      <c r="B3376" s="6" t="e"/>
      <c r="C3376" s="6" t="s">
        <v>242</v>
      </c>
      <c r="D3376" s="6" t="s">
        <v>15</v>
      </c>
      <c r="E3376" s="6" t="e"/>
    </row>
    <row r="3377" ht="33" customHeight="true" s="1" customFormat="true" hidden="true" outlineLevel="3">
      <c r="A3377" s="6" t="s">
        <v>3765</v>
      </c>
      <c r="B3377" s="6" t="e"/>
      <c r="C3377" s="6" t="s">
        <v>126</v>
      </c>
      <c r="D3377" s="6" t="s">
        <v>26</v>
      </c>
      <c r="E3377" s="6" t="e"/>
    </row>
    <row r="3378" ht="44" customHeight="true" s="1" customFormat="true" hidden="true" collapsed="true" outlineLevel="3">
      <c r="A3378" s="6" t="s">
        <v>3766</v>
      </c>
      <c r="B3378" s="6" t="e"/>
      <c r="C3378" s="6" t="s">
        <v>219</v>
      </c>
      <c r="D3378" s="6" t="s">
        <v>26</v>
      </c>
      <c r="E3378" s="6" t="e"/>
    </row>
    <row r="3379" ht="11" customHeight="true" s="1" customFormat="true" hidden="true" collapsed="true" outlineLevel="2">
      <c r="A3379" s="5" t="s">
        <v>3767</v>
      </c>
      <c r="B3379" s="5" t="e"/>
      <c r="C3379" s="5" t="e"/>
      <c r="D3379" s="5" t="e"/>
      <c r="E3379" s="5" t="e"/>
    </row>
    <row r="3380" ht="22" customHeight="true" s="1" customFormat="true" hidden="true" outlineLevel="3">
      <c r="A3380" s="6" t="s">
        <v>3768</v>
      </c>
      <c r="B3380" s="6" t="e"/>
      <c r="C3380" s="6" t="s">
        <v>219</v>
      </c>
      <c r="D3380" s="6" t="s">
        <v>11</v>
      </c>
      <c r="E3380" s="6" t="e"/>
    </row>
    <row r="3381" ht="44" customHeight="true" s="1" customFormat="true" hidden="true" outlineLevel="3">
      <c r="A3381" s="6" t="s">
        <v>3769</v>
      </c>
      <c r="B3381" s="6" t="s">
        <v>891</v>
      </c>
      <c r="C3381" s="6" t="s">
        <v>302</v>
      </c>
      <c r="D3381" s="6" t="s">
        <v>40</v>
      </c>
      <c r="E3381" s="6" t="e"/>
    </row>
    <row r="3382" ht="33" customHeight="true" s="1" customFormat="true" hidden="true" collapsed="true" outlineLevel="3">
      <c r="A3382" s="6" t="s">
        <v>3770</v>
      </c>
      <c r="B3382" s="6" t="e"/>
      <c r="C3382" s="6" t="s">
        <v>155</v>
      </c>
      <c r="D3382" s="6" t="s">
        <v>11</v>
      </c>
      <c r="E3382" s="6" t="e"/>
    </row>
    <row r="3383" ht="11" customHeight="true" s="1" customFormat="true" hidden="true" collapsed="true" outlineLevel="2">
      <c r="A3383" s="5" t="s">
        <v>3771</v>
      </c>
      <c r="B3383" s="5" t="e"/>
      <c r="C3383" s="5" t="e"/>
      <c r="D3383" s="5" t="e"/>
      <c r="E3383" s="5" t="e"/>
    </row>
    <row r="3384" ht="33" customHeight="true" s="1" customFormat="true" hidden="true" outlineLevel="3">
      <c r="A3384" s="6" t="s">
        <v>3772</v>
      </c>
      <c r="B3384" s="6" t="e"/>
      <c r="C3384" s="6" t="s">
        <v>242</v>
      </c>
      <c r="D3384" s="6" t="s">
        <v>40</v>
      </c>
      <c r="E3384" s="6" t="e"/>
    </row>
    <row r="3385" ht="44" customHeight="true" s="1" customFormat="true" hidden="true" outlineLevel="3">
      <c r="A3385" s="6" t="s">
        <v>3773</v>
      </c>
      <c r="B3385" s="6" t="e"/>
      <c r="C3385" s="6" t="s">
        <v>302</v>
      </c>
      <c r="D3385" s="6" t="s">
        <v>40</v>
      </c>
      <c r="E3385" s="6" t="e"/>
    </row>
    <row r="3386" ht="33" customHeight="true" s="1" customFormat="true" hidden="true" outlineLevel="3">
      <c r="A3386" s="6" t="s">
        <v>3774</v>
      </c>
      <c r="B3386" s="6" t="e"/>
      <c r="C3386" s="6" t="s">
        <v>296</v>
      </c>
      <c r="D3386" s="6" t="s">
        <v>11</v>
      </c>
      <c r="E3386" s="6" t="e"/>
    </row>
    <row r="3387" ht="44" customHeight="true" s="1" customFormat="true" hidden="true" outlineLevel="3">
      <c r="A3387" s="6" t="s">
        <v>3775</v>
      </c>
      <c r="B3387" s="6" t="e"/>
      <c r="C3387" s="6" t="s">
        <v>167</v>
      </c>
      <c r="D3387" s="6" t="s">
        <v>11</v>
      </c>
      <c r="E3387" s="6" t="e"/>
    </row>
    <row r="3388" ht="11" customHeight="true" collapsed="true" outlineLevel="1">
      <c r="A3388" s="5" t="s">
        <v>3776</v>
      </c>
      <c r="B3388" s="5" t="e"/>
      <c r="C3388" s="5" t="e"/>
      <c r="D3388" s="5" t="e"/>
      <c r="E3388" s="5" t="e"/>
    </row>
    <row r="3389" ht="11" customHeight="true" s="1" customFormat="true" hidden="true" collapsed="true" outlineLevel="2">
      <c r="A3389" s="5" t="s">
        <v>3777</v>
      </c>
      <c r="B3389" s="5" t="e"/>
      <c r="C3389" s="5" t="e"/>
      <c r="D3389" s="5" t="e"/>
      <c r="E3389" s="5" t="e"/>
    </row>
    <row r="3390" ht="11" customHeight="true" s="1" customFormat="true" hidden="true" outlineLevel="3">
      <c r="A3390" s="6" t="s">
        <v>3778</v>
      </c>
      <c r="B3390" s="6" t="e"/>
      <c r="C3390" s="6" t="s">
        <v>136</v>
      </c>
      <c r="D3390" s="6" t="s">
        <v>40</v>
      </c>
      <c r="E3390" s="6" t="e"/>
    </row>
    <row r="3391" ht="22" customHeight="true" s="1" customFormat="true" hidden="true" outlineLevel="3">
      <c r="A3391" s="6" t="s">
        <v>3779</v>
      </c>
      <c r="B3391" s="6" t="e"/>
      <c r="C3391" s="6" t="s">
        <v>149</v>
      </c>
      <c r="D3391" s="6" t="s">
        <v>11</v>
      </c>
      <c r="E3391" s="6" t="e"/>
    </row>
    <row r="3392" ht="11" customHeight="true" s="1" customFormat="true" hidden="true" outlineLevel="3">
      <c r="A3392" s="6" t="s">
        <v>3780</v>
      </c>
      <c r="B3392" s="6" t="e"/>
      <c r="C3392" s="6" t="s">
        <v>136</v>
      </c>
      <c r="D3392" s="6" t="s">
        <v>11</v>
      </c>
      <c r="E3392" s="6" t="e"/>
    </row>
    <row r="3393" ht="22" customHeight="true" s="1" customFormat="true" hidden="true" outlineLevel="3">
      <c r="A3393" s="6" t="s">
        <v>3781</v>
      </c>
      <c r="B3393" s="6" t="e"/>
      <c r="C3393" s="6" t="s">
        <v>141</v>
      </c>
      <c r="D3393" s="6" t="s">
        <v>26</v>
      </c>
      <c r="E3393" s="6" t="e"/>
    </row>
    <row r="3394" ht="22" customHeight="true" s="1" customFormat="true" hidden="true" outlineLevel="3">
      <c r="A3394" s="6" t="s">
        <v>3782</v>
      </c>
      <c r="B3394" s="6" t="e"/>
      <c r="C3394" s="6" t="s">
        <v>126</v>
      </c>
      <c r="D3394" s="6" t="s">
        <v>26</v>
      </c>
      <c r="E3394" s="6" t="e"/>
    </row>
    <row r="3395" ht="22" customHeight="true" s="1" customFormat="true" hidden="true" outlineLevel="3">
      <c r="A3395" s="6" t="s">
        <v>3783</v>
      </c>
      <c r="B3395" s="6" t="e"/>
      <c r="C3395" s="6" t="s">
        <v>136</v>
      </c>
      <c r="D3395" s="6" t="s">
        <v>40</v>
      </c>
      <c r="E3395" s="6" t="e"/>
    </row>
    <row r="3396" ht="11" customHeight="true" s="1" customFormat="true" hidden="true" outlineLevel="3">
      <c r="A3396" s="6" t="s">
        <v>3784</v>
      </c>
      <c r="B3396" s="6" t="e"/>
      <c r="C3396" s="6" t="s">
        <v>149</v>
      </c>
      <c r="D3396" s="6" t="s">
        <v>26</v>
      </c>
      <c r="E3396" s="6" t="e"/>
    </row>
    <row r="3397" ht="11" customHeight="true" s="1" customFormat="true" hidden="true" outlineLevel="3">
      <c r="A3397" s="6" t="s">
        <v>3785</v>
      </c>
      <c r="B3397" s="6" t="e"/>
      <c r="C3397" s="6" t="s">
        <v>136</v>
      </c>
      <c r="D3397" s="6" t="s">
        <v>11</v>
      </c>
      <c r="E3397" s="6" t="e"/>
    </row>
    <row r="3398" ht="22" customHeight="true" s="1" customFormat="true" hidden="true" outlineLevel="3">
      <c r="A3398" s="6" t="s">
        <v>3786</v>
      </c>
      <c r="B3398" s="6" t="e"/>
      <c r="C3398" s="6" t="s">
        <v>136</v>
      </c>
      <c r="D3398" s="6" t="s">
        <v>11</v>
      </c>
      <c r="E3398" s="6" t="e"/>
    </row>
    <row r="3399" ht="22" customHeight="true" s="1" customFormat="true" hidden="true" outlineLevel="3">
      <c r="A3399" s="6" t="s">
        <v>3787</v>
      </c>
      <c r="B3399" s="6" t="e"/>
      <c r="C3399" s="6" t="s">
        <v>302</v>
      </c>
      <c r="D3399" s="6" t="s">
        <v>11</v>
      </c>
      <c r="E3399" s="6" t="e"/>
    </row>
    <row r="3400" ht="22" customHeight="true" s="1" customFormat="true" hidden="true" outlineLevel="3">
      <c r="A3400" s="6" t="s">
        <v>3788</v>
      </c>
      <c r="B3400" s="6" t="e"/>
      <c r="C3400" s="6" t="s">
        <v>302</v>
      </c>
      <c r="D3400" s="6" t="s">
        <v>11</v>
      </c>
      <c r="E3400" s="6" t="e"/>
    </row>
    <row r="3401" ht="22" customHeight="true" s="1" customFormat="true" hidden="true" outlineLevel="3">
      <c r="A3401" s="6" t="s">
        <v>3789</v>
      </c>
      <c r="B3401" s="6" t="e"/>
      <c r="C3401" s="6" t="s">
        <v>302</v>
      </c>
      <c r="D3401" s="6" t="s">
        <v>11</v>
      </c>
      <c r="E3401" s="6" t="e"/>
    </row>
    <row r="3402" ht="22" customHeight="true" s="1" customFormat="true" hidden="true" outlineLevel="3">
      <c r="A3402" s="6" t="s">
        <v>3790</v>
      </c>
      <c r="B3402" s="6" t="e"/>
      <c r="C3402" s="6" t="s">
        <v>149</v>
      </c>
      <c r="D3402" s="6" t="s">
        <v>11</v>
      </c>
      <c r="E3402" s="6" t="e"/>
    </row>
    <row r="3403" ht="22" customHeight="true" s="1" customFormat="true" hidden="true" collapsed="true" outlineLevel="3">
      <c r="A3403" s="6" t="s">
        <v>3791</v>
      </c>
      <c r="B3403" s="6" t="e"/>
      <c r="C3403" s="6" t="s">
        <v>149</v>
      </c>
      <c r="D3403" s="6" t="s">
        <v>11</v>
      </c>
      <c r="E3403" s="6" t="e"/>
    </row>
    <row r="3404" ht="11" customHeight="true" s="1" customFormat="true" hidden="true" collapsed="true" outlineLevel="2">
      <c r="A3404" s="5" t="s">
        <v>3792</v>
      </c>
      <c r="B3404" s="5" t="e"/>
      <c r="C3404" s="5" t="e"/>
      <c r="D3404" s="5" t="e"/>
      <c r="E3404" s="5" t="e"/>
    </row>
    <row r="3405" ht="44" customHeight="true" s="1" customFormat="true" hidden="true" outlineLevel="3">
      <c r="A3405" s="6" t="s">
        <v>3793</v>
      </c>
      <c r="B3405" s="6" t="e"/>
      <c r="C3405" s="6" t="s">
        <v>230</v>
      </c>
      <c r="D3405" s="6" t="s">
        <v>40</v>
      </c>
      <c r="E3405" s="6" t="e"/>
    </row>
    <row r="3406" ht="33" customHeight="true" s="1" customFormat="true" hidden="true" collapsed="true" outlineLevel="3">
      <c r="A3406" s="6" t="s">
        <v>3794</v>
      </c>
      <c r="B3406" s="6" t="e"/>
      <c r="C3406" s="6" t="s">
        <v>78</v>
      </c>
      <c r="D3406" s="6" t="s">
        <v>11</v>
      </c>
      <c r="E3406" s="6" t="e"/>
    </row>
    <row r="3407" ht="11" customHeight="true" s="1" customFormat="true" hidden="true" collapsed="true" outlineLevel="2">
      <c r="A3407" s="5" t="s">
        <v>3795</v>
      </c>
      <c r="B3407" s="5" t="e"/>
      <c r="C3407" s="5" t="e"/>
      <c r="D3407" s="5" t="e"/>
      <c r="E3407" s="5" t="e"/>
    </row>
    <row r="3408" ht="22" customHeight="true" s="1" customFormat="true" hidden="true" outlineLevel="3">
      <c r="A3408" s="6" t="s">
        <v>3796</v>
      </c>
      <c r="B3408" s="6" t="e"/>
      <c r="C3408" s="6" t="s">
        <v>103</v>
      </c>
      <c r="D3408" s="6" t="s">
        <v>123</v>
      </c>
      <c r="E3408" s="6" t="e"/>
    </row>
    <row r="3409" ht="33" customHeight="true" s="1" customFormat="true" hidden="true" outlineLevel="3">
      <c r="A3409" s="6" t="s">
        <v>3797</v>
      </c>
      <c r="B3409" s="6" t="e"/>
      <c r="C3409" s="6" t="s">
        <v>62</v>
      </c>
      <c r="D3409" s="6" t="s">
        <v>11</v>
      </c>
      <c r="E3409" s="6" t="e"/>
    </row>
    <row r="3410" ht="22" customHeight="true" s="1" customFormat="true" hidden="true" collapsed="true" outlineLevel="3">
      <c r="A3410" s="6" t="s">
        <v>3798</v>
      </c>
      <c r="B3410" s="6" t="e"/>
      <c r="C3410" s="6" t="s">
        <v>219</v>
      </c>
      <c r="D3410" s="6" t="s">
        <v>11</v>
      </c>
      <c r="E3410" s="6" t="e"/>
    </row>
    <row r="3411" ht="11" customHeight="true" s="1" customFormat="true" hidden="true" collapsed="true" outlineLevel="2">
      <c r="A3411" s="5" t="s">
        <v>3799</v>
      </c>
      <c r="B3411" s="5" t="e"/>
      <c r="C3411" s="5" t="e"/>
      <c r="D3411" s="5" t="e"/>
      <c r="E3411" s="5" t="e"/>
    </row>
    <row r="3412" ht="33" customHeight="true" s="1" customFormat="true" hidden="true" outlineLevel="3">
      <c r="A3412" s="6" t="s">
        <v>3800</v>
      </c>
      <c r="B3412" s="6" t="e"/>
      <c r="C3412" s="6" t="s">
        <v>188</v>
      </c>
      <c r="D3412" s="6" t="s">
        <v>11</v>
      </c>
      <c r="E3412" s="6" t="e"/>
    </row>
    <row r="3413" ht="33" customHeight="true" s="1" customFormat="true" hidden="true" outlineLevel="3">
      <c r="A3413" s="6" t="s">
        <v>3801</v>
      </c>
      <c r="B3413" s="6" t="e"/>
      <c r="C3413" s="6" t="s">
        <v>136</v>
      </c>
      <c r="D3413" s="6" t="s">
        <v>11</v>
      </c>
      <c r="E3413" s="6" t="e"/>
    </row>
    <row r="3414" ht="33" customHeight="true" s="1" customFormat="true" hidden="true" outlineLevel="3">
      <c r="A3414" s="6" t="s">
        <v>3802</v>
      </c>
      <c r="B3414" s="6" t="s">
        <v>3803</v>
      </c>
      <c r="C3414" s="6" t="s">
        <v>47</v>
      </c>
      <c r="D3414" s="6" t="s">
        <v>26</v>
      </c>
      <c r="E3414" s="6" t="e"/>
    </row>
    <row r="3415" ht="33" customHeight="true" s="1" customFormat="true" hidden="true" outlineLevel="3">
      <c r="A3415" s="6" t="s">
        <v>3804</v>
      </c>
      <c r="B3415" s="6" t="e"/>
      <c r="C3415" s="6" t="s">
        <v>167</v>
      </c>
      <c r="D3415" s="6" t="s">
        <v>57</v>
      </c>
      <c r="E3415" s="6" t="e"/>
    </row>
    <row r="3416" ht="44" customHeight="true" s="1" customFormat="true" hidden="true" outlineLevel="3">
      <c r="A3416" s="6" t="s">
        <v>3805</v>
      </c>
      <c r="B3416" s="6" t="e"/>
      <c r="C3416" s="6" t="s">
        <v>72</v>
      </c>
      <c r="D3416" s="6" t="s">
        <v>26</v>
      </c>
      <c r="E3416" s="6" t="e"/>
    </row>
    <row r="3417" ht="11" customHeight="true" s="1" customFormat="true" hidden="true" outlineLevel="3">
      <c r="A3417" s="6" t="s">
        <v>3806</v>
      </c>
      <c r="B3417" s="6" t="e"/>
      <c r="C3417" s="6" t="s">
        <v>3437</v>
      </c>
      <c r="D3417" s="6" t="s">
        <v>11</v>
      </c>
      <c r="E3417" s="6" t="e"/>
    </row>
    <row r="3418" ht="33" customHeight="true" s="1" customFormat="true" hidden="true" outlineLevel="3">
      <c r="A3418" s="6" t="s">
        <v>3807</v>
      </c>
      <c r="B3418" s="6" t="e"/>
      <c r="C3418" s="6" t="s">
        <v>149</v>
      </c>
      <c r="D3418" s="6" t="s">
        <v>40</v>
      </c>
      <c r="E3418" s="6" t="e"/>
    </row>
    <row r="3419" ht="33" customHeight="true" s="1" customFormat="true" hidden="true" outlineLevel="3">
      <c r="A3419" s="6" t="s">
        <v>3808</v>
      </c>
      <c r="B3419" s="6" t="e"/>
      <c r="C3419" s="6" t="s">
        <v>149</v>
      </c>
      <c r="D3419" s="6" t="s">
        <v>26</v>
      </c>
      <c r="E3419" s="6" t="e"/>
    </row>
    <row r="3420" ht="33" customHeight="true" s="1" customFormat="true" hidden="true" outlineLevel="3">
      <c r="A3420" s="6" t="s">
        <v>3809</v>
      </c>
      <c r="B3420" s="6" t="s">
        <v>1875</v>
      </c>
      <c r="C3420" s="6" t="s">
        <v>142</v>
      </c>
      <c r="D3420" s="6" t="s">
        <v>11</v>
      </c>
      <c r="E3420" s="6" t="e"/>
    </row>
    <row r="3421" ht="33" customHeight="true" s="1" customFormat="true" hidden="true" outlineLevel="3">
      <c r="A3421" s="6" t="s">
        <v>3810</v>
      </c>
      <c r="B3421" s="6" t="e"/>
      <c r="C3421" s="6" t="s">
        <v>219</v>
      </c>
      <c r="D3421" s="6" t="s">
        <v>26</v>
      </c>
      <c r="E3421" s="6" t="e"/>
    </row>
    <row r="3422" ht="33" customHeight="true" s="1" customFormat="true" hidden="true" outlineLevel="3">
      <c r="A3422" s="6" t="s">
        <v>3811</v>
      </c>
      <c r="B3422" s="6" t="e"/>
      <c r="C3422" s="6" t="s">
        <v>219</v>
      </c>
      <c r="D3422" s="6" t="s">
        <v>26</v>
      </c>
      <c r="E3422" s="6" t="e"/>
    </row>
    <row r="3423" ht="33" customHeight="true" s="1" customFormat="true" hidden="true" outlineLevel="3">
      <c r="A3423" s="6" t="s">
        <v>3812</v>
      </c>
      <c r="B3423" s="6" t="e"/>
      <c r="C3423" s="6" t="s">
        <v>219</v>
      </c>
      <c r="D3423" s="6" t="s">
        <v>40</v>
      </c>
      <c r="E3423" s="6" t="e"/>
    </row>
    <row r="3424" ht="44" customHeight="true" s="1" customFormat="true" hidden="true" outlineLevel="3">
      <c r="A3424" s="6" t="s">
        <v>3813</v>
      </c>
      <c r="B3424" s="6" t="e"/>
      <c r="C3424" s="6" t="s">
        <v>103</v>
      </c>
      <c r="D3424" s="6" t="s">
        <v>26</v>
      </c>
      <c r="E3424" s="6" t="e"/>
    </row>
    <row r="3425" ht="33" customHeight="true" s="1" customFormat="true" hidden="true" outlineLevel="3">
      <c r="A3425" s="6" t="s">
        <v>3814</v>
      </c>
      <c r="B3425" s="6" t="s">
        <v>105</v>
      </c>
      <c r="C3425" s="6" t="s">
        <v>51</v>
      </c>
      <c r="D3425" s="6" t="s">
        <v>11</v>
      </c>
      <c r="E3425" s="6" t="e"/>
    </row>
    <row r="3426" ht="44" customHeight="true" s="1" customFormat="true" hidden="true" outlineLevel="3">
      <c r="A3426" s="6" t="s">
        <v>3815</v>
      </c>
      <c r="B3426" s="6" t="s">
        <v>350</v>
      </c>
      <c r="C3426" s="6" t="s">
        <v>51</v>
      </c>
      <c r="D3426" s="6" t="s">
        <v>11</v>
      </c>
      <c r="E3426" s="6" t="e"/>
    </row>
    <row r="3427" ht="33" customHeight="true" s="1" customFormat="true" hidden="true" outlineLevel="3">
      <c r="A3427" s="6" t="s">
        <v>3816</v>
      </c>
      <c r="B3427" s="6" t="s">
        <v>1740</v>
      </c>
      <c r="C3427" s="6" t="s">
        <v>82</v>
      </c>
      <c r="D3427" s="6" t="s">
        <v>26</v>
      </c>
      <c r="E3427" s="6" t="e"/>
    </row>
    <row r="3428" ht="33" customHeight="true" s="1" customFormat="true" hidden="true" outlineLevel="3">
      <c r="A3428" s="6" t="s">
        <v>3817</v>
      </c>
      <c r="B3428" s="6" t="e"/>
      <c r="C3428" s="6" t="s">
        <v>127</v>
      </c>
      <c r="D3428" s="6" t="s">
        <v>40</v>
      </c>
      <c r="E3428" s="6" t="e"/>
    </row>
    <row r="3429" ht="33" customHeight="true" s="1" customFormat="true" hidden="true" outlineLevel="3">
      <c r="A3429" s="6" t="s">
        <v>3818</v>
      </c>
      <c r="B3429" s="6" t="s">
        <v>350</v>
      </c>
      <c r="C3429" s="6" t="s">
        <v>51</v>
      </c>
      <c r="D3429" s="6" t="s">
        <v>11</v>
      </c>
      <c r="E3429" s="6" t="e"/>
    </row>
    <row r="3430" ht="44" customHeight="true" s="1" customFormat="true" hidden="true" outlineLevel="3">
      <c r="A3430" s="6" t="s">
        <v>3819</v>
      </c>
      <c r="B3430" s="6" t="e"/>
      <c r="C3430" s="6" t="s">
        <v>72</v>
      </c>
      <c r="D3430" s="6" t="s">
        <v>11</v>
      </c>
      <c r="E3430" s="6" t="e"/>
    </row>
    <row r="3431" ht="44" customHeight="true" s="1" customFormat="true" hidden="true" outlineLevel="3">
      <c r="A3431" s="6" t="s">
        <v>3820</v>
      </c>
      <c r="B3431" s="6" t="e"/>
      <c r="C3431" s="6" t="s">
        <v>379</v>
      </c>
      <c r="D3431" s="6" t="s">
        <v>26</v>
      </c>
      <c r="E3431" s="6" t="e"/>
    </row>
    <row r="3432" ht="33" customHeight="true" s="1" customFormat="true" hidden="true" outlineLevel="3">
      <c r="A3432" s="6" t="s">
        <v>3821</v>
      </c>
      <c r="B3432" s="6" t="e"/>
      <c r="C3432" s="6" t="s">
        <v>155</v>
      </c>
      <c r="D3432" s="6" t="s">
        <v>11</v>
      </c>
      <c r="E3432" s="6" t="e"/>
    </row>
    <row r="3433" ht="22" customHeight="true" s="1" customFormat="true" hidden="true" outlineLevel="3">
      <c r="A3433" s="6" t="s">
        <v>3822</v>
      </c>
      <c r="B3433" s="6" t="e"/>
      <c r="C3433" s="6" t="s">
        <v>110</v>
      </c>
      <c r="D3433" s="6" t="s">
        <v>26</v>
      </c>
      <c r="E3433" s="6" t="e"/>
    </row>
    <row r="3434" ht="22" customHeight="true" s="1" customFormat="true" hidden="true" outlineLevel="3">
      <c r="A3434" s="6" t="s">
        <v>3823</v>
      </c>
      <c r="B3434" s="6" t="e"/>
      <c r="C3434" s="6" t="s">
        <v>350</v>
      </c>
      <c r="D3434" s="6" t="s">
        <v>40</v>
      </c>
      <c r="E3434" s="6" t="e"/>
    </row>
    <row r="3435" ht="22" customHeight="true" s="1" customFormat="true" hidden="true" outlineLevel="3">
      <c r="A3435" s="6" t="s">
        <v>3824</v>
      </c>
      <c r="B3435" s="6" t="e"/>
      <c r="C3435" s="6" t="s">
        <v>55</v>
      </c>
      <c r="D3435" s="6" t="s">
        <v>26</v>
      </c>
      <c r="E3435" s="6" t="e"/>
    </row>
    <row r="3436" ht="22" customHeight="true" s="1" customFormat="true" hidden="true" outlineLevel="3">
      <c r="A3436" s="6" t="s">
        <v>3825</v>
      </c>
      <c r="B3436" s="6" t="e"/>
      <c r="C3436" s="6" t="s">
        <v>21</v>
      </c>
      <c r="D3436" s="6" t="s">
        <v>11</v>
      </c>
      <c r="E3436" s="6" t="e"/>
    </row>
    <row r="3437" ht="22" customHeight="true" s="1" customFormat="true" hidden="true" outlineLevel="3">
      <c r="A3437" s="6" t="s">
        <v>3826</v>
      </c>
      <c r="B3437" s="6" t="e"/>
      <c r="C3437" s="6" t="s">
        <v>21</v>
      </c>
      <c r="D3437" s="6" t="s">
        <v>11</v>
      </c>
      <c r="E3437" s="6" t="e"/>
    </row>
    <row r="3438" ht="44" customHeight="true" s="1" customFormat="true" hidden="true" outlineLevel="3">
      <c r="A3438" s="6" t="s">
        <v>3827</v>
      </c>
      <c r="B3438" s="6" t="e"/>
      <c r="C3438" s="6" t="s">
        <v>21</v>
      </c>
      <c r="D3438" s="6" t="s">
        <v>11</v>
      </c>
      <c r="E3438" s="6" t="e"/>
    </row>
    <row r="3439" ht="44" customHeight="true" s="1" customFormat="true" hidden="true" outlineLevel="3">
      <c r="A3439" s="6" t="s">
        <v>3828</v>
      </c>
      <c r="B3439" s="6" t="e"/>
      <c r="C3439" s="6" t="s">
        <v>3829</v>
      </c>
      <c r="D3439" s="6" t="s">
        <v>11</v>
      </c>
      <c r="E3439" s="6" t="e"/>
    </row>
    <row r="3440" ht="33" customHeight="true" s="1" customFormat="true" hidden="true" outlineLevel="3">
      <c r="A3440" s="6" t="s">
        <v>3830</v>
      </c>
      <c r="B3440" s="6" t="e"/>
      <c r="C3440" s="6" t="s">
        <v>225</v>
      </c>
      <c r="D3440" s="6" t="s">
        <v>26</v>
      </c>
      <c r="E3440" s="6" t="e"/>
    </row>
    <row r="3441" ht="22" customHeight="true" s="1" customFormat="true" hidden="true" outlineLevel="3">
      <c r="A3441" s="6" t="s">
        <v>3831</v>
      </c>
      <c r="B3441" s="6" t="e"/>
      <c r="C3441" s="6" t="s">
        <v>188</v>
      </c>
      <c r="D3441" s="6" t="s">
        <v>11</v>
      </c>
      <c r="E3441" s="6" t="e"/>
    </row>
    <row r="3442" ht="22" customHeight="true" s="1" customFormat="true" hidden="true" outlineLevel="3">
      <c r="A3442" s="6" t="s">
        <v>3832</v>
      </c>
      <c r="B3442" s="6" t="e"/>
      <c r="C3442" s="6" t="s">
        <v>149</v>
      </c>
      <c r="D3442" s="6" t="s">
        <v>57</v>
      </c>
      <c r="E3442" s="6" t="e"/>
    </row>
    <row r="3443" ht="33" customHeight="true" s="1" customFormat="true" hidden="true" collapsed="true" outlineLevel="3">
      <c r="A3443" s="6" t="s">
        <v>3833</v>
      </c>
      <c r="B3443" s="6" t="e"/>
      <c r="C3443" s="6" t="s">
        <v>149</v>
      </c>
      <c r="D3443" s="6" t="s">
        <v>11</v>
      </c>
      <c r="E3443" s="6" t="e"/>
    </row>
    <row r="3444" ht="11" customHeight="true" s="1" customFormat="true" hidden="true" collapsed="true" outlineLevel="2">
      <c r="A3444" s="5" t="s">
        <v>2301</v>
      </c>
      <c r="B3444" s="5" t="e"/>
      <c r="C3444" s="5" t="e"/>
      <c r="D3444" s="5" t="e"/>
      <c r="E3444" s="5" t="e"/>
    </row>
    <row r="3445" ht="33" customHeight="true" s="1" customFormat="true" hidden="true" outlineLevel="3">
      <c r="A3445" s="6" t="s">
        <v>3834</v>
      </c>
      <c r="B3445" s="6" t="e"/>
      <c r="C3445" s="6" t="s">
        <v>136</v>
      </c>
      <c r="D3445" s="6" t="s">
        <v>57</v>
      </c>
      <c r="E3445" s="6" t="e"/>
    </row>
    <row r="3446" ht="33" customHeight="true" s="1" customFormat="true" hidden="true" outlineLevel="3">
      <c r="A3446" s="6" t="s">
        <v>3835</v>
      </c>
      <c r="B3446" s="6" t="e"/>
      <c r="C3446" s="6" t="s">
        <v>99</v>
      </c>
      <c r="D3446" s="6" t="s">
        <v>40</v>
      </c>
      <c r="E3446" s="6" t="e"/>
    </row>
    <row r="3447" ht="11" customHeight="true" s="1" customFormat="true" hidden="true" collapsed="true" outlineLevel="3">
      <c r="A3447" s="6" t="s">
        <v>3836</v>
      </c>
      <c r="B3447" s="6" t="e"/>
      <c r="C3447" s="6" t="s">
        <v>50</v>
      </c>
      <c r="D3447" s="6" t="s">
        <v>11</v>
      </c>
      <c r="E3447" s="6" t="e"/>
    </row>
    <row r="3448" ht="11" customHeight="true" s="1" customFormat="true" hidden="true" collapsed="true" outlineLevel="2">
      <c r="A3448" s="5" t="s">
        <v>3837</v>
      </c>
      <c r="B3448" s="5" t="e"/>
      <c r="C3448" s="5" t="e"/>
      <c r="D3448" s="5" t="e"/>
      <c r="E3448" s="5" t="e"/>
    </row>
    <row r="3449" ht="44" customHeight="true" s="1" customFormat="true" hidden="true" outlineLevel="3">
      <c r="A3449" s="6" t="s">
        <v>3838</v>
      </c>
      <c r="B3449" s="6" t="e"/>
      <c r="C3449" s="6" t="s">
        <v>188</v>
      </c>
      <c r="D3449" s="6" t="s">
        <v>26</v>
      </c>
      <c r="E3449" s="6" t="e"/>
    </row>
    <row r="3450" ht="33" customHeight="true" s="1" customFormat="true" hidden="true" outlineLevel="3">
      <c r="A3450" s="6" t="s">
        <v>3839</v>
      </c>
      <c r="B3450" s="6" t="e"/>
      <c r="C3450" s="6" t="s">
        <v>188</v>
      </c>
      <c r="D3450" s="6" t="s">
        <v>40</v>
      </c>
      <c r="E3450" s="6" t="e"/>
    </row>
    <row r="3451" ht="44" customHeight="true" s="1" customFormat="true" hidden="true" collapsed="true" outlineLevel="3">
      <c r="A3451" s="6" t="s">
        <v>3840</v>
      </c>
      <c r="B3451" s="6" t="e"/>
      <c r="C3451" s="6" t="s">
        <v>188</v>
      </c>
      <c r="D3451" s="6" t="s">
        <v>11</v>
      </c>
      <c r="E3451" s="6" t="e"/>
    </row>
    <row r="3452" ht="11" customHeight="true" s="1" customFormat="true" hidden="true" collapsed="true" outlineLevel="2">
      <c r="A3452" s="5" t="s">
        <v>3841</v>
      </c>
      <c r="B3452" s="5" t="e"/>
      <c r="C3452" s="5" t="e"/>
      <c r="D3452" s="5" t="e"/>
      <c r="E3452" s="5" t="e"/>
    </row>
    <row r="3453" ht="33" customHeight="true" s="1" customFormat="true" hidden="true" outlineLevel="3">
      <c r="A3453" s="6" t="s">
        <v>3842</v>
      </c>
      <c r="B3453" s="6" t="s">
        <v>421</v>
      </c>
      <c r="C3453" s="6" t="s">
        <v>1706</v>
      </c>
      <c r="D3453" s="6" t="s">
        <v>26</v>
      </c>
      <c r="E3453" s="6" t="e"/>
    </row>
    <row r="3454" ht="22" customHeight="true" s="1" customFormat="true" hidden="true" outlineLevel="3">
      <c r="A3454" s="6" t="s">
        <v>3843</v>
      </c>
      <c r="B3454" s="6" t="s">
        <v>1187</v>
      </c>
      <c r="C3454" s="6" t="s">
        <v>1706</v>
      </c>
      <c r="D3454" s="6" t="s">
        <v>11</v>
      </c>
      <c r="E3454" s="6" t="e"/>
    </row>
    <row r="3455" ht="22" customHeight="true" s="1" customFormat="true" hidden="true" outlineLevel="3">
      <c r="A3455" s="6" t="s">
        <v>3844</v>
      </c>
      <c r="B3455" s="6" t="e"/>
      <c r="C3455" s="6" t="s">
        <v>921</v>
      </c>
      <c r="D3455" s="6" t="s">
        <v>11</v>
      </c>
      <c r="E3455" s="6" t="e"/>
    </row>
    <row r="3456" ht="11" customHeight="true" s="1" customFormat="true" hidden="true" collapsed="true" outlineLevel="3">
      <c r="A3456" s="6" t="s">
        <v>3845</v>
      </c>
      <c r="B3456" s="6" t="e"/>
      <c r="C3456" s="6" t="s">
        <v>272</v>
      </c>
      <c r="D3456" s="6" t="s">
        <v>11</v>
      </c>
      <c r="E3456" s="6" t="e"/>
    </row>
    <row r="3457" ht="11" customHeight="true" s="1" customFormat="true" hidden="true" collapsed="true" outlineLevel="2">
      <c r="A3457" s="5" t="s">
        <v>3846</v>
      </c>
      <c r="B3457" s="5" t="e"/>
      <c r="C3457" s="5" t="e"/>
      <c r="D3457" s="5" t="e"/>
      <c r="E3457" s="5" t="e"/>
    </row>
    <row r="3458" ht="22" customHeight="true" s="1" customFormat="true" hidden="true" outlineLevel="3">
      <c r="A3458" s="6" t="s">
        <v>3847</v>
      </c>
      <c r="B3458" s="6" t="e"/>
      <c r="C3458" s="6" t="s">
        <v>296</v>
      </c>
      <c r="D3458" s="6" t="s">
        <v>26</v>
      </c>
      <c r="E3458" s="6" t="e"/>
    </row>
    <row r="3459" ht="22" customHeight="true" s="1" customFormat="true" hidden="true" outlineLevel="3">
      <c r="A3459" s="6" t="s">
        <v>3848</v>
      </c>
      <c r="B3459" s="6" t="s">
        <v>242</v>
      </c>
      <c r="C3459" s="6" t="s">
        <v>149</v>
      </c>
      <c r="D3459" s="6" t="s">
        <v>176</v>
      </c>
      <c r="E3459" s="6" t="e"/>
    </row>
    <row r="3460" ht="33" customHeight="true" s="1" customFormat="true" hidden="true" outlineLevel="3">
      <c r="A3460" s="6" t="s">
        <v>3849</v>
      </c>
      <c r="B3460" s="6" t="e"/>
      <c r="C3460" s="6" t="s">
        <v>141</v>
      </c>
      <c r="D3460" s="6" t="s">
        <v>276</v>
      </c>
      <c r="E3460" s="6" t="e"/>
    </row>
    <row r="3461" ht="22" customHeight="true" s="1" customFormat="true" hidden="true" outlineLevel="3">
      <c r="A3461" s="6" t="s">
        <v>3850</v>
      </c>
      <c r="B3461" s="6" t="e"/>
      <c r="C3461" s="6" t="s">
        <v>103</v>
      </c>
      <c r="D3461" s="6" t="s">
        <v>11</v>
      </c>
      <c r="E3461" s="6" t="e"/>
    </row>
    <row r="3462" ht="44" customHeight="true" s="1" customFormat="true" hidden="true" outlineLevel="3">
      <c r="A3462" s="6" t="s">
        <v>3851</v>
      </c>
      <c r="B3462" s="6" t="e"/>
      <c r="C3462" s="6" t="s">
        <v>350</v>
      </c>
      <c r="D3462" s="6" t="s">
        <v>11</v>
      </c>
      <c r="E3462" s="6" t="e"/>
    </row>
    <row r="3463" ht="33" customHeight="true" s="1" customFormat="true" hidden="true" outlineLevel="3">
      <c r="A3463" s="6" t="s">
        <v>3852</v>
      </c>
      <c r="B3463" s="6" t="e"/>
      <c r="C3463" s="6" t="s">
        <v>289</v>
      </c>
      <c r="D3463" s="6" t="s">
        <v>11</v>
      </c>
      <c r="E3463" s="6" t="e"/>
    </row>
    <row r="3464" ht="22" customHeight="true" s="1" customFormat="true" hidden="true" outlineLevel="3">
      <c r="A3464" s="6" t="s">
        <v>3853</v>
      </c>
      <c r="B3464" s="6" t="e"/>
      <c r="C3464" s="6" t="s">
        <v>73</v>
      </c>
      <c r="D3464" s="6" t="s">
        <v>26</v>
      </c>
      <c r="E3464" s="6" t="e"/>
    </row>
    <row r="3465" ht="33" customHeight="true" s="1" customFormat="true" hidden="true" outlineLevel="3">
      <c r="A3465" s="6" t="s">
        <v>3854</v>
      </c>
      <c r="B3465" s="6" t="e"/>
      <c r="C3465" s="6" t="s">
        <v>1186</v>
      </c>
      <c r="D3465" s="6" t="s">
        <v>26</v>
      </c>
      <c r="E3465" s="6" t="e"/>
    </row>
    <row r="3466" ht="33" customHeight="true" s="1" customFormat="true" hidden="true" outlineLevel="3">
      <c r="A3466" s="6" t="s">
        <v>3855</v>
      </c>
      <c r="B3466" s="6" t="e"/>
      <c r="C3466" s="6" t="s">
        <v>99</v>
      </c>
      <c r="D3466" s="6" t="s">
        <v>195</v>
      </c>
      <c r="E3466" s="6" t="e"/>
    </row>
    <row r="3467" ht="33" customHeight="true" s="1" customFormat="true" hidden="true" outlineLevel="3">
      <c r="A3467" s="6" t="s">
        <v>3856</v>
      </c>
      <c r="B3467" s="6" t="s">
        <v>519</v>
      </c>
      <c r="C3467" s="6" t="s">
        <v>219</v>
      </c>
      <c r="D3467" s="6" t="s">
        <v>15</v>
      </c>
      <c r="E3467" s="6" t="e"/>
    </row>
    <row r="3468" ht="44" customHeight="true" s="1" customFormat="true" hidden="true" outlineLevel="3">
      <c r="A3468" s="6" t="s">
        <v>3857</v>
      </c>
      <c r="B3468" s="6" t="e"/>
      <c r="C3468" s="6" t="s">
        <v>141</v>
      </c>
      <c r="D3468" s="6" t="s">
        <v>40</v>
      </c>
      <c r="E3468" s="6" t="e"/>
    </row>
    <row r="3469" ht="33" customHeight="true" s="1" customFormat="true" hidden="true" outlineLevel="3">
      <c r="A3469" s="6" t="s">
        <v>3858</v>
      </c>
      <c r="B3469" s="6" t="e"/>
      <c r="C3469" s="6" t="s">
        <v>141</v>
      </c>
      <c r="D3469" s="6" t="s">
        <v>11</v>
      </c>
      <c r="E3469" s="6" t="e"/>
    </row>
    <row r="3470" ht="11" customHeight="true" collapsed="true" outlineLevel="1">
      <c r="A3470" s="5" t="s">
        <v>3859</v>
      </c>
      <c r="B3470" s="5" t="e"/>
      <c r="C3470" s="5" t="e"/>
      <c r="D3470" s="5" t="e"/>
      <c r="E3470" s="5" t="e"/>
    </row>
    <row r="3471" ht="11" customHeight="true" s="1" customFormat="true" hidden="true" collapsed="true" outlineLevel="2">
      <c r="A3471" s="5" t="s">
        <v>3860</v>
      </c>
      <c r="B3471" s="5" t="e"/>
      <c r="C3471" s="5" t="e"/>
      <c r="D3471" s="5" t="e"/>
      <c r="E3471" s="5" t="e"/>
    </row>
    <row r="3472" ht="11" customHeight="true" s="1" customFormat="true" hidden="true" outlineLevel="3">
      <c r="A3472" s="6" t="s">
        <v>3861</v>
      </c>
      <c r="B3472" s="6" t="e"/>
      <c r="C3472" s="6" t="s">
        <v>126</v>
      </c>
      <c r="D3472" s="6" t="s">
        <v>26</v>
      </c>
      <c r="E3472" s="6" t="e"/>
    </row>
    <row r="3473" ht="22" customHeight="true" s="1" customFormat="true" hidden="true" outlineLevel="3">
      <c r="A3473" s="6" t="s">
        <v>3862</v>
      </c>
      <c r="B3473" s="6" t="e"/>
      <c r="C3473" s="6" t="s">
        <v>126</v>
      </c>
      <c r="D3473" s="6" t="s">
        <v>123</v>
      </c>
      <c r="E3473" s="6" t="e"/>
    </row>
    <row r="3474" ht="22" customHeight="true" s="1" customFormat="true" hidden="true" outlineLevel="3">
      <c r="A3474" s="6" t="s">
        <v>3863</v>
      </c>
      <c r="B3474" s="6" t="e"/>
      <c r="C3474" s="6" t="s">
        <v>371</v>
      </c>
      <c r="D3474" s="6" t="s">
        <v>11</v>
      </c>
      <c r="E3474" s="6" t="e"/>
    </row>
    <row r="3475" ht="22" customHeight="true" s="1" customFormat="true" hidden="true" outlineLevel="3">
      <c r="A3475" s="6" t="s">
        <v>3864</v>
      </c>
      <c r="B3475" s="6" t="e"/>
      <c r="C3475" s="6" t="s">
        <v>219</v>
      </c>
      <c r="D3475" s="6" t="s">
        <v>11</v>
      </c>
      <c r="E3475" s="6" t="e"/>
    </row>
    <row r="3476" ht="11" customHeight="true" s="1" customFormat="true" hidden="true" outlineLevel="3">
      <c r="A3476" s="6" t="s">
        <v>3865</v>
      </c>
      <c r="B3476" s="6" t="e"/>
      <c r="C3476" s="6" t="s">
        <v>55</v>
      </c>
      <c r="D3476" s="6" t="s">
        <v>11</v>
      </c>
      <c r="E3476" s="6" t="e"/>
    </row>
    <row r="3477" ht="22" customHeight="true" s="1" customFormat="true" hidden="true" outlineLevel="3">
      <c r="A3477" s="6" t="s">
        <v>3866</v>
      </c>
      <c r="B3477" s="6" t="e"/>
      <c r="C3477" s="6" t="s">
        <v>253</v>
      </c>
      <c r="D3477" s="6" t="s">
        <v>57</v>
      </c>
      <c r="E3477" s="6" t="e"/>
    </row>
    <row r="3478" ht="22" customHeight="true" s="1" customFormat="true" hidden="true" outlineLevel="3">
      <c r="A3478" s="6" t="s">
        <v>3867</v>
      </c>
      <c r="B3478" s="6" t="e"/>
      <c r="C3478" s="6" t="s">
        <v>55</v>
      </c>
      <c r="D3478" s="6" t="s">
        <v>11</v>
      </c>
      <c r="E3478" s="6" t="e"/>
    </row>
    <row r="3479" ht="22" customHeight="true" s="1" customFormat="true" hidden="true" outlineLevel="3">
      <c r="A3479" s="6" t="s">
        <v>3868</v>
      </c>
      <c r="B3479" s="6" t="e"/>
      <c r="C3479" s="6" t="s">
        <v>21</v>
      </c>
      <c r="D3479" s="6" t="s">
        <v>11</v>
      </c>
      <c r="E3479" s="6" t="e"/>
    </row>
    <row r="3480" ht="22" customHeight="true" s="1" customFormat="true" hidden="true" outlineLevel="3">
      <c r="A3480" s="6" t="s">
        <v>3869</v>
      </c>
      <c r="B3480" s="6" t="e"/>
      <c r="C3480" s="6" t="s">
        <v>155</v>
      </c>
      <c r="D3480" s="6" t="s">
        <v>11</v>
      </c>
      <c r="E3480" s="6" t="e"/>
    </row>
    <row r="3481" ht="22" customHeight="true" s="1" customFormat="true" hidden="true" outlineLevel="3">
      <c r="A3481" s="6" t="s">
        <v>3870</v>
      </c>
      <c r="B3481" s="6" t="e"/>
      <c r="C3481" s="6" t="s">
        <v>369</v>
      </c>
      <c r="D3481" s="6" t="s">
        <v>11</v>
      </c>
      <c r="E3481" s="6" t="e"/>
    </row>
    <row r="3482" ht="22" customHeight="true" s="1" customFormat="true" hidden="true" outlineLevel="3">
      <c r="A3482" s="6" t="s">
        <v>3871</v>
      </c>
      <c r="B3482" s="6" t="e"/>
      <c r="C3482" s="6" t="s">
        <v>55</v>
      </c>
      <c r="D3482" s="6" t="s">
        <v>11</v>
      </c>
      <c r="E3482" s="6" t="e"/>
    </row>
    <row r="3483" ht="22" customHeight="true" s="1" customFormat="true" hidden="true" outlineLevel="3">
      <c r="A3483" s="6" t="s">
        <v>3872</v>
      </c>
      <c r="B3483" s="6" t="e"/>
      <c r="C3483" s="6" t="s">
        <v>21</v>
      </c>
      <c r="D3483" s="6" t="s">
        <v>40</v>
      </c>
      <c r="E3483" s="6" t="e"/>
    </row>
    <row r="3484" ht="22" customHeight="true" s="1" customFormat="true" hidden="true" outlineLevel="3">
      <c r="A3484" s="6" t="s">
        <v>3873</v>
      </c>
      <c r="B3484" s="6" t="e"/>
      <c r="C3484" s="6" t="s">
        <v>112</v>
      </c>
      <c r="D3484" s="6" t="s">
        <v>11</v>
      </c>
      <c r="E3484" s="6" t="e"/>
    </row>
    <row r="3485" ht="22" customHeight="true" s="1" customFormat="true" hidden="true" outlineLevel="3">
      <c r="A3485" s="6" t="s">
        <v>3874</v>
      </c>
      <c r="B3485" s="6" t="e"/>
      <c r="C3485" s="6" t="s">
        <v>219</v>
      </c>
      <c r="D3485" s="6" t="s">
        <v>11</v>
      </c>
      <c r="E3485" s="6" t="e"/>
    </row>
    <row r="3486" ht="11" customHeight="true" s="1" customFormat="true" hidden="true" outlineLevel="3">
      <c r="A3486" s="6" t="s">
        <v>3875</v>
      </c>
      <c r="B3486" s="6" t="e"/>
      <c r="C3486" s="6" t="s">
        <v>126</v>
      </c>
      <c r="D3486" s="6" t="s">
        <v>11</v>
      </c>
      <c r="E3486" s="6" t="e"/>
    </row>
    <row r="3487" ht="44" customHeight="true" s="1" customFormat="true" hidden="true" outlineLevel="3">
      <c r="A3487" s="6" t="s">
        <v>3876</v>
      </c>
      <c r="B3487" s="6" t="e"/>
      <c r="C3487" s="6" t="s">
        <v>242</v>
      </c>
      <c r="D3487" s="6" t="s">
        <v>40</v>
      </c>
      <c r="E3487" s="6" t="e"/>
    </row>
    <row r="3488" ht="11" customHeight="true" s="1" customFormat="true" hidden="true" outlineLevel="3">
      <c r="A3488" s="6" t="s">
        <v>3877</v>
      </c>
      <c r="B3488" s="6" t="e"/>
      <c r="C3488" s="6" t="s">
        <v>225</v>
      </c>
      <c r="D3488" s="6" t="s">
        <v>11</v>
      </c>
      <c r="E3488" s="6" t="e"/>
    </row>
    <row r="3489" ht="33" customHeight="true" s="1" customFormat="true" hidden="true" outlineLevel="3">
      <c r="A3489" s="6" t="s">
        <v>3878</v>
      </c>
      <c r="B3489" s="6" t="e"/>
      <c r="C3489" s="6" t="s">
        <v>142</v>
      </c>
      <c r="D3489" s="6" t="s">
        <v>11</v>
      </c>
      <c r="E3489" s="6" t="e"/>
    </row>
    <row r="3490" ht="11" customHeight="true" s="1" customFormat="true" hidden="true" outlineLevel="3">
      <c r="A3490" s="6" t="s">
        <v>3879</v>
      </c>
      <c r="B3490" s="6" t="e"/>
      <c r="C3490" s="6" t="s">
        <v>141</v>
      </c>
      <c r="D3490" s="6" t="s">
        <v>26</v>
      </c>
      <c r="E3490" s="6" t="e"/>
    </row>
    <row r="3491" ht="33" customHeight="true" s="1" customFormat="true" hidden="true" outlineLevel="3">
      <c r="A3491" s="6" t="s">
        <v>3880</v>
      </c>
      <c r="B3491" s="6" t="e"/>
      <c r="C3491" s="6" t="s">
        <v>242</v>
      </c>
      <c r="D3491" s="6" t="s">
        <v>40</v>
      </c>
      <c r="E3491" s="6" t="e"/>
    </row>
    <row r="3492" ht="22" customHeight="true" s="1" customFormat="true" hidden="true" outlineLevel="3">
      <c r="A3492" s="6" t="s">
        <v>3881</v>
      </c>
      <c r="B3492" s="6" t="e"/>
      <c r="C3492" s="6" t="s">
        <v>371</v>
      </c>
      <c r="D3492" s="6" t="s">
        <v>11</v>
      </c>
      <c r="E3492" s="6" t="e"/>
    </row>
    <row r="3493" ht="22" customHeight="true" s="1" customFormat="true" hidden="true" outlineLevel="3">
      <c r="A3493" s="6" t="s">
        <v>3882</v>
      </c>
      <c r="B3493" s="6" t="e"/>
      <c r="C3493" s="6" t="s">
        <v>126</v>
      </c>
      <c r="D3493" s="6" t="s">
        <v>11</v>
      </c>
      <c r="E3493" s="6" t="e"/>
    </row>
    <row r="3494" ht="11" customHeight="true" s="1" customFormat="true" hidden="true" outlineLevel="3">
      <c r="A3494" s="6" t="s">
        <v>3883</v>
      </c>
      <c r="B3494" s="6" t="e"/>
      <c r="C3494" s="6" t="s">
        <v>225</v>
      </c>
      <c r="D3494" s="6" t="s">
        <v>11</v>
      </c>
      <c r="E3494" s="6" t="e"/>
    </row>
    <row r="3495" ht="22" customHeight="true" s="1" customFormat="true" hidden="true" outlineLevel="3">
      <c r="A3495" s="6" t="s">
        <v>3884</v>
      </c>
      <c r="B3495" s="6" t="e"/>
      <c r="C3495" s="6" t="s">
        <v>188</v>
      </c>
      <c r="D3495" s="6" t="s">
        <v>11</v>
      </c>
      <c r="E3495" s="6" t="e"/>
    </row>
    <row r="3496" ht="11" customHeight="true" s="1" customFormat="true" hidden="true" outlineLevel="3">
      <c r="A3496" s="6" t="s">
        <v>3885</v>
      </c>
      <c r="B3496" s="6" t="e"/>
      <c r="C3496" s="6" t="s">
        <v>141</v>
      </c>
      <c r="D3496" s="6" t="s">
        <v>26</v>
      </c>
      <c r="E3496" s="6" t="e"/>
    </row>
    <row r="3497" ht="11" customHeight="true" s="1" customFormat="true" hidden="true" outlineLevel="3">
      <c r="A3497" s="6" t="s">
        <v>3886</v>
      </c>
      <c r="B3497" s="6" t="e"/>
      <c r="C3497" s="6" t="s">
        <v>2768</v>
      </c>
      <c r="D3497" s="6" t="s">
        <v>11</v>
      </c>
      <c r="E3497" s="6" t="e"/>
    </row>
    <row r="3498" ht="11" customHeight="true" s="1" customFormat="true" hidden="true" outlineLevel="3">
      <c r="A3498" s="6" t="s">
        <v>3887</v>
      </c>
      <c r="B3498" s="6" t="e"/>
      <c r="C3498" s="6" t="s">
        <v>55</v>
      </c>
      <c r="D3498" s="6" t="s">
        <v>11</v>
      </c>
      <c r="E3498" s="6" t="e"/>
    </row>
    <row r="3499" ht="11" customHeight="true" s="1" customFormat="true" hidden="true" outlineLevel="3">
      <c r="A3499" s="6" t="s">
        <v>3888</v>
      </c>
      <c r="B3499" s="6" t="e"/>
      <c r="C3499" s="6" t="s">
        <v>225</v>
      </c>
      <c r="D3499" s="6" t="s">
        <v>11</v>
      </c>
      <c r="E3499" s="6" t="e"/>
    </row>
    <row r="3500" ht="11" customHeight="true" s="1" customFormat="true" hidden="true" outlineLevel="3">
      <c r="A3500" s="6" t="s">
        <v>3889</v>
      </c>
      <c r="B3500" s="6" t="e"/>
      <c r="C3500" s="6" t="s">
        <v>141</v>
      </c>
      <c r="D3500" s="6" t="s">
        <v>11</v>
      </c>
      <c r="E3500" s="6" t="e"/>
    </row>
    <row r="3501" ht="22" customHeight="true" s="1" customFormat="true" hidden="true" outlineLevel="3">
      <c r="A3501" s="6" t="s">
        <v>3890</v>
      </c>
      <c r="B3501" s="6" t="e"/>
      <c r="C3501" s="6" t="s">
        <v>155</v>
      </c>
      <c r="D3501" s="6" t="s">
        <v>26</v>
      </c>
      <c r="E3501" s="6" t="e"/>
    </row>
    <row r="3502" ht="22" customHeight="true" s="1" customFormat="true" hidden="true" outlineLevel="3">
      <c r="A3502" s="6" t="s">
        <v>3891</v>
      </c>
      <c r="B3502" s="6" t="e"/>
      <c r="C3502" s="6" t="s">
        <v>155</v>
      </c>
      <c r="D3502" s="6" t="s">
        <v>26</v>
      </c>
      <c r="E3502" s="6" t="e"/>
    </row>
    <row r="3503" ht="33" customHeight="true" s="1" customFormat="true" hidden="true" outlineLevel="3">
      <c r="A3503" s="6" t="s">
        <v>3892</v>
      </c>
      <c r="B3503" s="6" t="e"/>
      <c r="C3503" s="6" t="s">
        <v>142</v>
      </c>
      <c r="D3503" s="6" t="s">
        <v>26</v>
      </c>
      <c r="E3503" s="6" t="e"/>
    </row>
    <row r="3504" ht="33" customHeight="true" s="1" customFormat="true" hidden="true" outlineLevel="3">
      <c r="A3504" s="6" t="s">
        <v>3893</v>
      </c>
      <c r="B3504" s="6" t="e"/>
      <c r="C3504" s="6" t="s">
        <v>142</v>
      </c>
      <c r="D3504" s="6" t="s">
        <v>26</v>
      </c>
      <c r="E3504" s="6" t="e"/>
    </row>
    <row r="3505" ht="33" customHeight="true" s="1" customFormat="true" hidden="true" outlineLevel="3">
      <c r="A3505" s="6" t="s">
        <v>3894</v>
      </c>
      <c r="B3505" s="6" t="e"/>
      <c r="C3505" s="6" t="s">
        <v>18</v>
      </c>
      <c r="D3505" s="6" t="s">
        <v>11</v>
      </c>
      <c r="E3505" s="6" t="e"/>
    </row>
    <row r="3506" ht="33" customHeight="true" s="1" customFormat="true" hidden="true" outlineLevel="3">
      <c r="A3506" s="6" t="s">
        <v>3895</v>
      </c>
      <c r="B3506" s="6" t="e"/>
      <c r="C3506" s="6" t="s">
        <v>3428</v>
      </c>
      <c r="D3506" s="6" t="s">
        <v>11</v>
      </c>
      <c r="E3506" s="6" t="e"/>
    </row>
    <row r="3507" ht="33" customHeight="true" s="1" customFormat="true" hidden="true" outlineLevel="3">
      <c r="A3507" s="6" t="s">
        <v>3896</v>
      </c>
      <c r="B3507" s="6" t="e"/>
      <c r="C3507" s="6" t="s">
        <v>83</v>
      </c>
      <c r="D3507" s="6" t="s">
        <v>26</v>
      </c>
      <c r="E3507" s="6" t="e"/>
    </row>
    <row r="3508" ht="22" customHeight="true" s="1" customFormat="true" hidden="true" outlineLevel="3">
      <c r="A3508" s="6" t="s">
        <v>3897</v>
      </c>
      <c r="B3508" s="6" t="e"/>
      <c r="C3508" s="6" t="s">
        <v>55</v>
      </c>
      <c r="D3508" s="6" t="s">
        <v>11</v>
      </c>
      <c r="E3508" s="6" t="e"/>
    </row>
    <row r="3509" ht="33" customHeight="true" s="1" customFormat="true" hidden="true" outlineLevel="3">
      <c r="A3509" s="6" t="s">
        <v>3898</v>
      </c>
      <c r="B3509" s="6" t="e"/>
      <c r="C3509" s="6" t="s">
        <v>3899</v>
      </c>
      <c r="D3509" s="6" t="s">
        <v>26</v>
      </c>
      <c r="E3509" s="6" t="e"/>
    </row>
    <row r="3510" ht="33" customHeight="true" s="1" customFormat="true" hidden="true" outlineLevel="3">
      <c r="A3510" s="6" t="s">
        <v>3900</v>
      </c>
      <c r="B3510" s="6" t="e"/>
      <c r="C3510" s="6" t="s">
        <v>82</v>
      </c>
      <c r="D3510" s="6" t="s">
        <v>26</v>
      </c>
      <c r="E3510" s="6" t="e"/>
    </row>
    <row r="3511" ht="44" customHeight="true" s="1" customFormat="true" hidden="true" outlineLevel="3">
      <c r="A3511" s="6" t="s">
        <v>3901</v>
      </c>
      <c r="B3511" s="6" t="e"/>
      <c r="C3511" s="6" t="s">
        <v>253</v>
      </c>
      <c r="D3511" s="6" t="s">
        <v>11</v>
      </c>
      <c r="E3511" s="6" t="e"/>
    </row>
    <row r="3512" ht="33" customHeight="true" s="1" customFormat="true" hidden="true" outlineLevel="3">
      <c r="A3512" s="6" t="s">
        <v>3902</v>
      </c>
      <c r="B3512" s="6" t="e"/>
      <c r="C3512" s="6" t="s">
        <v>3428</v>
      </c>
      <c r="D3512" s="6" t="s">
        <v>11</v>
      </c>
      <c r="E3512" s="6" t="e"/>
    </row>
    <row r="3513" ht="33" customHeight="true" s="1" customFormat="true" hidden="true" outlineLevel="3">
      <c r="A3513" s="6" t="s">
        <v>3903</v>
      </c>
      <c r="B3513" s="6" t="e"/>
      <c r="C3513" s="6" t="s">
        <v>82</v>
      </c>
      <c r="D3513" s="6" t="s">
        <v>11</v>
      </c>
      <c r="E3513" s="6" t="e"/>
    </row>
    <row r="3514" ht="11" customHeight="true" s="1" customFormat="true" hidden="true" outlineLevel="3">
      <c r="A3514" s="6" t="s">
        <v>3904</v>
      </c>
      <c r="B3514" s="6" t="e"/>
      <c r="C3514" s="6" t="s">
        <v>149</v>
      </c>
      <c r="D3514" s="6" t="s">
        <v>26</v>
      </c>
      <c r="E3514" s="6" t="e"/>
    </row>
    <row r="3515" ht="22" customHeight="true" s="1" customFormat="true" hidden="true" outlineLevel="3">
      <c r="A3515" s="6" t="s">
        <v>3905</v>
      </c>
      <c r="B3515" s="6" t="e"/>
      <c r="C3515" s="6" t="s">
        <v>82</v>
      </c>
      <c r="D3515" s="6" t="s">
        <v>11</v>
      </c>
      <c r="E3515" s="6" t="e"/>
    </row>
    <row r="3516" ht="22" customHeight="true" s="1" customFormat="true" hidden="true" outlineLevel="3">
      <c r="A3516" s="6" t="s">
        <v>3906</v>
      </c>
      <c r="B3516" s="6" t="e"/>
      <c r="C3516" s="6" t="s">
        <v>82</v>
      </c>
      <c r="D3516" s="6" t="s">
        <v>26</v>
      </c>
      <c r="E3516" s="6" t="e"/>
    </row>
    <row r="3517" ht="33" customHeight="true" s="1" customFormat="true" hidden="true" collapsed="true" outlineLevel="3">
      <c r="A3517" s="6" t="s">
        <v>3907</v>
      </c>
      <c r="B3517" s="6" t="e"/>
      <c r="C3517" s="6" t="s">
        <v>82</v>
      </c>
      <c r="D3517" s="6" t="s">
        <v>11</v>
      </c>
      <c r="E3517" s="6" t="e"/>
    </row>
    <row r="3518" ht="11" customHeight="true" s="1" customFormat="true" hidden="true" collapsed="true" outlineLevel="2">
      <c r="A3518" s="5" t="s">
        <v>3908</v>
      </c>
      <c r="B3518" s="5" t="e"/>
      <c r="C3518" s="5" t="e"/>
      <c r="D3518" s="5" t="e"/>
      <c r="E3518" s="5" t="e"/>
    </row>
    <row r="3519" ht="33" customHeight="true" s="1" customFormat="true" hidden="true" outlineLevel="3">
      <c r="A3519" s="6" t="s">
        <v>3909</v>
      </c>
      <c r="B3519" s="6" t="e"/>
      <c r="C3519" s="6" t="s">
        <v>242</v>
      </c>
      <c r="D3519" s="6" t="s">
        <v>11</v>
      </c>
      <c r="E3519" s="6" t="e"/>
    </row>
    <row r="3520" ht="22" customHeight="true" s="1" customFormat="true" hidden="true" outlineLevel="3">
      <c r="A3520" s="6" t="s">
        <v>3910</v>
      </c>
      <c r="B3520" s="6" t="e"/>
      <c r="C3520" s="6" t="s">
        <v>242</v>
      </c>
      <c r="D3520" s="6" t="s">
        <v>11</v>
      </c>
      <c r="E3520" s="6" t="e"/>
    </row>
    <row r="3521" ht="22" customHeight="true" s="1" customFormat="true" hidden="true" outlineLevel="3">
      <c r="A3521" s="6" t="s">
        <v>3911</v>
      </c>
      <c r="B3521" s="6" t="e"/>
      <c r="C3521" s="6" t="s">
        <v>225</v>
      </c>
      <c r="D3521" s="6" t="s">
        <v>11</v>
      </c>
      <c r="E3521" s="6" t="e"/>
    </row>
    <row r="3522" ht="22" customHeight="true" s="1" customFormat="true" hidden="true" outlineLevel="3">
      <c r="A3522" s="6" t="s">
        <v>3912</v>
      </c>
      <c r="B3522" s="6" t="e"/>
      <c r="C3522" s="6" t="s">
        <v>296</v>
      </c>
      <c r="D3522" s="6" t="s">
        <v>11</v>
      </c>
      <c r="E3522" s="6" t="e"/>
    </row>
    <row r="3523" ht="22" customHeight="true" s="1" customFormat="true" hidden="true" outlineLevel="3">
      <c r="A3523" s="6" t="s">
        <v>3913</v>
      </c>
      <c r="B3523" s="6" t="e"/>
      <c r="C3523" s="6" t="s">
        <v>296</v>
      </c>
      <c r="D3523" s="6" t="s">
        <v>26</v>
      </c>
      <c r="E3523" s="6" t="e"/>
    </row>
    <row r="3524" ht="22" customHeight="true" s="1" customFormat="true" hidden="true" outlineLevel="3">
      <c r="A3524" s="6" t="s">
        <v>3914</v>
      </c>
      <c r="B3524" s="6" t="e"/>
      <c r="C3524" s="6" t="s">
        <v>242</v>
      </c>
      <c r="D3524" s="6" t="s">
        <v>26</v>
      </c>
      <c r="E3524" s="6" t="e"/>
    </row>
    <row r="3525" ht="22" customHeight="true" s="1" customFormat="true" hidden="true" outlineLevel="3">
      <c r="A3525" s="6" t="s">
        <v>3915</v>
      </c>
      <c r="B3525" s="6" t="e"/>
      <c r="C3525" s="6" t="s">
        <v>242</v>
      </c>
      <c r="D3525" s="6" t="s">
        <v>26</v>
      </c>
      <c r="E3525" s="6" t="e"/>
    </row>
    <row r="3526" ht="11" customHeight="true" s="1" customFormat="true" hidden="true" outlineLevel="3">
      <c r="A3526" s="6" t="s">
        <v>3916</v>
      </c>
      <c r="B3526" s="6" t="e"/>
      <c r="C3526" s="6" t="s">
        <v>242</v>
      </c>
      <c r="D3526" s="6" t="s">
        <v>26</v>
      </c>
      <c r="E3526" s="6" t="e"/>
    </row>
    <row r="3527" ht="22" customHeight="true" s="1" customFormat="true" hidden="true" outlineLevel="3">
      <c r="A3527" s="6" t="s">
        <v>3917</v>
      </c>
      <c r="B3527" s="6" t="e"/>
      <c r="C3527" s="6" t="s">
        <v>141</v>
      </c>
      <c r="D3527" s="6" t="s">
        <v>26</v>
      </c>
      <c r="E3527" s="6" t="e"/>
    </row>
    <row r="3528" ht="22" customHeight="true" s="1" customFormat="true" hidden="true" outlineLevel="3">
      <c r="A3528" s="6" t="s">
        <v>3918</v>
      </c>
      <c r="B3528" s="6" t="e"/>
      <c r="C3528" s="6" t="s">
        <v>141</v>
      </c>
      <c r="D3528" s="6" t="s">
        <v>11</v>
      </c>
      <c r="E3528" s="6" t="e"/>
    </row>
    <row r="3529" ht="22" customHeight="true" s="1" customFormat="true" hidden="true" outlineLevel="3">
      <c r="A3529" s="6" t="s">
        <v>3919</v>
      </c>
      <c r="B3529" s="6" t="e"/>
      <c r="C3529" s="6" t="s">
        <v>99</v>
      </c>
      <c r="D3529" s="6" t="s">
        <v>11</v>
      </c>
      <c r="E3529" s="6" t="e"/>
    </row>
    <row r="3530" ht="22" customHeight="true" s="1" customFormat="true" hidden="true" outlineLevel="3">
      <c r="A3530" s="6" t="s">
        <v>3920</v>
      </c>
      <c r="B3530" s="6" t="e"/>
      <c r="C3530" s="6" t="s">
        <v>99</v>
      </c>
      <c r="D3530" s="6" t="s">
        <v>11</v>
      </c>
      <c r="E3530" s="6" t="e"/>
    </row>
    <row r="3531" ht="33" customHeight="true" s="1" customFormat="true" hidden="true" outlineLevel="3">
      <c r="A3531" s="6" t="s">
        <v>3921</v>
      </c>
      <c r="B3531" s="6" t="e"/>
      <c r="C3531" s="6" t="s">
        <v>296</v>
      </c>
      <c r="D3531" s="6" t="s">
        <v>26</v>
      </c>
      <c r="E3531" s="6" t="e"/>
    </row>
    <row r="3532" ht="44" customHeight="true" s="1" customFormat="true" hidden="true" outlineLevel="3">
      <c r="A3532" s="6" t="s">
        <v>3922</v>
      </c>
      <c r="B3532" s="6" t="e"/>
      <c r="C3532" s="6" t="s">
        <v>167</v>
      </c>
      <c r="D3532" s="6" t="s">
        <v>11</v>
      </c>
      <c r="E3532" s="6" t="e"/>
    </row>
    <row r="3533" ht="33" customHeight="true" s="1" customFormat="true" hidden="true" outlineLevel="3">
      <c r="A3533" s="6" t="s">
        <v>3923</v>
      </c>
      <c r="B3533" s="6" t="e"/>
      <c r="C3533" s="6" t="s">
        <v>296</v>
      </c>
      <c r="D3533" s="6" t="s">
        <v>26</v>
      </c>
      <c r="E3533" s="6" t="e"/>
    </row>
    <row r="3534" ht="33" customHeight="true" s="1" customFormat="true" hidden="true" outlineLevel="3">
      <c r="A3534" s="6" t="s">
        <v>3924</v>
      </c>
      <c r="B3534" s="6" t="e"/>
      <c r="C3534" s="6" t="s">
        <v>296</v>
      </c>
      <c r="D3534" s="6" t="s">
        <v>40</v>
      </c>
      <c r="E3534" s="6" t="e"/>
    </row>
    <row r="3535" ht="22" customHeight="true" s="1" customFormat="true" hidden="true" outlineLevel="3">
      <c r="A3535" s="6" t="s">
        <v>3925</v>
      </c>
      <c r="B3535" s="6" t="e"/>
      <c r="C3535" s="6" t="s">
        <v>167</v>
      </c>
      <c r="D3535" s="6" t="s">
        <v>40</v>
      </c>
      <c r="E3535" s="6" t="e"/>
    </row>
    <row r="3536" ht="22" customHeight="true" s="1" customFormat="true" hidden="true" outlineLevel="3">
      <c r="A3536" s="6" t="s">
        <v>3926</v>
      </c>
      <c r="B3536" s="6" t="e"/>
      <c r="C3536" s="6" t="s">
        <v>149</v>
      </c>
      <c r="D3536" s="6" t="s">
        <v>11</v>
      </c>
      <c r="E3536" s="6" t="e"/>
    </row>
    <row r="3537" ht="22" customHeight="true" s="1" customFormat="true" hidden="true" outlineLevel="3">
      <c r="A3537" s="6" t="s">
        <v>3927</v>
      </c>
      <c r="B3537" s="6" t="e"/>
      <c r="C3537" s="6" t="s">
        <v>149</v>
      </c>
      <c r="D3537" s="6" t="s">
        <v>11</v>
      </c>
      <c r="E3537" s="6" t="e"/>
    </row>
    <row r="3538" ht="44" customHeight="true" s="1" customFormat="true" hidden="true" outlineLevel="3">
      <c r="A3538" s="6" t="s">
        <v>3928</v>
      </c>
      <c r="B3538" s="6" t="e"/>
      <c r="C3538" s="6" t="s">
        <v>103</v>
      </c>
      <c r="D3538" s="6" t="s">
        <v>11</v>
      </c>
      <c r="E3538" s="6" t="e"/>
    </row>
    <row r="3539" ht="22" customHeight="true" s="1" customFormat="true" hidden="true" outlineLevel="3">
      <c r="A3539" s="6" t="s">
        <v>3929</v>
      </c>
      <c r="B3539" s="6" t="e"/>
      <c r="C3539" s="6" t="s">
        <v>188</v>
      </c>
      <c r="D3539" s="6" t="s">
        <v>11</v>
      </c>
      <c r="E3539" s="6" t="e"/>
    </row>
    <row r="3540" ht="22" customHeight="true" s="1" customFormat="true" hidden="true" outlineLevel="3">
      <c r="A3540" s="6" t="s">
        <v>3930</v>
      </c>
      <c r="B3540" s="6" t="e"/>
      <c r="C3540" s="6" t="s">
        <v>141</v>
      </c>
      <c r="D3540" s="6" t="s">
        <v>11</v>
      </c>
      <c r="E3540" s="6" t="e"/>
    </row>
    <row r="3541" ht="11" customHeight="true" collapsed="true" outlineLevel="1">
      <c r="A3541" s="5" t="s">
        <v>3931</v>
      </c>
      <c r="B3541" s="5" t="e"/>
      <c r="C3541" s="5" t="e"/>
      <c r="D3541" s="5" t="e"/>
      <c r="E3541" s="5" t="e"/>
    </row>
    <row r="3542" ht="11" customHeight="true" s="1" customFormat="true" hidden="true" collapsed="true" outlineLevel="2">
      <c r="A3542" s="5" t="s">
        <v>3932</v>
      </c>
      <c r="B3542" s="5" t="e"/>
      <c r="C3542" s="5" t="e"/>
      <c r="D3542" s="5" t="e"/>
      <c r="E3542" s="5" t="e"/>
    </row>
    <row r="3543" ht="22" customHeight="true" s="1" customFormat="true" hidden="true" outlineLevel="3">
      <c r="A3543" s="6" t="s">
        <v>3933</v>
      </c>
      <c r="B3543" s="6" t="e"/>
      <c r="C3543" s="6" t="s">
        <v>242</v>
      </c>
      <c r="D3543" s="6" t="s">
        <v>11</v>
      </c>
      <c r="E3543" s="6" t="e"/>
    </row>
    <row r="3544" ht="22" customHeight="true" s="1" customFormat="true" hidden="true" collapsed="true" outlineLevel="3">
      <c r="A3544" s="6" t="s">
        <v>3934</v>
      </c>
      <c r="B3544" s="6" t="e"/>
      <c r="C3544" s="6" t="s">
        <v>242</v>
      </c>
      <c r="D3544" s="6" t="s">
        <v>40</v>
      </c>
      <c r="E3544" s="6" t="e"/>
    </row>
    <row r="3545" ht="11" customHeight="true" s="1" customFormat="true" hidden="true" collapsed="true" outlineLevel="2">
      <c r="A3545" s="5" t="s">
        <v>3935</v>
      </c>
      <c r="B3545" s="5" t="e"/>
      <c r="C3545" s="5" t="e"/>
      <c r="D3545" s="5" t="e"/>
      <c r="E3545" s="5" t="e"/>
    </row>
    <row r="3546" ht="22" customHeight="true" s="1" customFormat="true" hidden="true" outlineLevel="3">
      <c r="A3546" s="6" t="s">
        <v>3936</v>
      </c>
      <c r="B3546" s="6" t="e"/>
      <c r="C3546" s="6" t="s">
        <v>296</v>
      </c>
      <c r="D3546" s="6" t="s">
        <v>674</v>
      </c>
      <c r="E3546" s="6" t="e"/>
    </row>
    <row r="3547" ht="22" customHeight="true" s="1" customFormat="true" hidden="true" outlineLevel="3">
      <c r="A3547" s="6" t="s">
        <v>3937</v>
      </c>
      <c r="B3547" s="6" t="e"/>
      <c r="C3547" s="6" t="s">
        <v>296</v>
      </c>
      <c r="D3547" s="6" t="s">
        <v>184</v>
      </c>
      <c r="E3547" s="6" t="e"/>
    </row>
    <row r="3548" ht="22" customHeight="true" s="1" customFormat="true" hidden="true" outlineLevel="3">
      <c r="A3548" s="6" t="s">
        <v>3938</v>
      </c>
      <c r="B3548" s="6" t="e"/>
      <c r="C3548" s="6" t="s">
        <v>242</v>
      </c>
      <c r="D3548" s="6" t="s">
        <v>123</v>
      </c>
      <c r="E3548" s="6" t="e"/>
    </row>
    <row r="3549" ht="22" customHeight="true" s="1" customFormat="true" hidden="true" outlineLevel="3">
      <c r="A3549" s="6" t="s">
        <v>3939</v>
      </c>
      <c r="B3549" s="6" t="e"/>
      <c r="C3549" s="6" t="s">
        <v>296</v>
      </c>
      <c r="D3549" s="6" t="s">
        <v>68</v>
      </c>
      <c r="E3549" s="6" t="e"/>
    </row>
    <row r="3550" ht="22" customHeight="true" s="1" customFormat="true" hidden="true" outlineLevel="3">
      <c r="A3550" s="6" t="s">
        <v>3940</v>
      </c>
      <c r="B3550" s="6" t="e"/>
      <c r="C3550" s="6" t="s">
        <v>242</v>
      </c>
      <c r="D3550" s="6" t="s">
        <v>11</v>
      </c>
      <c r="E3550" s="6" t="e"/>
    </row>
    <row r="3551" ht="22" customHeight="true" s="1" customFormat="true" hidden="true" outlineLevel="3">
      <c r="A3551" s="6" t="s">
        <v>3941</v>
      </c>
      <c r="B3551" s="6" t="e"/>
      <c r="C3551" s="6" t="s">
        <v>167</v>
      </c>
      <c r="D3551" s="6" t="s">
        <v>26</v>
      </c>
      <c r="E3551" s="6" t="e"/>
    </row>
    <row r="3552" ht="22" customHeight="true" s="1" customFormat="true" hidden="true" outlineLevel="3">
      <c r="A3552" s="6" t="s">
        <v>3942</v>
      </c>
      <c r="B3552" s="6" t="e"/>
      <c r="C3552" s="6" t="s">
        <v>242</v>
      </c>
      <c r="D3552" s="6" t="s">
        <v>123</v>
      </c>
      <c r="E3552" s="6" t="e"/>
    </row>
    <row r="3553" ht="22" customHeight="true" s="1" customFormat="true" hidden="true" outlineLevel="3">
      <c r="A3553" s="6" t="s">
        <v>3943</v>
      </c>
      <c r="B3553" s="6" t="e"/>
      <c r="C3553" s="6" t="s">
        <v>242</v>
      </c>
      <c r="D3553" s="6" t="s">
        <v>123</v>
      </c>
      <c r="E3553" s="6" t="e"/>
    </row>
    <row r="3554" ht="22" customHeight="true" s="1" customFormat="true" hidden="true" outlineLevel="3">
      <c r="A3554" s="6" t="s">
        <v>3944</v>
      </c>
      <c r="B3554" s="6" t="e"/>
      <c r="C3554" s="6" t="s">
        <v>103</v>
      </c>
      <c r="D3554" s="6" t="s">
        <v>26</v>
      </c>
      <c r="E3554" s="6" t="e"/>
    </row>
    <row r="3555" ht="22" customHeight="true" s="1" customFormat="true" hidden="true" outlineLevel="3">
      <c r="A3555" s="6" t="s">
        <v>3945</v>
      </c>
      <c r="B3555" s="6" t="e"/>
      <c r="C3555" s="6" t="s">
        <v>103</v>
      </c>
      <c r="D3555" s="6" t="s">
        <v>11</v>
      </c>
      <c r="E3555" s="6" t="e"/>
    </row>
    <row r="3556" ht="22" customHeight="true" s="1" customFormat="true" hidden="true" outlineLevel="3">
      <c r="A3556" s="6" t="s">
        <v>3946</v>
      </c>
      <c r="B3556" s="6" t="e"/>
      <c r="C3556" s="6" t="s">
        <v>225</v>
      </c>
      <c r="D3556" s="6" t="s">
        <v>11</v>
      </c>
      <c r="E3556" s="6" t="e"/>
    </row>
    <row r="3557" ht="22" customHeight="true" s="1" customFormat="true" hidden="true" outlineLevel="3">
      <c r="A3557" s="6" t="s">
        <v>3947</v>
      </c>
      <c r="B3557" s="6" t="e"/>
      <c r="C3557" s="6" t="s">
        <v>225</v>
      </c>
      <c r="D3557" s="6" t="s">
        <v>26</v>
      </c>
      <c r="E3557" s="6" t="e"/>
    </row>
    <row r="3558" ht="22" customHeight="true" s="1" customFormat="true" hidden="true" outlineLevel="3">
      <c r="A3558" s="6" t="s">
        <v>3948</v>
      </c>
      <c r="B3558" s="6" t="e"/>
      <c r="C3558" s="6" t="s">
        <v>302</v>
      </c>
      <c r="D3558" s="6" t="s">
        <v>40</v>
      </c>
      <c r="E3558" s="6" t="e"/>
    </row>
    <row r="3559" ht="22" customHeight="true" s="1" customFormat="true" hidden="true" outlineLevel="3">
      <c r="A3559" s="6" t="s">
        <v>3949</v>
      </c>
      <c r="B3559" s="6" t="e"/>
      <c r="C3559" s="6" t="s">
        <v>242</v>
      </c>
      <c r="D3559" s="6" t="s">
        <v>11</v>
      </c>
      <c r="E3559" s="6" t="e"/>
    </row>
    <row r="3560" ht="22" customHeight="true" s="1" customFormat="true" hidden="true" outlineLevel="3">
      <c r="A3560" s="6" t="s">
        <v>3950</v>
      </c>
      <c r="B3560" s="6" t="e"/>
      <c r="C3560" s="6" t="s">
        <v>149</v>
      </c>
      <c r="D3560" s="6" t="s">
        <v>11</v>
      </c>
      <c r="E3560" s="6" t="e"/>
    </row>
    <row r="3561" ht="33" customHeight="true" s="1" customFormat="true" hidden="true" outlineLevel="3">
      <c r="A3561" s="6" t="s">
        <v>3951</v>
      </c>
      <c r="B3561" s="6" t="e"/>
      <c r="C3561" s="6" t="s">
        <v>242</v>
      </c>
      <c r="D3561" s="6" t="s">
        <v>26</v>
      </c>
      <c r="E3561" s="6" t="e"/>
    </row>
    <row r="3562" ht="22" customHeight="true" s="1" customFormat="true" hidden="true" outlineLevel="3">
      <c r="A3562" s="6" t="s">
        <v>3952</v>
      </c>
      <c r="B3562" s="6" t="e"/>
      <c r="C3562" s="6" t="s">
        <v>188</v>
      </c>
      <c r="D3562" s="6" t="s">
        <v>11</v>
      </c>
      <c r="E3562" s="6" t="e"/>
    </row>
    <row r="3563" ht="22" customHeight="true" s="1" customFormat="true" hidden="true" outlineLevel="3">
      <c r="A3563" s="6" t="s">
        <v>3953</v>
      </c>
      <c r="B3563" s="6" t="e"/>
      <c r="C3563" s="6" t="s">
        <v>136</v>
      </c>
      <c r="D3563" s="6" t="s">
        <v>11</v>
      </c>
      <c r="E3563" s="6" t="e"/>
    </row>
    <row r="3564" ht="22" customHeight="true" s="1" customFormat="true" hidden="true" outlineLevel="3">
      <c r="A3564" s="6" t="s">
        <v>3954</v>
      </c>
      <c r="B3564" s="6" t="e"/>
      <c r="C3564" s="6" t="s">
        <v>242</v>
      </c>
      <c r="D3564" s="6" t="s">
        <v>15</v>
      </c>
      <c r="E3564" s="6" t="e"/>
    </row>
    <row r="3565" ht="22" customHeight="true" s="1" customFormat="true" hidden="true" outlineLevel="3">
      <c r="A3565" s="6" t="s">
        <v>3955</v>
      </c>
      <c r="B3565" s="6" t="e"/>
      <c r="C3565" s="6" t="s">
        <v>242</v>
      </c>
      <c r="D3565" s="6" t="s">
        <v>26</v>
      </c>
      <c r="E3565" s="6" t="e"/>
    </row>
    <row r="3566" ht="22" customHeight="true" s="1" customFormat="true" hidden="true" outlineLevel="3">
      <c r="A3566" s="6" t="s">
        <v>3956</v>
      </c>
      <c r="B3566" s="6" t="e"/>
      <c r="C3566" s="6" t="s">
        <v>302</v>
      </c>
      <c r="D3566" s="6" t="s">
        <v>26</v>
      </c>
      <c r="E3566" s="6" t="e"/>
    </row>
    <row r="3567" ht="22" customHeight="true" s="1" customFormat="true" hidden="true" outlineLevel="3">
      <c r="A3567" s="6" t="s">
        <v>3957</v>
      </c>
      <c r="B3567" s="6" t="e"/>
      <c r="C3567" s="6" t="s">
        <v>242</v>
      </c>
      <c r="D3567" s="6" t="s">
        <v>40</v>
      </c>
      <c r="E3567" s="6" t="e"/>
    </row>
    <row r="3568" ht="22" customHeight="true" s="1" customFormat="true" hidden="true" outlineLevel="3">
      <c r="A3568" s="6" t="s">
        <v>3958</v>
      </c>
      <c r="B3568" s="6" t="e"/>
      <c r="C3568" s="6" t="s">
        <v>242</v>
      </c>
      <c r="D3568" s="6" t="s">
        <v>11</v>
      </c>
      <c r="E3568" s="6" t="e"/>
    </row>
    <row r="3569" ht="33" customHeight="true" s="1" customFormat="true" hidden="true" outlineLevel="3">
      <c r="A3569" s="6" t="s">
        <v>3959</v>
      </c>
      <c r="B3569" s="6" t="e"/>
      <c r="C3569" s="6" t="s">
        <v>242</v>
      </c>
      <c r="D3569" s="6" t="s">
        <v>26</v>
      </c>
      <c r="E3569" s="6" t="e"/>
    </row>
    <row r="3570" ht="22" customHeight="true" s="1" customFormat="true" hidden="true" outlineLevel="3">
      <c r="A3570" s="6" t="s">
        <v>3960</v>
      </c>
      <c r="B3570" s="6" t="e"/>
      <c r="C3570" s="6" t="s">
        <v>225</v>
      </c>
      <c r="D3570" s="6" t="s">
        <v>11</v>
      </c>
      <c r="E3570" s="6" t="e"/>
    </row>
    <row r="3571" ht="22" customHeight="true" s="1" customFormat="true" hidden="true" outlineLevel="3">
      <c r="A3571" s="6" t="s">
        <v>3961</v>
      </c>
      <c r="B3571" s="6" t="e"/>
      <c r="C3571" s="6" t="s">
        <v>225</v>
      </c>
      <c r="D3571" s="6" t="s">
        <v>40</v>
      </c>
      <c r="E3571" s="6" t="e"/>
    </row>
    <row r="3572" ht="22" customHeight="true" s="1" customFormat="true" hidden="true" outlineLevel="3">
      <c r="A3572" s="6" t="s">
        <v>3962</v>
      </c>
      <c r="B3572" s="6" t="e"/>
      <c r="C3572" s="6" t="s">
        <v>242</v>
      </c>
      <c r="D3572" s="6" t="s">
        <v>11</v>
      </c>
      <c r="E3572" s="6" t="e"/>
    </row>
    <row r="3573" ht="22" customHeight="true" s="1" customFormat="true" hidden="true" outlineLevel="3">
      <c r="A3573" s="6" t="s">
        <v>3963</v>
      </c>
      <c r="B3573" s="6" t="e"/>
      <c r="C3573" s="6" t="s">
        <v>302</v>
      </c>
      <c r="D3573" s="6" t="s">
        <v>11</v>
      </c>
      <c r="E3573" s="6" t="e"/>
    </row>
    <row r="3574" ht="22" customHeight="true" s="1" customFormat="true" hidden="true" outlineLevel="3">
      <c r="A3574" s="6" t="s">
        <v>3964</v>
      </c>
      <c r="B3574" s="6" t="e"/>
      <c r="C3574" s="6" t="s">
        <v>103</v>
      </c>
      <c r="D3574" s="6" t="s">
        <v>11</v>
      </c>
      <c r="E3574" s="6" t="e"/>
    </row>
    <row r="3575" ht="22" customHeight="true" s="1" customFormat="true" hidden="true" outlineLevel="3">
      <c r="A3575" s="6" t="s">
        <v>3965</v>
      </c>
      <c r="B3575" s="6" t="e"/>
      <c r="C3575" s="6" t="s">
        <v>103</v>
      </c>
      <c r="D3575" s="6" t="s">
        <v>11</v>
      </c>
      <c r="E3575" s="6" t="e"/>
    </row>
    <row r="3576" ht="22" customHeight="true" s="1" customFormat="true" hidden="true" outlineLevel="3">
      <c r="A3576" s="6" t="s">
        <v>3966</v>
      </c>
      <c r="B3576" s="6" t="e"/>
      <c r="C3576" s="6" t="s">
        <v>296</v>
      </c>
      <c r="D3576" s="6" t="s">
        <v>26</v>
      </c>
      <c r="E3576" s="6" t="e"/>
    </row>
    <row r="3577" ht="22" customHeight="true" s="1" customFormat="true" hidden="true" outlineLevel="3">
      <c r="A3577" s="6" t="s">
        <v>3967</v>
      </c>
      <c r="B3577" s="6" t="e"/>
      <c r="C3577" s="6" t="s">
        <v>302</v>
      </c>
      <c r="D3577" s="6" t="s">
        <v>26</v>
      </c>
      <c r="E3577" s="6" t="e"/>
    </row>
    <row r="3578" ht="22" customHeight="true" s="1" customFormat="true" hidden="true" outlineLevel="3">
      <c r="A3578" s="6" t="s">
        <v>3968</v>
      </c>
      <c r="B3578" s="6" t="e"/>
      <c r="C3578" s="6" t="s">
        <v>242</v>
      </c>
      <c r="D3578" s="6" t="s">
        <v>123</v>
      </c>
      <c r="E3578" s="6" t="e"/>
    </row>
    <row r="3579" ht="22" customHeight="true" s="1" customFormat="true" hidden="true" outlineLevel="3">
      <c r="A3579" s="6" t="s">
        <v>3969</v>
      </c>
      <c r="B3579" s="6" t="e"/>
      <c r="C3579" s="6" t="s">
        <v>242</v>
      </c>
      <c r="D3579" s="6" t="s">
        <v>26</v>
      </c>
      <c r="E3579" s="6" t="e"/>
    </row>
    <row r="3580" ht="11" customHeight="true" s="1" customFormat="true" hidden="true" outlineLevel="3">
      <c r="A3580" s="6" t="s">
        <v>3970</v>
      </c>
      <c r="B3580" s="6" t="e"/>
      <c r="C3580" s="6" t="s">
        <v>302</v>
      </c>
      <c r="D3580" s="6" t="s">
        <v>40</v>
      </c>
      <c r="E3580" s="6" t="e"/>
    </row>
    <row r="3581" ht="33" customHeight="true" s="1" customFormat="true" hidden="true" outlineLevel="3">
      <c r="A3581" s="6" t="s">
        <v>3971</v>
      </c>
      <c r="B3581" s="6" t="e"/>
      <c r="C3581" s="6" t="s">
        <v>225</v>
      </c>
      <c r="D3581" s="6" t="s">
        <v>26</v>
      </c>
      <c r="E3581" s="6" t="e"/>
    </row>
    <row r="3582" ht="22" customHeight="true" s="1" customFormat="true" hidden="true" outlineLevel="3">
      <c r="A3582" s="6" t="s">
        <v>3972</v>
      </c>
      <c r="B3582" s="6" t="e"/>
      <c r="C3582" s="6" t="s">
        <v>242</v>
      </c>
      <c r="D3582" s="6" t="s">
        <v>11</v>
      </c>
      <c r="E3582" s="6" t="e"/>
    </row>
    <row r="3583" ht="22" customHeight="true" s="1" customFormat="true" hidden="true" outlineLevel="3">
      <c r="A3583" s="6" t="s">
        <v>3973</v>
      </c>
      <c r="B3583" s="6" t="e"/>
      <c r="C3583" s="6" t="s">
        <v>302</v>
      </c>
      <c r="D3583" s="6" t="s">
        <v>40</v>
      </c>
      <c r="E3583" s="6" t="e"/>
    </row>
    <row r="3584" ht="22" customHeight="true" s="1" customFormat="true" hidden="true" outlineLevel="3">
      <c r="A3584" s="6" t="s">
        <v>3974</v>
      </c>
      <c r="B3584" s="6" t="e"/>
      <c r="C3584" s="6" t="s">
        <v>302</v>
      </c>
      <c r="D3584" s="6" t="s">
        <v>26</v>
      </c>
      <c r="E3584" s="6" t="e"/>
    </row>
    <row r="3585" ht="22" customHeight="true" s="1" customFormat="true" hidden="true" outlineLevel="3">
      <c r="A3585" s="6" t="s">
        <v>3975</v>
      </c>
      <c r="B3585" s="6" t="e"/>
      <c r="C3585" s="6" t="s">
        <v>296</v>
      </c>
      <c r="D3585" s="6" t="s">
        <v>15</v>
      </c>
      <c r="E3585" s="6" t="e"/>
    </row>
    <row r="3586" ht="22" customHeight="true" s="1" customFormat="true" hidden="true" outlineLevel="3">
      <c r="A3586" s="6" t="s">
        <v>3976</v>
      </c>
      <c r="B3586" s="6" t="e"/>
      <c r="C3586" s="6" t="s">
        <v>225</v>
      </c>
      <c r="D3586" s="6" t="s">
        <v>26</v>
      </c>
      <c r="E3586" s="6" t="e"/>
    </row>
    <row r="3587" ht="33" customHeight="true" s="1" customFormat="true" hidden="true" outlineLevel="3">
      <c r="A3587" s="6" t="s">
        <v>3977</v>
      </c>
      <c r="B3587" s="6" t="e"/>
      <c r="C3587" s="6" t="s">
        <v>225</v>
      </c>
      <c r="D3587" s="6" t="s">
        <v>15</v>
      </c>
      <c r="E3587" s="6" t="e"/>
    </row>
    <row r="3588" ht="22" customHeight="true" s="1" customFormat="true" hidden="true" outlineLevel="3">
      <c r="A3588" s="6" t="s">
        <v>3978</v>
      </c>
      <c r="B3588" s="6" t="e"/>
      <c r="C3588" s="6" t="s">
        <v>225</v>
      </c>
      <c r="D3588" s="6" t="s">
        <v>40</v>
      </c>
      <c r="E3588" s="6" t="e"/>
    </row>
    <row r="3589" ht="22" customHeight="true" s="1" customFormat="true" hidden="true" outlineLevel="3">
      <c r="A3589" s="6" t="s">
        <v>3979</v>
      </c>
      <c r="B3589" s="6" t="e"/>
      <c r="C3589" s="6" t="s">
        <v>225</v>
      </c>
      <c r="D3589" s="6" t="s">
        <v>123</v>
      </c>
      <c r="E3589" s="6" t="e"/>
    </row>
    <row r="3590" ht="22" customHeight="true" s="1" customFormat="true" hidden="true" outlineLevel="3">
      <c r="A3590" s="6" t="s">
        <v>3980</v>
      </c>
      <c r="B3590" s="6" t="e"/>
      <c r="C3590" s="6" t="s">
        <v>242</v>
      </c>
      <c r="D3590" s="6" t="s">
        <v>26</v>
      </c>
      <c r="E3590" s="6" t="e"/>
    </row>
    <row r="3591" ht="33" customHeight="true" s="1" customFormat="true" hidden="true" outlineLevel="3">
      <c r="A3591" s="6" t="s">
        <v>3981</v>
      </c>
      <c r="B3591" s="6" t="e"/>
      <c r="C3591" s="6" t="s">
        <v>242</v>
      </c>
      <c r="D3591" s="6" t="s">
        <v>26</v>
      </c>
      <c r="E3591" s="6" t="e"/>
    </row>
    <row r="3592" ht="22" customHeight="true" s="1" customFormat="true" hidden="true" outlineLevel="3">
      <c r="A3592" s="6" t="s">
        <v>3982</v>
      </c>
      <c r="B3592" s="6" t="e"/>
      <c r="C3592" s="6" t="s">
        <v>225</v>
      </c>
      <c r="D3592" s="6" t="s">
        <v>11</v>
      </c>
      <c r="E3592" s="6" t="e"/>
    </row>
    <row r="3593" ht="22" customHeight="true" s="1" customFormat="true" hidden="true" outlineLevel="3">
      <c r="A3593" s="6" t="s">
        <v>3983</v>
      </c>
      <c r="B3593" s="6" t="e"/>
      <c r="C3593" s="6" t="s">
        <v>225</v>
      </c>
      <c r="D3593" s="6" t="s">
        <v>15</v>
      </c>
      <c r="E3593" s="6" t="e"/>
    </row>
    <row r="3594" ht="22" customHeight="true" s="1" customFormat="true" hidden="true" outlineLevel="3">
      <c r="A3594" s="6" t="s">
        <v>3984</v>
      </c>
      <c r="B3594" s="6" t="e"/>
      <c r="C3594" s="6" t="s">
        <v>302</v>
      </c>
      <c r="D3594" s="6" t="s">
        <v>57</v>
      </c>
      <c r="E3594" s="6" t="e"/>
    </row>
    <row r="3595" ht="22" customHeight="true" s="1" customFormat="true" hidden="true" outlineLevel="3">
      <c r="A3595" s="6" t="s">
        <v>3985</v>
      </c>
      <c r="B3595" s="6" t="e"/>
      <c r="C3595" s="6" t="s">
        <v>242</v>
      </c>
      <c r="D3595" s="6" t="s">
        <v>40</v>
      </c>
      <c r="E3595" s="6" t="e"/>
    </row>
    <row r="3596" ht="22" customHeight="true" s="1" customFormat="true" hidden="true" outlineLevel="3">
      <c r="A3596" s="6" t="s">
        <v>3986</v>
      </c>
      <c r="B3596" s="6" t="e"/>
      <c r="C3596" s="6" t="s">
        <v>155</v>
      </c>
      <c r="D3596" s="6" t="s">
        <v>11</v>
      </c>
      <c r="E3596" s="6" t="e"/>
    </row>
    <row r="3597" ht="22" customHeight="true" s="1" customFormat="true" hidden="true" outlineLevel="3">
      <c r="A3597" s="6" t="s">
        <v>3987</v>
      </c>
      <c r="B3597" s="6" t="e"/>
      <c r="C3597" s="6" t="s">
        <v>302</v>
      </c>
      <c r="D3597" s="6" t="s">
        <v>11</v>
      </c>
      <c r="E3597" s="6" t="e"/>
    </row>
    <row r="3598" ht="22" customHeight="true" s="1" customFormat="true" hidden="true" outlineLevel="3">
      <c r="A3598" s="6" t="s">
        <v>3988</v>
      </c>
      <c r="B3598" s="6" t="e"/>
      <c r="C3598" s="6" t="s">
        <v>242</v>
      </c>
      <c r="D3598" s="6" t="s">
        <v>11</v>
      </c>
      <c r="E3598" s="6" t="e"/>
    </row>
    <row r="3599" ht="22" customHeight="true" s="1" customFormat="true" hidden="true" outlineLevel="3">
      <c r="A3599" s="6" t="s">
        <v>3989</v>
      </c>
      <c r="B3599" s="6" t="e"/>
      <c r="C3599" s="6" t="s">
        <v>302</v>
      </c>
      <c r="D3599" s="6" t="s">
        <v>26</v>
      </c>
      <c r="E3599" s="6" t="e"/>
    </row>
    <row r="3600" ht="22" customHeight="true" s="1" customFormat="true" hidden="true" outlineLevel="3">
      <c r="A3600" s="6" t="s">
        <v>3990</v>
      </c>
      <c r="B3600" s="6" t="e"/>
      <c r="C3600" s="6" t="s">
        <v>225</v>
      </c>
      <c r="D3600" s="6" t="s">
        <v>26</v>
      </c>
      <c r="E3600" s="6" t="e"/>
    </row>
    <row r="3601" ht="22" customHeight="true" s="1" customFormat="true" hidden="true" outlineLevel="3">
      <c r="A3601" s="6" t="s">
        <v>3991</v>
      </c>
      <c r="B3601" s="6" t="e"/>
      <c r="C3601" s="6" t="s">
        <v>302</v>
      </c>
      <c r="D3601" s="6" t="s">
        <v>26</v>
      </c>
      <c r="E3601" s="6" t="e"/>
    </row>
    <row r="3602" ht="22" customHeight="true" s="1" customFormat="true" hidden="true" outlineLevel="3">
      <c r="A3602" s="6" t="s">
        <v>3992</v>
      </c>
      <c r="B3602" s="6" t="e"/>
      <c r="C3602" s="6" t="s">
        <v>296</v>
      </c>
      <c r="D3602" s="6" t="s">
        <v>15</v>
      </c>
      <c r="E3602" s="6" t="e"/>
    </row>
    <row r="3603" ht="22" customHeight="true" s="1" customFormat="true" hidden="true" outlineLevel="3">
      <c r="A3603" s="6" t="s">
        <v>3993</v>
      </c>
      <c r="B3603" s="6" t="e"/>
      <c r="C3603" s="6" t="s">
        <v>225</v>
      </c>
      <c r="D3603" s="6" t="s">
        <v>11</v>
      </c>
      <c r="E3603" s="6" t="e"/>
    </row>
    <row r="3604" ht="33" customHeight="true" s="1" customFormat="true" hidden="true" outlineLevel="3">
      <c r="A3604" s="6" t="s">
        <v>3994</v>
      </c>
      <c r="B3604" s="6" t="e"/>
      <c r="C3604" s="6" t="s">
        <v>126</v>
      </c>
      <c r="D3604" s="6" t="s">
        <v>26</v>
      </c>
      <c r="E3604" s="6" t="e"/>
    </row>
    <row r="3605" ht="22" customHeight="true" s="1" customFormat="true" hidden="true" outlineLevel="3">
      <c r="A3605" s="6" t="s">
        <v>3995</v>
      </c>
      <c r="B3605" s="6" t="e"/>
      <c r="C3605" s="6" t="s">
        <v>302</v>
      </c>
      <c r="D3605" s="6" t="s">
        <v>11</v>
      </c>
      <c r="E3605" s="6" t="e"/>
    </row>
    <row r="3606" ht="22" customHeight="true" s="1" customFormat="true" hidden="true" outlineLevel="3">
      <c r="A3606" s="6" t="s">
        <v>3996</v>
      </c>
      <c r="B3606" s="6" t="e"/>
      <c r="C3606" s="6" t="s">
        <v>302</v>
      </c>
      <c r="D3606" s="6" t="s">
        <v>40</v>
      </c>
      <c r="E3606" s="6" t="e"/>
    </row>
    <row r="3607" ht="22" customHeight="true" s="1" customFormat="true" hidden="true" outlineLevel="3">
      <c r="A3607" s="6" t="s">
        <v>3997</v>
      </c>
      <c r="B3607" s="6" t="e"/>
      <c r="C3607" s="6" t="s">
        <v>225</v>
      </c>
      <c r="D3607" s="6" t="s">
        <v>26</v>
      </c>
      <c r="E3607" s="6" t="e"/>
    </row>
    <row r="3608" ht="22" customHeight="true" s="1" customFormat="true" hidden="true" outlineLevel="3">
      <c r="A3608" s="6" t="s">
        <v>3998</v>
      </c>
      <c r="B3608" s="6" t="e"/>
      <c r="C3608" s="6" t="s">
        <v>242</v>
      </c>
      <c r="D3608" s="6" t="s">
        <v>40</v>
      </c>
      <c r="E3608" s="6" t="e"/>
    </row>
    <row r="3609" ht="11" customHeight="true" s="1" customFormat="true" hidden="true" outlineLevel="3">
      <c r="A3609" s="6" t="s">
        <v>3999</v>
      </c>
      <c r="B3609" s="6" t="e"/>
      <c r="C3609" s="6" t="s">
        <v>302</v>
      </c>
      <c r="D3609" s="6" t="s">
        <v>26</v>
      </c>
      <c r="E3609" s="6" t="e"/>
    </row>
    <row r="3610" ht="22" customHeight="true" s="1" customFormat="true" hidden="true" outlineLevel="3">
      <c r="A3610" s="6" t="s">
        <v>4000</v>
      </c>
      <c r="B3610" s="6" t="e"/>
      <c r="C3610" s="6" t="s">
        <v>242</v>
      </c>
      <c r="D3610" s="6" t="s">
        <v>26</v>
      </c>
      <c r="E3610" s="6" t="e"/>
    </row>
    <row r="3611" ht="22" customHeight="true" s="1" customFormat="true" hidden="true" outlineLevel="3">
      <c r="A3611" s="6" t="s">
        <v>4001</v>
      </c>
      <c r="B3611" s="6" t="e"/>
      <c r="C3611" s="6" t="s">
        <v>225</v>
      </c>
      <c r="D3611" s="6" t="s">
        <v>11</v>
      </c>
      <c r="E3611" s="6" t="e"/>
    </row>
    <row r="3612" ht="22" customHeight="true" s="1" customFormat="true" hidden="true" outlineLevel="3">
      <c r="A3612" s="6" t="s">
        <v>4002</v>
      </c>
      <c r="B3612" s="6" t="e"/>
      <c r="C3612" s="6" t="s">
        <v>225</v>
      </c>
      <c r="D3612" s="6" t="s">
        <v>11</v>
      </c>
      <c r="E3612" s="6" t="e"/>
    </row>
    <row r="3613" ht="22" customHeight="true" s="1" customFormat="true" hidden="true" outlineLevel="3">
      <c r="A3613" s="6" t="s">
        <v>4003</v>
      </c>
      <c r="B3613" s="6" t="e"/>
      <c r="C3613" s="6" t="s">
        <v>103</v>
      </c>
      <c r="D3613" s="6" t="s">
        <v>11</v>
      </c>
      <c r="E3613" s="6" t="e"/>
    </row>
    <row r="3614" ht="33" customHeight="true" s="1" customFormat="true" hidden="true" outlineLevel="3">
      <c r="A3614" s="6" t="s">
        <v>4004</v>
      </c>
      <c r="B3614" s="6" t="e"/>
      <c r="C3614" s="6" t="s">
        <v>302</v>
      </c>
      <c r="D3614" s="6" t="s">
        <v>40</v>
      </c>
      <c r="E3614" s="6" t="e"/>
    </row>
    <row r="3615" ht="22" customHeight="true" s="1" customFormat="true" hidden="true" outlineLevel="3">
      <c r="A3615" s="6" t="s">
        <v>4005</v>
      </c>
      <c r="B3615" s="6" t="e"/>
      <c r="C3615" s="6" t="s">
        <v>302</v>
      </c>
      <c r="D3615" s="6" t="s">
        <v>40</v>
      </c>
      <c r="E3615" s="6" t="e"/>
    </row>
    <row r="3616" ht="22" customHeight="true" s="1" customFormat="true" hidden="true" outlineLevel="3">
      <c r="A3616" s="6" t="s">
        <v>4006</v>
      </c>
      <c r="B3616" s="6" t="e"/>
      <c r="C3616" s="6" t="s">
        <v>225</v>
      </c>
      <c r="D3616" s="6" t="s">
        <v>26</v>
      </c>
      <c r="E3616" s="6" t="e"/>
    </row>
    <row r="3617" ht="22" customHeight="true" s="1" customFormat="true" hidden="true" outlineLevel="3">
      <c r="A3617" s="6" t="s">
        <v>4007</v>
      </c>
      <c r="B3617" s="6" t="e"/>
      <c r="C3617" s="6" t="s">
        <v>302</v>
      </c>
      <c r="D3617" s="6" t="s">
        <v>11</v>
      </c>
      <c r="E3617" s="6" t="e"/>
    </row>
    <row r="3618" ht="22" customHeight="true" s="1" customFormat="true" hidden="true" outlineLevel="3">
      <c r="A3618" s="6" t="s">
        <v>4008</v>
      </c>
      <c r="B3618" s="6" t="e"/>
      <c r="C3618" s="6" t="s">
        <v>225</v>
      </c>
      <c r="D3618" s="6" t="s">
        <v>40</v>
      </c>
      <c r="E3618" s="6" t="e"/>
    </row>
    <row r="3619" ht="22" customHeight="true" s="1" customFormat="true" hidden="true" outlineLevel="3">
      <c r="A3619" s="6" t="s">
        <v>4009</v>
      </c>
      <c r="B3619" s="6" t="e"/>
      <c r="C3619" s="6" t="s">
        <v>225</v>
      </c>
      <c r="D3619" s="6" t="s">
        <v>57</v>
      </c>
      <c r="E3619" s="6" t="e"/>
    </row>
    <row r="3620" ht="22" customHeight="true" s="1" customFormat="true" hidden="true" outlineLevel="3">
      <c r="A3620" s="6" t="s">
        <v>4010</v>
      </c>
      <c r="B3620" s="6" t="e"/>
      <c r="C3620" s="6" t="s">
        <v>225</v>
      </c>
      <c r="D3620" s="6" t="s">
        <v>40</v>
      </c>
      <c r="E3620" s="6" t="e"/>
    </row>
    <row r="3621" ht="22" customHeight="true" s="1" customFormat="true" hidden="true" outlineLevel="3">
      <c r="A3621" s="6" t="s">
        <v>4011</v>
      </c>
      <c r="B3621" s="6" t="e"/>
      <c r="C3621" s="6" t="s">
        <v>225</v>
      </c>
      <c r="D3621" s="6" t="s">
        <v>40</v>
      </c>
      <c r="E3621" s="6" t="e"/>
    </row>
    <row r="3622" ht="22" customHeight="true" s="1" customFormat="true" hidden="true" outlineLevel="3">
      <c r="A3622" s="6" t="s">
        <v>4012</v>
      </c>
      <c r="B3622" s="6" t="e"/>
      <c r="C3622" s="6" t="s">
        <v>296</v>
      </c>
      <c r="D3622" s="6" t="s">
        <v>40</v>
      </c>
      <c r="E3622" s="6" t="e"/>
    </row>
    <row r="3623" ht="22" customHeight="true" s="1" customFormat="true" hidden="true" outlineLevel="3">
      <c r="A3623" s="6" t="s">
        <v>4013</v>
      </c>
      <c r="B3623" s="6" t="e"/>
      <c r="C3623" s="6" t="s">
        <v>296</v>
      </c>
      <c r="D3623" s="6" t="s">
        <v>40</v>
      </c>
      <c r="E3623" s="6" t="e"/>
    </row>
    <row r="3624" ht="22" customHeight="true" s="1" customFormat="true" hidden="true" outlineLevel="3">
      <c r="A3624" s="6" t="s">
        <v>4014</v>
      </c>
      <c r="B3624" s="6" t="e"/>
      <c r="C3624" s="6" t="s">
        <v>296</v>
      </c>
      <c r="D3624" s="6" t="s">
        <v>11</v>
      </c>
      <c r="E3624" s="6" t="e"/>
    </row>
    <row r="3625" ht="22" customHeight="true" s="1" customFormat="true" hidden="true" outlineLevel="3">
      <c r="A3625" s="6" t="s">
        <v>4015</v>
      </c>
      <c r="B3625" s="6" t="e"/>
      <c r="C3625" s="6" t="s">
        <v>136</v>
      </c>
      <c r="D3625" s="6" t="s">
        <v>11</v>
      </c>
      <c r="E3625" s="6" t="e"/>
    </row>
    <row r="3626" ht="22" customHeight="true" s="1" customFormat="true" hidden="true" outlineLevel="3">
      <c r="A3626" s="6" t="s">
        <v>4016</v>
      </c>
      <c r="B3626" s="6" t="e"/>
      <c r="C3626" s="6" t="s">
        <v>302</v>
      </c>
      <c r="D3626" s="6" t="s">
        <v>57</v>
      </c>
      <c r="E3626" s="6" t="e"/>
    </row>
    <row r="3627" ht="22" customHeight="true" s="1" customFormat="true" hidden="true" outlineLevel="3">
      <c r="A3627" s="6" t="s">
        <v>4017</v>
      </c>
      <c r="B3627" s="6" t="e"/>
      <c r="C3627" s="6" t="s">
        <v>302</v>
      </c>
      <c r="D3627" s="6" t="s">
        <v>11</v>
      </c>
      <c r="E3627" s="6" t="e"/>
    </row>
    <row r="3628" ht="33" customHeight="true" s="1" customFormat="true" hidden="true" outlineLevel="3">
      <c r="A3628" s="6" t="s">
        <v>4018</v>
      </c>
      <c r="B3628" s="6" t="e"/>
      <c r="C3628" s="6" t="s">
        <v>302</v>
      </c>
      <c r="D3628" s="6" t="s">
        <v>11</v>
      </c>
      <c r="E3628" s="6" t="e"/>
    </row>
    <row r="3629" ht="22" customHeight="true" s="1" customFormat="true" hidden="true" outlineLevel="3">
      <c r="A3629" s="6" t="s">
        <v>4019</v>
      </c>
      <c r="B3629" s="6" t="e"/>
      <c r="C3629" s="6" t="s">
        <v>242</v>
      </c>
      <c r="D3629" s="6" t="s">
        <v>15</v>
      </c>
      <c r="E3629" s="6" t="e"/>
    </row>
    <row r="3630" ht="22" customHeight="true" s="1" customFormat="true" hidden="true" outlineLevel="3">
      <c r="A3630" s="6" t="s">
        <v>4020</v>
      </c>
      <c r="B3630" s="6" t="e"/>
      <c r="C3630" s="6" t="s">
        <v>242</v>
      </c>
      <c r="D3630" s="6" t="s">
        <v>26</v>
      </c>
      <c r="E3630" s="6" t="e"/>
    </row>
    <row r="3631" ht="22" customHeight="true" s="1" customFormat="true" hidden="true" outlineLevel="3">
      <c r="A3631" s="6" t="s">
        <v>4021</v>
      </c>
      <c r="B3631" s="6" t="e"/>
      <c r="C3631" s="6" t="s">
        <v>225</v>
      </c>
      <c r="D3631" s="6" t="s">
        <v>26</v>
      </c>
      <c r="E3631" s="6" t="e"/>
    </row>
    <row r="3632" ht="22" customHeight="true" s="1" customFormat="true" hidden="true" outlineLevel="3">
      <c r="A3632" s="6" t="s">
        <v>4022</v>
      </c>
      <c r="B3632" s="6" t="e"/>
      <c r="C3632" s="6" t="s">
        <v>188</v>
      </c>
      <c r="D3632" s="6" t="s">
        <v>11</v>
      </c>
      <c r="E3632" s="6" t="e"/>
    </row>
    <row r="3633" ht="22" customHeight="true" s="1" customFormat="true" hidden="true" outlineLevel="3">
      <c r="A3633" s="6" t="s">
        <v>4023</v>
      </c>
      <c r="B3633" s="6" t="e"/>
      <c r="C3633" s="6" t="s">
        <v>188</v>
      </c>
      <c r="D3633" s="6" t="s">
        <v>11</v>
      </c>
      <c r="E3633" s="6" t="e"/>
    </row>
    <row r="3634" ht="22" customHeight="true" s="1" customFormat="true" hidden="true" outlineLevel="3">
      <c r="A3634" s="6" t="s">
        <v>4024</v>
      </c>
      <c r="B3634" s="6" t="e"/>
      <c r="C3634" s="6" t="s">
        <v>302</v>
      </c>
      <c r="D3634" s="6" t="s">
        <v>15</v>
      </c>
      <c r="E3634" s="6" t="e"/>
    </row>
    <row r="3635" ht="22" customHeight="true" s="1" customFormat="true" hidden="true" outlineLevel="3">
      <c r="A3635" s="6" t="s">
        <v>4025</v>
      </c>
      <c r="B3635" s="6" t="e"/>
      <c r="C3635" s="6" t="s">
        <v>126</v>
      </c>
      <c r="D3635" s="6" t="s">
        <v>11</v>
      </c>
      <c r="E3635" s="6" t="e"/>
    </row>
    <row r="3636" ht="22" customHeight="true" s="1" customFormat="true" hidden="true" outlineLevel="3">
      <c r="A3636" s="6" t="s">
        <v>4026</v>
      </c>
      <c r="B3636" s="6" t="e"/>
      <c r="C3636" s="6" t="s">
        <v>225</v>
      </c>
      <c r="D3636" s="6" t="s">
        <v>26</v>
      </c>
      <c r="E3636" s="6" t="e"/>
    </row>
    <row r="3637" ht="22" customHeight="true" s="1" customFormat="true" hidden="true" outlineLevel="3">
      <c r="A3637" s="6" t="s">
        <v>4027</v>
      </c>
      <c r="B3637" s="6" t="e"/>
      <c r="C3637" s="6" t="s">
        <v>188</v>
      </c>
      <c r="D3637" s="6" t="s">
        <v>11</v>
      </c>
      <c r="E3637" s="6" t="e"/>
    </row>
    <row r="3638" ht="22" customHeight="true" s="1" customFormat="true" hidden="true" outlineLevel="3">
      <c r="A3638" s="6" t="s">
        <v>4028</v>
      </c>
      <c r="B3638" s="6" t="e"/>
      <c r="C3638" s="6" t="s">
        <v>225</v>
      </c>
      <c r="D3638" s="6" t="s">
        <v>26</v>
      </c>
      <c r="E3638" s="6" t="e"/>
    </row>
    <row r="3639" ht="22" customHeight="true" s="1" customFormat="true" hidden="true" collapsed="true" outlineLevel="3">
      <c r="A3639" s="6" t="s">
        <v>4029</v>
      </c>
      <c r="B3639" s="6" t="e"/>
      <c r="C3639" s="6" t="s">
        <v>225</v>
      </c>
      <c r="D3639" s="6" t="s">
        <v>26</v>
      </c>
      <c r="E3639" s="6" t="e"/>
    </row>
    <row r="3640" ht="11" customHeight="true" s="1" customFormat="true" hidden="true" collapsed="true" outlineLevel="2">
      <c r="A3640" s="5" t="s">
        <v>4030</v>
      </c>
      <c r="B3640" s="5" t="e"/>
      <c r="C3640" s="5" t="e"/>
      <c r="D3640" s="5" t="e"/>
      <c r="E3640" s="5" t="e"/>
    </row>
    <row r="3641" ht="22" customHeight="true" s="1" customFormat="true" hidden="true" outlineLevel="3">
      <c r="A3641" s="6" t="s">
        <v>4031</v>
      </c>
      <c r="B3641" s="6" t="e"/>
      <c r="C3641" s="6" t="s">
        <v>302</v>
      </c>
      <c r="D3641" s="6" t="s">
        <v>11</v>
      </c>
      <c r="E3641" s="6" t="e"/>
    </row>
    <row r="3642" ht="22" customHeight="true" s="1" customFormat="true" hidden="true" outlineLevel="3">
      <c r="A3642" s="6" t="s">
        <v>4032</v>
      </c>
      <c r="B3642" s="6" t="e"/>
      <c r="C3642" s="6" t="s">
        <v>225</v>
      </c>
      <c r="D3642" s="6" t="s">
        <v>26</v>
      </c>
      <c r="E3642" s="6" t="e"/>
    </row>
    <row r="3643" ht="22" customHeight="true" s="1" customFormat="true" hidden="true" outlineLevel="3">
      <c r="A3643" s="6" t="s">
        <v>4033</v>
      </c>
      <c r="B3643" s="6" t="e"/>
      <c r="C3643" s="6" t="s">
        <v>242</v>
      </c>
      <c r="D3643" s="6" t="s">
        <v>26</v>
      </c>
      <c r="E3643" s="6" t="e"/>
    </row>
    <row r="3644" ht="22" customHeight="true" s="1" customFormat="true" hidden="true" outlineLevel="3">
      <c r="A3644" s="6" t="s">
        <v>4034</v>
      </c>
      <c r="B3644" s="6" t="e"/>
      <c r="C3644" s="6" t="s">
        <v>225</v>
      </c>
      <c r="D3644" s="6" t="s">
        <v>11</v>
      </c>
      <c r="E3644" s="6" t="e"/>
    </row>
    <row r="3645" ht="22" customHeight="true" s="1" customFormat="true" hidden="true" outlineLevel="3">
      <c r="A3645" s="6" t="s">
        <v>4035</v>
      </c>
      <c r="B3645" s="6" t="e"/>
      <c r="C3645" s="6" t="s">
        <v>225</v>
      </c>
      <c r="D3645" s="6" t="s">
        <v>11</v>
      </c>
      <c r="E3645" s="6" t="e"/>
    </row>
    <row r="3646" ht="22" customHeight="true" s="1" customFormat="true" hidden="true" outlineLevel="3">
      <c r="A3646" s="6" t="s">
        <v>4036</v>
      </c>
      <c r="B3646" s="6" t="e"/>
      <c r="C3646" s="6" t="s">
        <v>126</v>
      </c>
      <c r="D3646" s="6" t="s">
        <v>11</v>
      </c>
      <c r="E3646" s="6" t="e"/>
    </row>
    <row r="3647" ht="22" customHeight="true" s="1" customFormat="true" hidden="true" outlineLevel="3">
      <c r="A3647" s="6" t="s">
        <v>4037</v>
      </c>
      <c r="B3647" s="6" t="e"/>
      <c r="C3647" s="6" t="s">
        <v>242</v>
      </c>
      <c r="D3647" s="6" t="s">
        <v>11</v>
      </c>
      <c r="E3647" s="6" t="e"/>
    </row>
    <row r="3648" ht="22" customHeight="true" s="1" customFormat="true" hidden="true" outlineLevel="3">
      <c r="A3648" s="6" t="s">
        <v>4038</v>
      </c>
      <c r="B3648" s="6" t="e"/>
      <c r="C3648" s="6" t="s">
        <v>302</v>
      </c>
      <c r="D3648" s="6" t="s">
        <v>26</v>
      </c>
      <c r="E3648" s="6" t="e"/>
    </row>
    <row r="3649" ht="22" customHeight="true" s="1" customFormat="true" hidden="true" outlineLevel="3">
      <c r="A3649" s="6" t="s">
        <v>4039</v>
      </c>
      <c r="B3649" s="6" t="e"/>
      <c r="C3649" s="6" t="s">
        <v>242</v>
      </c>
      <c r="D3649" s="6" t="s">
        <v>11</v>
      </c>
      <c r="E3649" s="6" t="e"/>
    </row>
    <row r="3650" ht="22" customHeight="true" s="1" customFormat="true" hidden="true" outlineLevel="3">
      <c r="A3650" s="6" t="s">
        <v>4040</v>
      </c>
      <c r="B3650" s="6" t="e"/>
      <c r="C3650" s="6" t="s">
        <v>225</v>
      </c>
      <c r="D3650" s="6" t="s">
        <v>11</v>
      </c>
      <c r="E3650" s="6" t="e"/>
    </row>
    <row r="3651" ht="22" customHeight="true" s="1" customFormat="true" hidden="true" outlineLevel="3">
      <c r="A3651" s="6" t="s">
        <v>4041</v>
      </c>
      <c r="B3651" s="6" t="e"/>
      <c r="C3651" s="6" t="s">
        <v>225</v>
      </c>
      <c r="D3651" s="6" t="s">
        <v>11</v>
      </c>
      <c r="E3651" s="6" t="e"/>
    </row>
    <row r="3652" ht="22" customHeight="true" s="1" customFormat="true" hidden="true" outlineLevel="3">
      <c r="A3652" s="6" t="s">
        <v>4042</v>
      </c>
      <c r="B3652" s="6" t="e"/>
      <c r="C3652" s="6" t="s">
        <v>225</v>
      </c>
      <c r="D3652" s="6" t="s">
        <v>11</v>
      </c>
      <c r="E3652" s="6" t="e"/>
    </row>
    <row r="3653" ht="22" customHeight="true" s="1" customFormat="true" hidden="true" outlineLevel="3">
      <c r="A3653" s="6" t="s">
        <v>4043</v>
      </c>
      <c r="B3653" s="6" t="e"/>
      <c r="C3653" s="6" t="s">
        <v>225</v>
      </c>
      <c r="D3653" s="6" t="s">
        <v>26</v>
      </c>
      <c r="E3653" s="6" t="e"/>
    </row>
    <row r="3654" ht="33" customHeight="true" s="1" customFormat="true" hidden="true" outlineLevel="3">
      <c r="A3654" s="6" t="s">
        <v>4044</v>
      </c>
      <c r="B3654" s="6" t="e"/>
      <c r="C3654" s="6" t="s">
        <v>149</v>
      </c>
      <c r="D3654" s="6" t="s">
        <v>11</v>
      </c>
      <c r="E3654" s="6" t="e"/>
    </row>
    <row r="3655" ht="22" customHeight="true" s="1" customFormat="true" hidden="true" outlineLevel="3">
      <c r="A3655" s="6" t="s">
        <v>4045</v>
      </c>
      <c r="B3655" s="6" t="e"/>
      <c r="C3655" s="6" t="s">
        <v>225</v>
      </c>
      <c r="D3655" s="6" t="s">
        <v>11</v>
      </c>
      <c r="E3655" s="6" t="e"/>
    </row>
    <row r="3656" ht="22" customHeight="true" s="1" customFormat="true" hidden="true" outlineLevel="3">
      <c r="A3656" s="6" t="s">
        <v>4046</v>
      </c>
      <c r="B3656" s="6" t="e"/>
      <c r="C3656" s="6" t="s">
        <v>225</v>
      </c>
      <c r="D3656" s="6" t="s">
        <v>11</v>
      </c>
      <c r="E3656" s="6" t="e"/>
    </row>
    <row r="3657" ht="33" customHeight="true" s="1" customFormat="true" hidden="true" outlineLevel="3">
      <c r="A3657" s="6" t="s">
        <v>4047</v>
      </c>
      <c r="B3657" s="6" t="e"/>
      <c r="C3657" s="6" t="s">
        <v>149</v>
      </c>
      <c r="D3657" s="6" t="s">
        <v>11</v>
      </c>
      <c r="E3657" s="6" t="e"/>
    </row>
    <row r="3658" ht="22" customHeight="true" s="1" customFormat="true" hidden="true" outlineLevel="3">
      <c r="A3658" s="6" t="s">
        <v>4048</v>
      </c>
      <c r="B3658" s="6" t="e"/>
      <c r="C3658" s="6" t="s">
        <v>225</v>
      </c>
      <c r="D3658" s="6" t="s">
        <v>11</v>
      </c>
      <c r="E3658" s="6" t="e"/>
    </row>
    <row r="3659" ht="22" customHeight="true" s="1" customFormat="true" hidden="true" outlineLevel="3">
      <c r="A3659" s="6" t="s">
        <v>4049</v>
      </c>
      <c r="B3659" s="6" t="e"/>
      <c r="C3659" s="6" t="s">
        <v>225</v>
      </c>
      <c r="D3659" s="6" t="s">
        <v>11</v>
      </c>
      <c r="E3659" s="6" t="e"/>
    </row>
    <row r="3660" ht="22" customHeight="true" s="1" customFormat="true" hidden="true" outlineLevel="3">
      <c r="A3660" s="6" t="s">
        <v>4050</v>
      </c>
      <c r="B3660" s="6" t="e"/>
      <c r="C3660" s="6" t="s">
        <v>302</v>
      </c>
      <c r="D3660" s="6" t="s">
        <v>40</v>
      </c>
      <c r="E3660" s="6" t="e"/>
    </row>
    <row r="3661" ht="33" customHeight="true" s="1" customFormat="true" hidden="true" outlineLevel="3">
      <c r="A3661" s="6" t="s">
        <v>4051</v>
      </c>
      <c r="B3661" s="6" t="e"/>
      <c r="C3661" s="6" t="s">
        <v>149</v>
      </c>
      <c r="D3661" s="6" t="s">
        <v>11</v>
      </c>
      <c r="E3661" s="6" t="e"/>
    </row>
    <row r="3662" ht="33" customHeight="true" s="1" customFormat="true" hidden="true" outlineLevel="3">
      <c r="A3662" s="6" t="s">
        <v>4052</v>
      </c>
      <c r="B3662" s="6" t="e"/>
      <c r="C3662" s="6" t="s">
        <v>149</v>
      </c>
      <c r="D3662" s="6" t="s">
        <v>11</v>
      </c>
      <c r="E3662" s="6" t="e"/>
    </row>
    <row r="3663" ht="22" customHeight="true" s="1" customFormat="true" hidden="true" outlineLevel="3">
      <c r="A3663" s="6" t="s">
        <v>4053</v>
      </c>
      <c r="B3663" s="6" t="e"/>
      <c r="C3663" s="6" t="s">
        <v>302</v>
      </c>
      <c r="D3663" s="6" t="s">
        <v>26</v>
      </c>
      <c r="E3663" s="6" t="e"/>
    </row>
    <row r="3664" ht="22" customHeight="true" s="1" customFormat="true" hidden="true" outlineLevel="3">
      <c r="A3664" s="6" t="s">
        <v>4054</v>
      </c>
      <c r="B3664" s="6" t="e"/>
      <c r="C3664" s="6" t="s">
        <v>302</v>
      </c>
      <c r="D3664" s="6" t="s">
        <v>40</v>
      </c>
      <c r="E3664" s="6" t="e"/>
    </row>
    <row r="3665" ht="22" customHeight="true" s="1" customFormat="true" hidden="true" outlineLevel="3">
      <c r="A3665" s="6" t="s">
        <v>4055</v>
      </c>
      <c r="B3665" s="6" t="e"/>
      <c r="C3665" s="6" t="s">
        <v>225</v>
      </c>
      <c r="D3665" s="6" t="s">
        <v>11</v>
      </c>
      <c r="E3665" s="6" t="e"/>
    </row>
    <row r="3666" ht="22" customHeight="true" s="1" customFormat="true" hidden="true" outlineLevel="3">
      <c r="A3666" s="6" t="s">
        <v>4056</v>
      </c>
      <c r="B3666" s="6" t="e"/>
      <c r="C3666" s="6" t="s">
        <v>136</v>
      </c>
      <c r="D3666" s="6" t="s">
        <v>11</v>
      </c>
      <c r="E3666" s="6" t="e"/>
    </row>
    <row r="3667" ht="22" customHeight="true" s="1" customFormat="true" hidden="true" outlineLevel="3">
      <c r="A3667" s="6" t="s">
        <v>4057</v>
      </c>
      <c r="B3667" s="6" t="e"/>
      <c r="C3667" s="6" t="s">
        <v>302</v>
      </c>
      <c r="D3667" s="6" t="s">
        <v>11</v>
      </c>
      <c r="E3667" s="6" t="e"/>
    </row>
    <row r="3668" ht="22" customHeight="true" s="1" customFormat="true" hidden="true" collapsed="true" outlineLevel="3">
      <c r="A3668" s="6" t="s">
        <v>4058</v>
      </c>
      <c r="B3668" s="6" t="e"/>
      <c r="C3668" s="6" t="s">
        <v>225</v>
      </c>
      <c r="D3668" s="6" t="s">
        <v>26</v>
      </c>
      <c r="E3668" s="6" t="e"/>
    </row>
    <row r="3669" ht="11" customHeight="true" s="1" customFormat="true" hidden="true" collapsed="true" outlineLevel="2">
      <c r="A3669" s="5" t="s">
        <v>4059</v>
      </c>
      <c r="B3669" s="5" t="e"/>
      <c r="C3669" s="5" t="e"/>
      <c r="D3669" s="5" t="e"/>
      <c r="E3669" s="5" t="e"/>
    </row>
    <row r="3670" ht="22" customHeight="true" s="1" customFormat="true" hidden="true" outlineLevel="3">
      <c r="A3670" s="6" t="s">
        <v>4060</v>
      </c>
      <c r="B3670" s="6" t="e"/>
      <c r="C3670" s="6" t="s">
        <v>242</v>
      </c>
      <c r="D3670" s="6" t="s">
        <v>26</v>
      </c>
      <c r="E3670" s="6" t="e"/>
    </row>
    <row r="3671" ht="33" customHeight="true" s="1" customFormat="true" hidden="true" outlineLevel="3">
      <c r="A3671" s="6" t="s">
        <v>4061</v>
      </c>
      <c r="B3671" s="6" t="e"/>
      <c r="C3671" s="6" t="s">
        <v>242</v>
      </c>
      <c r="D3671" s="6" t="s">
        <v>11</v>
      </c>
      <c r="E3671" s="6" t="e"/>
    </row>
    <row r="3672" ht="33" customHeight="true" s="1" customFormat="true" hidden="true" outlineLevel="3">
      <c r="A3672" s="6" t="s">
        <v>4062</v>
      </c>
      <c r="B3672" s="6" t="e"/>
      <c r="C3672" s="6" t="s">
        <v>242</v>
      </c>
      <c r="D3672" s="6" t="s">
        <v>26</v>
      </c>
      <c r="E3672" s="6" t="e"/>
    </row>
    <row r="3673" ht="22" customHeight="true" s="1" customFormat="true" hidden="true" outlineLevel="3">
      <c r="A3673" s="6" t="s">
        <v>4063</v>
      </c>
      <c r="B3673" s="6" t="e"/>
      <c r="C3673" s="6" t="s">
        <v>302</v>
      </c>
      <c r="D3673" s="6" t="s">
        <v>11</v>
      </c>
      <c r="E3673" s="6" t="e"/>
    </row>
    <row r="3674" ht="33" customHeight="true" s="1" customFormat="true" hidden="true" outlineLevel="3">
      <c r="A3674" s="6" t="s">
        <v>4064</v>
      </c>
      <c r="B3674" s="6" t="e"/>
      <c r="C3674" s="6" t="s">
        <v>242</v>
      </c>
      <c r="D3674" s="6" t="s">
        <v>26</v>
      </c>
      <c r="E3674" s="6" t="e"/>
    </row>
    <row r="3675" ht="33" customHeight="true" s="1" customFormat="true" hidden="true" outlineLevel="3">
      <c r="A3675" s="6" t="s">
        <v>4065</v>
      </c>
      <c r="B3675" s="6" t="e"/>
      <c r="C3675" s="6" t="s">
        <v>242</v>
      </c>
      <c r="D3675" s="6" t="s">
        <v>26</v>
      </c>
      <c r="E3675" s="6" t="e"/>
    </row>
    <row r="3676" ht="22" customHeight="true" s="1" customFormat="true" hidden="true" outlineLevel="3">
      <c r="A3676" s="6" t="s">
        <v>4066</v>
      </c>
      <c r="B3676" s="6" t="e"/>
      <c r="C3676" s="6" t="s">
        <v>242</v>
      </c>
      <c r="D3676" s="6" t="s">
        <v>26</v>
      </c>
      <c r="E3676" s="6" t="e"/>
    </row>
    <row r="3677" ht="33" customHeight="true" s="1" customFormat="true" hidden="true" outlineLevel="3">
      <c r="A3677" s="6" t="s">
        <v>4067</v>
      </c>
      <c r="B3677" s="6" t="e"/>
      <c r="C3677" s="6" t="s">
        <v>302</v>
      </c>
      <c r="D3677" s="6" t="s">
        <v>123</v>
      </c>
      <c r="E3677" s="6" t="e"/>
    </row>
    <row r="3678" ht="33" customHeight="true" s="1" customFormat="true" hidden="true" outlineLevel="3">
      <c r="A3678" s="6" t="s">
        <v>4068</v>
      </c>
      <c r="B3678" s="6" t="e"/>
      <c r="C3678" s="6" t="s">
        <v>302</v>
      </c>
      <c r="D3678" s="6" t="s">
        <v>11</v>
      </c>
      <c r="E3678" s="6" t="e"/>
    </row>
    <row r="3679" ht="33" customHeight="true" s="1" customFormat="true" hidden="true" outlineLevel="3">
      <c r="A3679" s="6" t="s">
        <v>4069</v>
      </c>
      <c r="B3679" s="6" t="e"/>
      <c r="C3679" s="6" t="s">
        <v>225</v>
      </c>
      <c r="D3679" s="6" t="s">
        <v>11</v>
      </c>
      <c r="E3679" s="6" t="e"/>
    </row>
    <row r="3680" ht="33" customHeight="true" s="1" customFormat="true" hidden="true" outlineLevel="3">
      <c r="A3680" s="6" t="s">
        <v>4070</v>
      </c>
      <c r="B3680" s="6" t="e"/>
      <c r="C3680" s="6" t="s">
        <v>225</v>
      </c>
      <c r="D3680" s="6" t="s">
        <v>11</v>
      </c>
      <c r="E3680" s="6" t="e"/>
    </row>
    <row r="3681" ht="33" customHeight="true" s="1" customFormat="true" hidden="true" outlineLevel="3">
      <c r="A3681" s="6" t="s">
        <v>4071</v>
      </c>
      <c r="B3681" s="6" t="e"/>
      <c r="C3681" s="6" t="s">
        <v>126</v>
      </c>
      <c r="D3681" s="6" t="s">
        <v>15</v>
      </c>
      <c r="E3681" s="6" t="e"/>
    </row>
    <row r="3682" ht="33" customHeight="true" s="1" customFormat="true" hidden="true" outlineLevel="3">
      <c r="A3682" s="6" t="s">
        <v>4072</v>
      </c>
      <c r="B3682" s="6" t="e"/>
      <c r="C3682" s="6" t="s">
        <v>126</v>
      </c>
      <c r="D3682" s="6" t="s">
        <v>26</v>
      </c>
      <c r="E3682" s="6" t="e"/>
    </row>
    <row r="3683" ht="33" customHeight="true" s="1" customFormat="true" hidden="true" outlineLevel="3">
      <c r="A3683" s="6" t="s">
        <v>4073</v>
      </c>
      <c r="B3683" s="6" t="e"/>
      <c r="C3683" s="6" t="s">
        <v>302</v>
      </c>
      <c r="D3683" s="6" t="s">
        <v>11</v>
      </c>
      <c r="E3683" s="6" t="e"/>
    </row>
    <row r="3684" ht="44" customHeight="true" s="1" customFormat="true" hidden="true" outlineLevel="3">
      <c r="A3684" s="6" t="s">
        <v>4074</v>
      </c>
      <c r="B3684" s="6" t="e"/>
      <c r="C3684" s="6" t="s">
        <v>126</v>
      </c>
      <c r="D3684" s="6" t="s">
        <v>26</v>
      </c>
      <c r="E3684" s="6" t="e"/>
    </row>
    <row r="3685" ht="44" customHeight="true" s="1" customFormat="true" hidden="true" outlineLevel="3">
      <c r="A3685" s="6" t="s">
        <v>4075</v>
      </c>
      <c r="B3685" s="6" t="e"/>
      <c r="C3685" s="6" t="s">
        <v>126</v>
      </c>
      <c r="D3685" s="6" t="s">
        <v>40</v>
      </c>
      <c r="E3685" s="6" t="e"/>
    </row>
    <row r="3686" ht="33" customHeight="true" s="1" customFormat="true" hidden="true" outlineLevel="3">
      <c r="A3686" s="6" t="s">
        <v>4076</v>
      </c>
      <c r="B3686" s="6" t="e"/>
      <c r="C3686" s="6" t="s">
        <v>126</v>
      </c>
      <c r="D3686" s="6" t="s">
        <v>26</v>
      </c>
      <c r="E3686" s="6" t="e"/>
    </row>
    <row r="3687" ht="33" customHeight="true" s="1" customFormat="true" hidden="true" outlineLevel="3">
      <c r="A3687" s="6" t="s">
        <v>4077</v>
      </c>
      <c r="B3687" s="6" t="e"/>
      <c r="C3687" s="6" t="s">
        <v>302</v>
      </c>
      <c r="D3687" s="6" t="s">
        <v>26</v>
      </c>
      <c r="E3687" s="6" t="e"/>
    </row>
    <row r="3688" ht="22" customHeight="true" s="1" customFormat="true" hidden="true" outlineLevel="3">
      <c r="A3688" s="6" t="s">
        <v>4078</v>
      </c>
      <c r="B3688" s="6" t="e"/>
      <c r="C3688" s="6" t="s">
        <v>242</v>
      </c>
      <c r="D3688" s="6" t="s">
        <v>26</v>
      </c>
      <c r="E3688" s="6" t="e"/>
    </row>
    <row r="3689" ht="11" customHeight="true" collapsed="true" outlineLevel="1">
      <c r="A3689" s="5" t="s">
        <v>4079</v>
      </c>
      <c r="B3689" s="5" t="e"/>
      <c r="C3689" s="5" t="e"/>
      <c r="D3689" s="5" t="e"/>
      <c r="E3689" s="5" t="e"/>
    </row>
    <row r="3690" ht="11" customHeight="true" s="1" customFormat="true" hidden="true" collapsed="true" outlineLevel="2">
      <c r="A3690" s="5" t="s">
        <v>4080</v>
      </c>
      <c r="B3690" s="5" t="e"/>
      <c r="C3690" s="5" t="e"/>
      <c r="D3690" s="5" t="e"/>
      <c r="E3690" s="5" t="e"/>
    </row>
    <row r="3691" ht="33" customHeight="true" s="1" customFormat="true" hidden="true" outlineLevel="3">
      <c r="A3691" s="6" t="s">
        <v>4081</v>
      </c>
      <c r="B3691" s="6" t="e"/>
      <c r="C3691" s="6" t="s">
        <v>574</v>
      </c>
      <c r="D3691" s="6" t="s">
        <v>15</v>
      </c>
      <c r="E3691" s="6" t="e"/>
    </row>
    <row r="3692" ht="56" customHeight="true" s="1" customFormat="true" hidden="true" outlineLevel="3">
      <c r="A3692" s="6" t="s">
        <v>4082</v>
      </c>
      <c r="B3692" s="6" t="e"/>
      <c r="C3692" s="6" t="s">
        <v>167</v>
      </c>
      <c r="D3692" s="6" t="s">
        <v>100</v>
      </c>
      <c r="E3692" s="6" t="e"/>
    </row>
    <row r="3693" ht="44" customHeight="true" s="1" customFormat="true" hidden="true" outlineLevel="3">
      <c r="A3693" s="6" t="s">
        <v>4083</v>
      </c>
      <c r="B3693" s="6" t="e"/>
      <c r="C3693" s="6" t="s">
        <v>574</v>
      </c>
      <c r="D3693" s="6" t="s">
        <v>26</v>
      </c>
      <c r="E3693" s="6" t="e"/>
    </row>
    <row r="3694" ht="56" customHeight="true" s="1" customFormat="true" hidden="true" outlineLevel="3">
      <c r="A3694" s="6" t="s">
        <v>4084</v>
      </c>
      <c r="B3694" s="6" t="e"/>
      <c r="C3694" s="6" t="s">
        <v>574</v>
      </c>
      <c r="D3694" s="6" t="s">
        <v>57</v>
      </c>
      <c r="E3694" s="6" t="e"/>
    </row>
    <row r="3695" ht="22" customHeight="true" s="1" customFormat="true" hidden="true" outlineLevel="3">
      <c r="A3695" s="6" t="s">
        <v>4085</v>
      </c>
      <c r="B3695" s="6" t="e"/>
      <c r="C3695" s="6" t="s">
        <v>167</v>
      </c>
      <c r="D3695" s="6" t="s">
        <v>68</v>
      </c>
      <c r="E3695" s="6" t="e"/>
    </row>
    <row r="3696" ht="44" customHeight="true" s="1" customFormat="true" hidden="true" outlineLevel="3">
      <c r="A3696" s="6" t="s">
        <v>4086</v>
      </c>
      <c r="B3696" s="6" t="e"/>
      <c r="C3696" s="6" t="s">
        <v>167</v>
      </c>
      <c r="D3696" s="6" t="s">
        <v>11</v>
      </c>
      <c r="E3696" s="6" t="e"/>
    </row>
    <row r="3697" ht="56" customHeight="true" s="1" customFormat="true" hidden="true" outlineLevel="3">
      <c r="A3697" s="6" t="s">
        <v>4087</v>
      </c>
      <c r="B3697" s="6" t="e"/>
      <c r="C3697" s="6" t="s">
        <v>296</v>
      </c>
      <c r="D3697" s="6" t="s">
        <v>11</v>
      </c>
      <c r="E3697" s="6" t="e"/>
    </row>
    <row r="3698" ht="33" customHeight="true" s="1" customFormat="true" hidden="true" outlineLevel="3">
      <c r="A3698" s="6" t="s">
        <v>4088</v>
      </c>
      <c r="B3698" s="6" t="e"/>
      <c r="C3698" s="6" t="s">
        <v>167</v>
      </c>
      <c r="D3698" s="6" t="s">
        <v>1135</v>
      </c>
      <c r="E3698" s="6" t="e"/>
    </row>
    <row r="3699" ht="44" customHeight="true" s="1" customFormat="true" hidden="true" outlineLevel="3">
      <c r="A3699" s="6" t="s">
        <v>4089</v>
      </c>
      <c r="B3699" s="6" t="e"/>
      <c r="C3699" s="6" t="s">
        <v>167</v>
      </c>
      <c r="D3699" s="6" t="s">
        <v>26</v>
      </c>
      <c r="E3699" s="6" t="e"/>
    </row>
    <row r="3700" ht="44" customHeight="true" s="1" customFormat="true" hidden="true" outlineLevel="3">
      <c r="A3700" s="6" t="s">
        <v>4090</v>
      </c>
      <c r="B3700" s="6" t="e"/>
      <c r="C3700" s="6" t="s">
        <v>296</v>
      </c>
      <c r="D3700" s="6" t="s">
        <v>68</v>
      </c>
      <c r="E3700" s="6" t="e"/>
    </row>
    <row r="3701" ht="33" customHeight="true" s="1" customFormat="true" hidden="true" outlineLevel="3">
      <c r="A3701" s="6" t="s">
        <v>4091</v>
      </c>
      <c r="B3701" s="6" t="e"/>
      <c r="C3701" s="6" t="s">
        <v>296</v>
      </c>
      <c r="D3701" s="6" t="s">
        <v>26</v>
      </c>
      <c r="E3701" s="6" t="e"/>
    </row>
    <row r="3702" ht="33" customHeight="true" s="1" customFormat="true" hidden="true" outlineLevel="3">
      <c r="A3702" s="6" t="s">
        <v>4092</v>
      </c>
      <c r="B3702" s="6" t="e"/>
      <c r="C3702" s="6" t="s">
        <v>167</v>
      </c>
      <c r="D3702" s="6" t="s">
        <v>15</v>
      </c>
      <c r="E3702" s="6" t="e"/>
    </row>
    <row r="3703" ht="33" customHeight="true" s="1" customFormat="true" hidden="true" outlineLevel="3">
      <c r="A3703" s="6" t="s">
        <v>4093</v>
      </c>
      <c r="B3703" s="6" t="e"/>
      <c r="C3703" s="6" t="s">
        <v>167</v>
      </c>
      <c r="D3703" s="6" t="s">
        <v>644</v>
      </c>
      <c r="E3703" s="6" t="e"/>
    </row>
    <row r="3704" ht="33" customHeight="true" s="1" customFormat="true" hidden="true" outlineLevel="3">
      <c r="A3704" s="6" t="s">
        <v>4094</v>
      </c>
      <c r="B3704" s="6" t="e"/>
      <c r="C3704" s="6" t="s">
        <v>167</v>
      </c>
      <c r="D3704" s="6" t="s">
        <v>123</v>
      </c>
      <c r="E3704" s="6" t="e"/>
    </row>
    <row r="3705" ht="33" customHeight="true" s="1" customFormat="true" hidden="true" outlineLevel="3">
      <c r="A3705" s="6" t="s">
        <v>4095</v>
      </c>
      <c r="B3705" s="6" t="e"/>
      <c r="C3705" s="6" t="s">
        <v>167</v>
      </c>
      <c r="D3705" s="6" t="s">
        <v>674</v>
      </c>
      <c r="E3705" s="6" t="e"/>
    </row>
    <row r="3706" ht="56" customHeight="true" s="1" customFormat="true" hidden="true" outlineLevel="3">
      <c r="A3706" s="6" t="s">
        <v>4096</v>
      </c>
      <c r="B3706" s="6" t="e"/>
      <c r="C3706" s="6" t="s">
        <v>302</v>
      </c>
      <c r="D3706" s="6" t="s">
        <v>276</v>
      </c>
      <c r="E3706" s="6" t="e"/>
    </row>
    <row r="3707" ht="11" customHeight="true" collapsed="true" outlineLevel="1">
      <c r="A3707" s="5" t="s">
        <v>4097</v>
      </c>
      <c r="B3707" s="5" t="e"/>
      <c r="C3707" s="5" t="e"/>
      <c r="D3707" s="5" t="e"/>
      <c r="E3707" s="5" t="e"/>
    </row>
    <row r="3708" ht="11" customHeight="true" s="1" customFormat="true" hidden="true" collapsed="true" outlineLevel="2">
      <c r="A3708" s="5" t="s">
        <v>4098</v>
      </c>
      <c r="B3708" s="5" t="e"/>
      <c r="C3708" s="5" t="e"/>
      <c r="D3708" s="5" t="e"/>
      <c r="E3708" s="5" t="e"/>
    </row>
    <row r="3709" ht="44" customHeight="true" s="1" customFormat="true" hidden="true" outlineLevel="3">
      <c r="A3709" s="6" t="s">
        <v>4099</v>
      </c>
      <c r="B3709" s="6" t="e"/>
      <c r="C3709" s="6" t="s">
        <v>167</v>
      </c>
      <c r="D3709" s="6" t="s">
        <v>57</v>
      </c>
      <c r="E3709" s="6" t="e"/>
    </row>
    <row r="3710" ht="44" customHeight="true" s="1" customFormat="true" hidden="true" outlineLevel="3">
      <c r="A3710" s="6" t="s">
        <v>4100</v>
      </c>
      <c r="B3710" s="6" t="e"/>
      <c r="C3710" s="6" t="s">
        <v>296</v>
      </c>
      <c r="D3710" s="6" t="s">
        <v>40</v>
      </c>
      <c r="E3710" s="6" t="e"/>
    </row>
    <row r="3711" ht="44" customHeight="true" s="1" customFormat="true" hidden="true" outlineLevel="3">
      <c r="A3711" s="6" t="s">
        <v>4101</v>
      </c>
      <c r="B3711" s="6" t="e"/>
      <c r="C3711" s="6" t="s">
        <v>296</v>
      </c>
      <c r="D3711" s="6" t="s">
        <v>11</v>
      </c>
      <c r="E3711" s="6" t="e"/>
    </row>
    <row r="3712" ht="22" customHeight="true" s="1" customFormat="true" hidden="true" collapsed="true" outlineLevel="3">
      <c r="A3712" s="6" t="s">
        <v>4102</v>
      </c>
      <c r="B3712" s="6" t="e"/>
      <c r="C3712" s="6" t="s">
        <v>126</v>
      </c>
      <c r="D3712" s="6" t="s">
        <v>11</v>
      </c>
      <c r="E3712" s="6" t="e"/>
    </row>
    <row r="3713" ht="11" customHeight="true" s="1" customFormat="true" hidden="true" collapsed="true" outlineLevel="2">
      <c r="A3713" s="5" t="s">
        <v>4103</v>
      </c>
      <c r="B3713" s="5" t="e"/>
      <c r="C3713" s="5" t="e"/>
      <c r="D3713" s="5" t="e"/>
      <c r="E3713" s="5" t="e"/>
    </row>
    <row r="3714" ht="22" customHeight="true" s="1" customFormat="true" hidden="true" outlineLevel="3">
      <c r="A3714" s="6" t="s">
        <v>4104</v>
      </c>
      <c r="B3714" s="6" t="e"/>
      <c r="C3714" s="6" t="s">
        <v>302</v>
      </c>
      <c r="D3714" s="6" t="s">
        <v>40</v>
      </c>
      <c r="E3714" s="6" t="e"/>
    </row>
    <row r="3715" ht="22" customHeight="true" s="1" customFormat="true" hidden="true" outlineLevel="3">
      <c r="A3715" s="6" t="s">
        <v>4105</v>
      </c>
      <c r="B3715" s="6" t="e"/>
      <c r="C3715" s="6" t="s">
        <v>126</v>
      </c>
      <c r="D3715" s="6" t="s">
        <v>57</v>
      </c>
      <c r="E3715" s="6" t="e"/>
    </row>
    <row r="3716" ht="22" customHeight="true" s="1" customFormat="true" hidden="true" outlineLevel="3">
      <c r="A3716" s="6" t="s">
        <v>4106</v>
      </c>
      <c r="B3716" s="6" t="e"/>
      <c r="C3716" s="6" t="s">
        <v>574</v>
      </c>
      <c r="D3716" s="6" t="s">
        <v>57</v>
      </c>
      <c r="E3716" s="6" t="e"/>
    </row>
    <row r="3717" ht="22" customHeight="true" s="1" customFormat="true" hidden="true" outlineLevel="3">
      <c r="A3717" s="6" t="s">
        <v>4107</v>
      </c>
      <c r="B3717" s="6" t="e"/>
      <c r="C3717" s="6" t="s">
        <v>296</v>
      </c>
      <c r="D3717" s="6" t="s">
        <v>26</v>
      </c>
      <c r="E3717" s="6" t="e"/>
    </row>
    <row r="3718" ht="22" customHeight="true" s="1" customFormat="true" hidden="true" outlineLevel="3">
      <c r="A3718" s="6" t="s">
        <v>4108</v>
      </c>
      <c r="B3718" s="6" t="e"/>
      <c r="C3718" s="6" t="s">
        <v>296</v>
      </c>
      <c r="D3718" s="6" t="s">
        <v>26</v>
      </c>
      <c r="E3718" s="6" t="e"/>
    </row>
    <row r="3719" ht="22" customHeight="true" s="1" customFormat="true" hidden="true" outlineLevel="3">
      <c r="A3719" s="6" t="s">
        <v>4109</v>
      </c>
      <c r="B3719" s="6" t="e"/>
      <c r="C3719" s="6" t="s">
        <v>296</v>
      </c>
      <c r="D3719" s="6" t="s">
        <v>40</v>
      </c>
      <c r="E3719" s="6" t="e"/>
    </row>
    <row r="3720" ht="22" customHeight="true" s="1" customFormat="true" hidden="true" outlineLevel="3">
      <c r="A3720" s="6" t="s">
        <v>4110</v>
      </c>
      <c r="B3720" s="6" t="e"/>
      <c r="C3720" s="6" t="s">
        <v>302</v>
      </c>
      <c r="D3720" s="6" t="s">
        <v>26</v>
      </c>
      <c r="E3720" s="6" t="e"/>
    </row>
    <row r="3721" ht="22" customHeight="true" s="1" customFormat="true" hidden="true" outlineLevel="3">
      <c r="A3721" s="6" t="s">
        <v>4111</v>
      </c>
      <c r="B3721" s="6" t="e"/>
      <c r="C3721" s="6" t="s">
        <v>302</v>
      </c>
      <c r="D3721" s="6" t="s">
        <v>11</v>
      </c>
      <c r="E3721" s="6" t="e"/>
    </row>
    <row r="3722" ht="22" customHeight="true" s="1" customFormat="true" hidden="true" outlineLevel="3">
      <c r="A3722" s="6" t="s">
        <v>4112</v>
      </c>
      <c r="B3722" s="6" t="e"/>
      <c r="C3722" s="6" t="s">
        <v>149</v>
      </c>
      <c r="D3722" s="6" t="s">
        <v>11</v>
      </c>
      <c r="E3722" s="6" t="e"/>
    </row>
    <row r="3723" ht="22" customHeight="true" s="1" customFormat="true" hidden="true" outlineLevel="3">
      <c r="A3723" s="6" t="s">
        <v>4113</v>
      </c>
      <c r="B3723" s="6" t="e"/>
      <c r="C3723" s="6" t="s">
        <v>149</v>
      </c>
      <c r="D3723" s="6" t="s">
        <v>26</v>
      </c>
      <c r="E3723" s="6" t="e"/>
    </row>
    <row r="3724" ht="22" customHeight="true" s="1" customFormat="true" hidden="true" outlineLevel="3">
      <c r="A3724" s="6" t="s">
        <v>4114</v>
      </c>
      <c r="B3724" s="6" t="e"/>
      <c r="C3724" s="6" t="s">
        <v>302</v>
      </c>
      <c r="D3724" s="6" t="s">
        <v>26</v>
      </c>
      <c r="E3724" s="6" t="e"/>
    </row>
    <row r="3725" ht="22" customHeight="true" s="1" customFormat="true" hidden="true" outlineLevel="3">
      <c r="A3725" s="6" t="s">
        <v>4115</v>
      </c>
      <c r="B3725" s="6" t="e"/>
      <c r="C3725" s="6" t="s">
        <v>302</v>
      </c>
      <c r="D3725" s="6" t="s">
        <v>11</v>
      </c>
      <c r="E3725" s="6" t="e"/>
    </row>
    <row r="3726" ht="22" customHeight="true" s="1" customFormat="true" hidden="true" outlineLevel="3">
      <c r="A3726" s="6" t="s">
        <v>4116</v>
      </c>
      <c r="B3726" s="6" t="e"/>
      <c r="C3726" s="6" t="s">
        <v>296</v>
      </c>
      <c r="D3726" s="6" t="s">
        <v>26</v>
      </c>
      <c r="E3726" s="6" t="e"/>
    </row>
    <row r="3727" ht="22" customHeight="true" s="1" customFormat="true" hidden="true" outlineLevel="3">
      <c r="A3727" s="6" t="s">
        <v>4117</v>
      </c>
      <c r="B3727" s="6" t="e"/>
      <c r="C3727" s="6" t="s">
        <v>242</v>
      </c>
      <c r="D3727" s="6" t="s">
        <v>11</v>
      </c>
      <c r="E3727" s="6" t="e"/>
    </row>
    <row r="3728" ht="22" customHeight="true" s="1" customFormat="true" hidden="true" outlineLevel="3">
      <c r="A3728" s="6" t="s">
        <v>4118</v>
      </c>
      <c r="B3728" s="6" t="e"/>
      <c r="C3728" s="6" t="s">
        <v>225</v>
      </c>
      <c r="D3728" s="6" t="s">
        <v>11</v>
      </c>
      <c r="E3728" s="6" t="e"/>
    </row>
    <row r="3729" ht="22" customHeight="true" s="1" customFormat="true" hidden="true" outlineLevel="3">
      <c r="A3729" s="6" t="s">
        <v>4119</v>
      </c>
      <c r="B3729" s="6" t="e"/>
      <c r="C3729" s="6" t="s">
        <v>302</v>
      </c>
      <c r="D3729" s="6" t="s">
        <v>26</v>
      </c>
      <c r="E3729" s="6" t="e"/>
    </row>
    <row r="3730" ht="22" customHeight="true" s="1" customFormat="true" hidden="true" outlineLevel="3">
      <c r="A3730" s="6" t="s">
        <v>4120</v>
      </c>
      <c r="B3730" s="6" t="e"/>
      <c r="C3730" s="6" t="s">
        <v>242</v>
      </c>
      <c r="D3730" s="6" t="s">
        <v>40</v>
      </c>
      <c r="E3730" s="6" t="e"/>
    </row>
    <row r="3731" ht="22" customHeight="true" s="1" customFormat="true" hidden="true" outlineLevel="3">
      <c r="A3731" s="6" t="s">
        <v>4121</v>
      </c>
      <c r="B3731" s="6" t="e"/>
      <c r="C3731" s="6" t="s">
        <v>242</v>
      </c>
      <c r="D3731" s="6" t="s">
        <v>11</v>
      </c>
      <c r="E3731" s="6" t="e"/>
    </row>
    <row r="3732" ht="22" customHeight="true" s="1" customFormat="true" hidden="true" outlineLevel="3">
      <c r="A3732" s="6" t="s">
        <v>4122</v>
      </c>
      <c r="B3732" s="6" t="e"/>
      <c r="C3732" s="6" t="s">
        <v>242</v>
      </c>
      <c r="D3732" s="6" t="s">
        <v>26</v>
      </c>
      <c r="E3732" s="6" t="e"/>
    </row>
    <row r="3733" ht="22" customHeight="true" s="1" customFormat="true" hidden="true" outlineLevel="3">
      <c r="A3733" s="6" t="s">
        <v>4123</v>
      </c>
      <c r="B3733" s="6" t="e"/>
      <c r="C3733" s="6" t="s">
        <v>242</v>
      </c>
      <c r="D3733" s="6" t="s">
        <v>26</v>
      </c>
      <c r="E3733" s="6" t="e"/>
    </row>
    <row r="3734" ht="22" customHeight="true" s="1" customFormat="true" hidden="true" outlineLevel="3">
      <c r="A3734" s="6" t="s">
        <v>4124</v>
      </c>
      <c r="B3734" s="6" t="e"/>
      <c r="C3734" s="6" t="s">
        <v>242</v>
      </c>
      <c r="D3734" s="6" t="s">
        <v>11</v>
      </c>
      <c r="E3734" s="6" t="e"/>
    </row>
    <row r="3735" ht="22" customHeight="true" s="1" customFormat="true" hidden="true" outlineLevel="3">
      <c r="A3735" s="6" t="s">
        <v>4125</v>
      </c>
      <c r="B3735" s="6" t="e"/>
      <c r="C3735" s="6" t="s">
        <v>242</v>
      </c>
      <c r="D3735" s="6" t="s">
        <v>11</v>
      </c>
      <c r="E3735" s="6" t="e"/>
    </row>
    <row r="3736" ht="22" customHeight="true" s="1" customFormat="true" hidden="true" outlineLevel="3">
      <c r="A3736" s="6" t="s">
        <v>4126</v>
      </c>
      <c r="B3736" s="6" t="e"/>
      <c r="C3736" s="6" t="s">
        <v>296</v>
      </c>
      <c r="D3736" s="6" t="s">
        <v>11</v>
      </c>
      <c r="E3736" s="6" t="e"/>
    </row>
    <row r="3737" ht="22" customHeight="true" s="1" customFormat="true" hidden="true" outlineLevel="3">
      <c r="A3737" s="6" t="s">
        <v>4127</v>
      </c>
      <c r="B3737" s="6" t="e"/>
      <c r="C3737" s="6" t="s">
        <v>242</v>
      </c>
      <c r="D3737" s="6" t="s">
        <v>26</v>
      </c>
      <c r="E3737" s="6" t="e"/>
    </row>
    <row r="3738" ht="22" customHeight="true" s="1" customFormat="true" hidden="true" outlineLevel="3">
      <c r="A3738" s="6" t="s">
        <v>4128</v>
      </c>
      <c r="B3738" s="6" t="e"/>
      <c r="C3738" s="6" t="s">
        <v>242</v>
      </c>
      <c r="D3738" s="6" t="s">
        <v>11</v>
      </c>
      <c r="E3738" s="6" t="e"/>
    </row>
    <row r="3739" ht="22" customHeight="true" s="1" customFormat="true" hidden="true" outlineLevel="3">
      <c r="A3739" s="6" t="s">
        <v>4129</v>
      </c>
      <c r="B3739" s="6" t="e"/>
      <c r="C3739" s="6" t="s">
        <v>225</v>
      </c>
      <c r="D3739" s="6" t="s">
        <v>26</v>
      </c>
      <c r="E3739" s="6" t="e"/>
    </row>
    <row r="3740" ht="22" customHeight="true" s="1" customFormat="true" hidden="true" outlineLevel="3">
      <c r="A3740" s="6" t="s">
        <v>4130</v>
      </c>
      <c r="B3740" s="6" t="e"/>
      <c r="C3740" s="6" t="s">
        <v>225</v>
      </c>
      <c r="D3740" s="6" t="s">
        <v>26</v>
      </c>
      <c r="E3740" s="6" t="e"/>
    </row>
    <row r="3741" ht="22" customHeight="true" s="1" customFormat="true" hidden="true" outlineLevel="3">
      <c r="A3741" s="6" t="s">
        <v>4131</v>
      </c>
      <c r="B3741" s="6" t="e"/>
      <c r="C3741" s="6" t="s">
        <v>225</v>
      </c>
      <c r="D3741" s="6" t="s">
        <v>11</v>
      </c>
      <c r="E3741" s="6" t="e"/>
    </row>
    <row r="3742" ht="22" customHeight="true" s="1" customFormat="true" hidden="true" collapsed="true" outlineLevel="3">
      <c r="A3742" s="6" t="s">
        <v>4132</v>
      </c>
      <c r="B3742" s="6" t="e"/>
      <c r="C3742" s="6" t="s">
        <v>225</v>
      </c>
      <c r="D3742" s="6" t="s">
        <v>11</v>
      </c>
      <c r="E3742" s="6" t="e"/>
    </row>
    <row r="3743" ht="11" customHeight="true" s="1" customFormat="true" hidden="true" collapsed="true" outlineLevel="2">
      <c r="A3743" s="5" t="s">
        <v>4133</v>
      </c>
      <c r="B3743" s="5" t="e"/>
      <c r="C3743" s="5" t="e"/>
      <c r="D3743" s="5" t="e"/>
      <c r="E3743" s="5" t="e"/>
    </row>
    <row r="3744" ht="33" customHeight="true" s="1" customFormat="true" hidden="true" outlineLevel="3">
      <c r="A3744" s="6" t="s">
        <v>4134</v>
      </c>
      <c r="B3744" s="6" t="e"/>
      <c r="C3744" s="6" t="s">
        <v>225</v>
      </c>
      <c r="D3744" s="6" t="s">
        <v>11</v>
      </c>
      <c r="E3744" s="6" t="e"/>
    </row>
    <row r="3745" ht="44" customHeight="true" s="1" customFormat="true" hidden="true" outlineLevel="3">
      <c r="A3745" s="6" t="s">
        <v>4135</v>
      </c>
      <c r="B3745" s="6" t="e"/>
      <c r="C3745" s="6" t="s">
        <v>242</v>
      </c>
      <c r="D3745" s="6" t="s">
        <v>26</v>
      </c>
      <c r="E3745" s="6" t="e"/>
    </row>
    <row r="3746" ht="22" customHeight="true" s="1" customFormat="true" hidden="true" outlineLevel="3">
      <c r="A3746" s="6" t="s">
        <v>4136</v>
      </c>
      <c r="B3746" s="6" t="e"/>
      <c r="C3746" s="6" t="s">
        <v>296</v>
      </c>
      <c r="D3746" s="6" t="s">
        <v>26</v>
      </c>
      <c r="E3746" s="6" t="e"/>
    </row>
    <row r="3747" ht="22" customHeight="true" s="1" customFormat="true" hidden="true" outlineLevel="3">
      <c r="A3747" s="6" t="s">
        <v>4137</v>
      </c>
      <c r="B3747" s="6" t="e"/>
      <c r="C3747" s="6" t="s">
        <v>126</v>
      </c>
      <c r="D3747" s="6" t="s">
        <v>11</v>
      </c>
      <c r="E3747" s="6" t="e"/>
    </row>
    <row r="3748" ht="22" customHeight="true" s="1" customFormat="true" hidden="true" collapsed="true" outlineLevel="3">
      <c r="A3748" s="6" t="s">
        <v>4138</v>
      </c>
      <c r="B3748" s="6" t="e"/>
      <c r="C3748" s="6" t="s">
        <v>225</v>
      </c>
      <c r="D3748" s="6" t="s">
        <v>26</v>
      </c>
      <c r="E3748" s="6" t="e"/>
    </row>
    <row r="3749" ht="11" customHeight="true" s="1" customFormat="true" hidden="true" collapsed="true" outlineLevel="2">
      <c r="A3749" s="5" t="s">
        <v>4139</v>
      </c>
      <c r="B3749" s="5" t="e"/>
      <c r="C3749" s="5" t="e"/>
      <c r="D3749" s="5" t="e"/>
      <c r="E3749" s="5" t="e"/>
    </row>
    <row r="3750" ht="67" customHeight="true" s="1" customFormat="true" hidden="true" outlineLevel="3">
      <c r="A3750" s="6" t="s">
        <v>4140</v>
      </c>
      <c r="B3750" s="6" t="e"/>
      <c r="C3750" s="6" t="s">
        <v>242</v>
      </c>
      <c r="D3750" s="6" t="s">
        <v>26</v>
      </c>
      <c r="E3750" s="6" t="e"/>
    </row>
    <row r="3751" ht="22" customHeight="true" s="1" customFormat="true" hidden="true" outlineLevel="3">
      <c r="A3751" s="6" t="s">
        <v>4141</v>
      </c>
      <c r="B3751" s="6" t="e"/>
      <c r="C3751" s="6" t="s">
        <v>242</v>
      </c>
      <c r="D3751" s="6" t="s">
        <v>15</v>
      </c>
      <c r="E3751" s="6" t="e"/>
    </row>
    <row r="3752" ht="22" customHeight="true" s="1" customFormat="true" hidden="true" outlineLevel="3">
      <c r="A3752" s="6" t="s">
        <v>4142</v>
      </c>
      <c r="B3752" s="6" t="e"/>
      <c r="C3752" s="6" t="s">
        <v>302</v>
      </c>
      <c r="D3752" s="6" t="s">
        <v>26</v>
      </c>
      <c r="E3752" s="6" t="e"/>
    </row>
    <row r="3753" ht="33" customHeight="true" s="1" customFormat="true" hidden="true" outlineLevel="3">
      <c r="A3753" s="6" t="s">
        <v>4143</v>
      </c>
      <c r="B3753" s="6" t="e"/>
      <c r="C3753" s="6" t="s">
        <v>225</v>
      </c>
      <c r="D3753" s="6" t="s">
        <v>11</v>
      </c>
      <c r="E3753" s="6" t="e"/>
    </row>
    <row r="3754" ht="22" customHeight="true" s="1" customFormat="true" hidden="true" outlineLevel="3">
      <c r="A3754" s="6" t="s">
        <v>4144</v>
      </c>
      <c r="B3754" s="6" t="e"/>
      <c r="C3754" s="6" t="s">
        <v>242</v>
      </c>
      <c r="D3754" s="6" t="s">
        <v>26</v>
      </c>
      <c r="E3754" s="6" t="e"/>
    </row>
    <row r="3755" ht="22" customHeight="true" s="1" customFormat="true" hidden="true" outlineLevel="3">
      <c r="A3755" s="6" t="s">
        <v>4145</v>
      </c>
      <c r="B3755" s="6" t="e"/>
      <c r="C3755" s="6" t="s">
        <v>103</v>
      </c>
      <c r="D3755" s="6" t="s">
        <v>11</v>
      </c>
      <c r="E3755" s="6" t="e"/>
    </row>
    <row r="3756" ht="22" customHeight="true" s="1" customFormat="true" hidden="true" outlineLevel="3">
      <c r="A3756" s="6" t="s">
        <v>4146</v>
      </c>
      <c r="B3756" s="6" t="e"/>
      <c r="C3756" s="6" t="s">
        <v>155</v>
      </c>
      <c r="D3756" s="6" t="s">
        <v>26</v>
      </c>
      <c r="E3756" s="6" t="e"/>
    </row>
    <row r="3757" ht="44" customHeight="true" s="1" customFormat="true" hidden="true" outlineLevel="3">
      <c r="A3757" s="6" t="s">
        <v>4147</v>
      </c>
      <c r="B3757" s="6" t="e"/>
      <c r="C3757" s="6" t="s">
        <v>242</v>
      </c>
      <c r="D3757" s="6" t="s">
        <v>26</v>
      </c>
      <c r="E3757" s="6" t="e"/>
    </row>
    <row r="3758" ht="22" customHeight="true" s="1" customFormat="true" hidden="true" outlineLevel="3">
      <c r="A3758" s="6" t="s">
        <v>4148</v>
      </c>
      <c r="B3758" s="6" t="e"/>
      <c r="C3758" s="6" t="s">
        <v>364</v>
      </c>
      <c r="D3758" s="6" t="s">
        <v>11</v>
      </c>
      <c r="E3758" s="6" t="e"/>
    </row>
    <row r="3759" ht="22" customHeight="true" s="1" customFormat="true" hidden="true" outlineLevel="3">
      <c r="A3759" s="6" t="s">
        <v>4149</v>
      </c>
      <c r="B3759" s="6" t="e"/>
      <c r="C3759" s="6" t="s">
        <v>55</v>
      </c>
      <c r="D3759" s="6" t="s">
        <v>11</v>
      </c>
      <c r="E3759" s="6" t="e"/>
    </row>
    <row r="3760" ht="44" customHeight="true" s="1" customFormat="true" hidden="true" outlineLevel="3">
      <c r="A3760" s="6" t="s">
        <v>4150</v>
      </c>
      <c r="B3760" s="6" t="e"/>
      <c r="C3760" s="6" t="s">
        <v>55</v>
      </c>
      <c r="D3760" s="6" t="s">
        <v>11</v>
      </c>
      <c r="E3760" s="6" t="e"/>
    </row>
    <row r="3761" ht="22" customHeight="true" s="1" customFormat="true" hidden="true" outlineLevel="3">
      <c r="A3761" s="6" t="s">
        <v>4151</v>
      </c>
      <c r="B3761" s="6" t="e"/>
      <c r="C3761" s="6" t="s">
        <v>149</v>
      </c>
      <c r="D3761" s="6" t="s">
        <v>11</v>
      </c>
      <c r="E3761" s="6" t="e"/>
    </row>
    <row r="3762" ht="22" customHeight="true" s="1" customFormat="true" hidden="true" outlineLevel="3">
      <c r="A3762" s="6" t="s">
        <v>4152</v>
      </c>
      <c r="B3762" s="6" t="e"/>
      <c r="C3762" s="6" t="s">
        <v>149</v>
      </c>
      <c r="D3762" s="6" t="s">
        <v>11</v>
      </c>
      <c r="E3762" s="6" t="e"/>
    </row>
    <row r="3763" ht="22" customHeight="true" s="1" customFormat="true" hidden="true" outlineLevel="3">
      <c r="A3763" s="6" t="s">
        <v>4153</v>
      </c>
      <c r="B3763" s="6" t="e"/>
      <c r="C3763" s="6" t="s">
        <v>225</v>
      </c>
      <c r="D3763" s="6" t="s">
        <v>11</v>
      </c>
      <c r="E3763" s="6" t="e"/>
    </row>
    <row r="3764" ht="33" customHeight="true" s="1" customFormat="true" hidden="true" collapsed="true" outlineLevel="3">
      <c r="A3764" s="6" t="s">
        <v>4154</v>
      </c>
      <c r="B3764" s="6" t="e"/>
      <c r="C3764" s="6" t="s">
        <v>225</v>
      </c>
      <c r="D3764" s="6" t="s">
        <v>11</v>
      </c>
      <c r="E3764" s="6" t="e"/>
    </row>
    <row r="3765" ht="11" customHeight="true" s="1" customFormat="true" hidden="true" collapsed="true" outlineLevel="2">
      <c r="A3765" s="5" t="s">
        <v>4155</v>
      </c>
      <c r="B3765" s="5" t="e"/>
      <c r="C3765" s="5" t="e"/>
      <c r="D3765" s="5" t="e"/>
      <c r="E3765" s="5" t="e"/>
    </row>
    <row r="3766" ht="33" customHeight="true" s="1" customFormat="true" hidden="true" outlineLevel="3">
      <c r="A3766" s="6" t="s">
        <v>4156</v>
      </c>
      <c r="B3766" s="6" t="e"/>
      <c r="C3766" s="6" t="s">
        <v>225</v>
      </c>
      <c r="D3766" s="6" t="s">
        <v>26</v>
      </c>
      <c r="E3766" s="6" t="e"/>
    </row>
    <row r="3767" ht="22" customHeight="true" s="1" customFormat="true" hidden="true" outlineLevel="3">
      <c r="A3767" s="6" t="s">
        <v>4157</v>
      </c>
      <c r="B3767" s="6" t="e"/>
      <c r="C3767" s="6" t="s">
        <v>225</v>
      </c>
      <c r="D3767" s="6" t="s">
        <v>40</v>
      </c>
      <c r="E3767" s="6" t="e"/>
    </row>
    <row r="3768" ht="22" customHeight="true" s="1" customFormat="true" hidden="true" outlineLevel="3">
      <c r="A3768" s="6" t="s">
        <v>4158</v>
      </c>
      <c r="B3768" s="6" t="e"/>
      <c r="C3768" s="6" t="s">
        <v>225</v>
      </c>
      <c r="D3768" s="6" t="s">
        <v>453</v>
      </c>
      <c r="E3768" s="6" t="e"/>
    </row>
    <row r="3769" ht="44" customHeight="true" s="1" customFormat="true" hidden="true" outlineLevel="3">
      <c r="A3769" s="6" t="s">
        <v>4159</v>
      </c>
      <c r="B3769" s="6" t="e"/>
      <c r="C3769" s="6" t="s">
        <v>242</v>
      </c>
      <c r="D3769" s="6" t="s">
        <v>15</v>
      </c>
      <c r="E3769" s="6" t="e"/>
    </row>
    <row r="3770" ht="22" customHeight="true" s="1" customFormat="true" hidden="true" outlineLevel="3">
      <c r="A3770" s="6" t="s">
        <v>4160</v>
      </c>
      <c r="B3770" s="6" t="e"/>
      <c r="C3770" s="6" t="s">
        <v>225</v>
      </c>
      <c r="D3770" s="6" t="s">
        <v>11</v>
      </c>
      <c r="E3770" s="6" t="e"/>
    </row>
    <row r="3771" ht="33" customHeight="true" s="1" customFormat="true" hidden="true" outlineLevel="3">
      <c r="A3771" s="6" t="s">
        <v>4161</v>
      </c>
      <c r="B3771" s="6" t="e"/>
      <c r="C3771" s="6" t="s">
        <v>149</v>
      </c>
      <c r="D3771" s="6" t="s">
        <v>11</v>
      </c>
      <c r="E3771" s="6" t="e"/>
    </row>
    <row r="3772" ht="33" customHeight="true" s="1" customFormat="true" hidden="true" collapsed="true" outlineLevel="3">
      <c r="A3772" s="6" t="s">
        <v>4162</v>
      </c>
      <c r="B3772" s="6" t="e"/>
      <c r="C3772" s="6" t="s">
        <v>302</v>
      </c>
      <c r="D3772" s="6" t="s">
        <v>11</v>
      </c>
      <c r="E3772" s="6" t="e"/>
    </row>
    <row r="3773" ht="11" customHeight="true" s="1" customFormat="true" hidden="true" collapsed="true" outlineLevel="2">
      <c r="A3773" s="5" t="s">
        <v>4163</v>
      </c>
      <c r="B3773" s="5" t="e"/>
      <c r="C3773" s="5" t="e"/>
      <c r="D3773" s="5" t="e"/>
      <c r="E3773" s="5" t="e"/>
    </row>
    <row r="3774" ht="22" customHeight="true" s="1" customFormat="true" hidden="true" outlineLevel="3">
      <c r="A3774" s="6" t="s">
        <v>4164</v>
      </c>
      <c r="B3774" s="6" t="e"/>
      <c r="C3774" s="6" t="s">
        <v>296</v>
      </c>
      <c r="D3774" s="6" t="s">
        <v>11</v>
      </c>
      <c r="E3774" s="6" t="e"/>
    </row>
    <row r="3775" ht="22" customHeight="true" s="1" customFormat="true" hidden="true" collapsed="true" outlineLevel="3">
      <c r="A3775" s="6" t="s">
        <v>4165</v>
      </c>
      <c r="B3775" s="6" t="e"/>
      <c r="C3775" s="6" t="s">
        <v>296</v>
      </c>
      <c r="D3775" s="6" t="s">
        <v>26</v>
      </c>
      <c r="E3775" s="6" t="e"/>
    </row>
    <row r="3776" ht="11" customHeight="true" s="1" customFormat="true" hidden="true" collapsed="true" outlineLevel="2">
      <c r="A3776" s="5" t="s">
        <v>4166</v>
      </c>
      <c r="B3776" s="5" t="e"/>
      <c r="C3776" s="5" t="e"/>
      <c r="D3776" s="5" t="e"/>
      <c r="E3776" s="5" t="e"/>
    </row>
    <row r="3777" ht="22" customHeight="true" s="1" customFormat="true" hidden="true" outlineLevel="3">
      <c r="A3777" s="6" t="s">
        <v>4167</v>
      </c>
      <c r="B3777" s="6" t="e"/>
      <c r="C3777" s="6" t="s">
        <v>302</v>
      </c>
      <c r="D3777" s="6" t="s">
        <v>26</v>
      </c>
      <c r="E3777" s="6" t="e"/>
    </row>
    <row r="3778" ht="22" customHeight="true" s="1" customFormat="true" hidden="true" outlineLevel="3">
      <c r="A3778" s="6" t="s">
        <v>4168</v>
      </c>
      <c r="B3778" s="6" t="e"/>
      <c r="C3778" s="6" t="s">
        <v>219</v>
      </c>
      <c r="D3778" s="6" t="s">
        <v>11</v>
      </c>
      <c r="E3778" s="6" t="e"/>
    </row>
    <row r="3779" ht="44" customHeight="true" s="1" customFormat="true" hidden="true" outlineLevel="3">
      <c r="A3779" s="6" t="s">
        <v>4169</v>
      </c>
      <c r="B3779" s="6" t="e"/>
      <c r="C3779" s="6" t="s">
        <v>302</v>
      </c>
      <c r="D3779" s="6" t="s">
        <v>15</v>
      </c>
      <c r="E3779" s="6" t="e"/>
    </row>
    <row r="3780" ht="33" customHeight="true" s="1" customFormat="true" hidden="true" outlineLevel="3">
      <c r="A3780" s="6" t="s">
        <v>4170</v>
      </c>
      <c r="B3780" s="6" t="e"/>
      <c r="C3780" s="6" t="s">
        <v>296</v>
      </c>
      <c r="D3780" s="6" t="s">
        <v>40</v>
      </c>
      <c r="E3780" s="6" t="e"/>
    </row>
    <row r="3781" ht="33" customHeight="true" s="1" customFormat="true" hidden="true" outlineLevel="3">
      <c r="A3781" s="6" t="s">
        <v>4171</v>
      </c>
      <c r="B3781" s="6" t="e"/>
      <c r="C3781" s="6" t="s">
        <v>242</v>
      </c>
      <c r="D3781" s="6" t="s">
        <v>40</v>
      </c>
      <c r="E3781" s="6" t="e"/>
    </row>
    <row r="3782" ht="33" customHeight="true" s="1" customFormat="true" hidden="true" outlineLevel="3">
      <c r="A3782" s="6" t="s">
        <v>4172</v>
      </c>
      <c r="B3782" s="6" t="e"/>
      <c r="C3782" s="6" t="s">
        <v>296</v>
      </c>
      <c r="D3782" s="6" t="s">
        <v>11</v>
      </c>
      <c r="E3782" s="6" t="e"/>
    </row>
    <row r="3783" ht="44" customHeight="true" s="1" customFormat="true" hidden="true" outlineLevel="3">
      <c r="A3783" s="6" t="s">
        <v>4173</v>
      </c>
      <c r="B3783" s="6" t="e"/>
      <c r="C3783" s="6" t="s">
        <v>167</v>
      </c>
      <c r="D3783" s="6" t="s">
        <v>184</v>
      </c>
      <c r="E3783" s="6" t="e"/>
    </row>
    <row r="3784" ht="44" customHeight="true" s="1" customFormat="true" hidden="true" outlineLevel="3">
      <c r="A3784" s="6" t="s">
        <v>4174</v>
      </c>
      <c r="B3784" s="6" t="e"/>
      <c r="C3784" s="6" t="s">
        <v>242</v>
      </c>
      <c r="D3784" s="6" t="s">
        <v>26</v>
      </c>
      <c r="E3784" s="6" t="e"/>
    </row>
    <row r="3785" ht="44" customHeight="true" s="1" customFormat="true" hidden="true" outlineLevel="3">
      <c r="A3785" s="6" t="s">
        <v>4175</v>
      </c>
      <c r="B3785" s="6" t="e"/>
      <c r="C3785" s="6" t="s">
        <v>55</v>
      </c>
      <c r="D3785" s="6" t="s">
        <v>11</v>
      </c>
      <c r="E3785" s="6" t="e"/>
    </row>
    <row r="3786" ht="22" customHeight="true" s="1" customFormat="true" hidden="true" outlineLevel="3">
      <c r="A3786" s="6" t="s">
        <v>4176</v>
      </c>
      <c r="B3786" s="6" t="e"/>
      <c r="C3786" s="6" t="s">
        <v>149</v>
      </c>
      <c r="D3786" s="6" t="s">
        <v>11</v>
      </c>
      <c r="E3786" s="6" t="e"/>
    </row>
    <row r="3787" ht="22" customHeight="true" s="1" customFormat="true" hidden="true" outlineLevel="3">
      <c r="A3787" s="6" t="s">
        <v>4177</v>
      </c>
      <c r="B3787" s="6" t="e"/>
      <c r="C3787" s="6" t="s">
        <v>55</v>
      </c>
      <c r="D3787" s="6" t="s">
        <v>11</v>
      </c>
      <c r="E3787" s="6" t="e"/>
    </row>
    <row r="3788" ht="22" customHeight="true" s="1" customFormat="true" hidden="true" collapsed="true" outlineLevel="3">
      <c r="A3788" s="6" t="s">
        <v>4178</v>
      </c>
      <c r="B3788" s="6" t="e"/>
      <c r="C3788" s="6" t="s">
        <v>61</v>
      </c>
      <c r="D3788" s="6" t="s">
        <v>11</v>
      </c>
      <c r="E3788" s="6" t="e"/>
    </row>
    <row r="3789" ht="11" customHeight="true" s="1" customFormat="true" hidden="true" collapsed="true" outlineLevel="2">
      <c r="A3789" s="5" t="s">
        <v>4179</v>
      </c>
      <c r="B3789" s="5" t="e"/>
      <c r="C3789" s="5" t="e"/>
      <c r="D3789" s="5" t="e"/>
      <c r="E3789" s="5" t="e"/>
    </row>
    <row r="3790" ht="56" customHeight="true" s="1" customFormat="true" hidden="true" outlineLevel="3">
      <c r="A3790" s="6" t="s">
        <v>4180</v>
      </c>
      <c r="B3790" s="6" t="e"/>
      <c r="C3790" s="6" t="s">
        <v>296</v>
      </c>
      <c r="D3790" s="6" t="s">
        <v>15</v>
      </c>
      <c r="E3790" s="6" t="e"/>
    </row>
    <row r="3791" ht="22" customHeight="true" s="1" customFormat="true" hidden="true" outlineLevel="3">
      <c r="A3791" s="6" t="s">
        <v>4181</v>
      </c>
      <c r="B3791" s="6" t="e"/>
      <c r="C3791" s="6" t="s">
        <v>242</v>
      </c>
      <c r="D3791" s="6" t="s">
        <v>40</v>
      </c>
      <c r="E3791" s="6" t="e"/>
    </row>
    <row r="3792" ht="22" customHeight="true" s="1" customFormat="true" hidden="true" outlineLevel="3">
      <c r="A3792" s="6" t="s">
        <v>4182</v>
      </c>
      <c r="B3792" s="6" t="e"/>
      <c r="C3792" s="6" t="s">
        <v>364</v>
      </c>
      <c r="D3792" s="6" t="s">
        <v>11</v>
      </c>
      <c r="E3792" s="6" t="e"/>
    </row>
    <row r="3793" ht="56" customHeight="true" s="1" customFormat="true" hidden="true" outlineLevel="3">
      <c r="A3793" s="6" t="s">
        <v>4183</v>
      </c>
      <c r="B3793" s="6" t="e"/>
      <c r="C3793" s="6" t="s">
        <v>126</v>
      </c>
      <c r="D3793" s="6" t="s">
        <v>11</v>
      </c>
      <c r="E3793" s="6" t="e"/>
    </row>
    <row r="3794" ht="22" customHeight="true" s="1" customFormat="true" hidden="true" outlineLevel="3">
      <c r="A3794" s="6" t="s">
        <v>4184</v>
      </c>
      <c r="B3794" s="6" t="e"/>
      <c r="C3794" s="6" t="s">
        <v>296</v>
      </c>
      <c r="D3794" s="6" t="s">
        <v>40</v>
      </c>
      <c r="E3794" s="6" t="e"/>
    </row>
    <row r="3795" ht="44" customHeight="true" s="1" customFormat="true" hidden="true" outlineLevel="3">
      <c r="A3795" s="6" t="s">
        <v>4185</v>
      </c>
      <c r="B3795" s="6" t="e"/>
      <c r="C3795" s="6" t="s">
        <v>225</v>
      </c>
      <c r="D3795" s="6" t="s">
        <v>11</v>
      </c>
      <c r="E3795" s="6" t="e"/>
    </row>
    <row r="3796" ht="22" customHeight="true" s="1" customFormat="true" hidden="true" outlineLevel="3">
      <c r="A3796" s="6" t="s">
        <v>4186</v>
      </c>
      <c r="B3796" s="6" t="e"/>
      <c r="C3796" s="6" t="s">
        <v>296</v>
      </c>
      <c r="D3796" s="6" t="s">
        <v>11</v>
      </c>
      <c r="E3796" s="6" t="e"/>
    </row>
    <row r="3797" ht="33" customHeight="true" s="1" customFormat="true" hidden="true" outlineLevel="3">
      <c r="A3797" s="6" t="s">
        <v>4187</v>
      </c>
      <c r="B3797" s="6" t="e"/>
      <c r="C3797" s="6" t="s">
        <v>225</v>
      </c>
      <c r="D3797" s="6" t="s">
        <v>15</v>
      </c>
      <c r="E3797" s="6" t="e"/>
    </row>
    <row r="3798" ht="33" customHeight="true" s="1" customFormat="true" hidden="true" outlineLevel="3">
      <c r="A3798" s="6" t="s">
        <v>4188</v>
      </c>
      <c r="B3798" s="6" t="e"/>
      <c r="C3798" s="6" t="s">
        <v>126</v>
      </c>
      <c r="D3798" s="6" t="s">
        <v>26</v>
      </c>
      <c r="E3798" s="6" t="e"/>
    </row>
    <row r="3799" ht="22" customHeight="true" s="1" customFormat="true" hidden="true" outlineLevel="3">
      <c r="A3799" s="6" t="s">
        <v>4189</v>
      </c>
      <c r="B3799" s="6" t="e"/>
      <c r="C3799" s="6" t="s">
        <v>225</v>
      </c>
      <c r="D3799" s="6" t="s">
        <v>26</v>
      </c>
      <c r="E3799" s="6" t="e"/>
    </row>
    <row r="3800" ht="22" customHeight="true" s="1" customFormat="true" hidden="true" outlineLevel="3">
      <c r="A3800" s="6" t="s">
        <v>4190</v>
      </c>
      <c r="B3800" s="6" t="e"/>
      <c r="C3800" s="6" t="s">
        <v>296</v>
      </c>
      <c r="D3800" s="6" t="s">
        <v>26</v>
      </c>
      <c r="E3800" s="6" t="e"/>
    </row>
    <row r="3801" ht="56" customHeight="true" s="1" customFormat="true" hidden="true" outlineLevel="3">
      <c r="A3801" s="6" t="s">
        <v>4191</v>
      </c>
      <c r="B3801" s="6" t="e"/>
      <c r="C3801" s="6" t="s">
        <v>136</v>
      </c>
      <c r="D3801" s="6" t="s">
        <v>26</v>
      </c>
      <c r="E3801" s="6" t="e"/>
    </row>
    <row r="3802" ht="33" customHeight="true" s="1" customFormat="true" hidden="true" outlineLevel="3">
      <c r="A3802" s="6" t="s">
        <v>4192</v>
      </c>
      <c r="B3802" s="6" t="e"/>
      <c r="C3802" s="6" t="s">
        <v>167</v>
      </c>
      <c r="D3802" s="6" t="s">
        <v>11</v>
      </c>
      <c r="E3802" s="6" t="e"/>
    </row>
    <row r="3803" ht="33" customHeight="true" s="1" customFormat="true" hidden="true" outlineLevel="3">
      <c r="A3803" s="6" t="s">
        <v>4193</v>
      </c>
      <c r="B3803" s="6" t="e"/>
      <c r="C3803" s="6" t="s">
        <v>167</v>
      </c>
      <c r="D3803" s="6" t="s">
        <v>11</v>
      </c>
      <c r="E3803" s="6" t="e"/>
    </row>
    <row r="3804" ht="22" customHeight="true" s="1" customFormat="true" hidden="true" outlineLevel="3">
      <c r="A3804" s="6" t="s">
        <v>4194</v>
      </c>
      <c r="B3804" s="6" t="e"/>
      <c r="C3804" s="6" t="s">
        <v>302</v>
      </c>
      <c r="D3804" s="6" t="s">
        <v>26</v>
      </c>
      <c r="E3804" s="6" t="e"/>
    </row>
    <row r="3805" ht="22" customHeight="true" s="1" customFormat="true" hidden="true" outlineLevel="3">
      <c r="A3805" s="6" t="s">
        <v>4195</v>
      </c>
      <c r="B3805" s="6" t="e"/>
      <c r="C3805" s="6" t="s">
        <v>225</v>
      </c>
      <c r="D3805" s="6" t="s">
        <v>26</v>
      </c>
      <c r="E3805" s="6" t="e"/>
    </row>
    <row r="3806" ht="22" customHeight="true" s="1" customFormat="true" hidden="true" outlineLevel="3">
      <c r="A3806" s="6" t="s">
        <v>4196</v>
      </c>
      <c r="B3806" s="6" t="e"/>
      <c r="C3806" s="6" t="s">
        <v>302</v>
      </c>
      <c r="D3806" s="6" t="s">
        <v>15</v>
      </c>
      <c r="E3806" s="6" t="e"/>
    </row>
    <row r="3807" ht="22" customHeight="true" s="1" customFormat="true" hidden="true" outlineLevel="3">
      <c r="A3807" s="6" t="s">
        <v>4197</v>
      </c>
      <c r="B3807" s="6" t="e"/>
      <c r="C3807" s="6" t="s">
        <v>242</v>
      </c>
      <c r="D3807" s="6" t="s">
        <v>26</v>
      </c>
      <c r="E3807" s="6" t="e"/>
    </row>
    <row r="3808" ht="22" customHeight="true" s="1" customFormat="true" hidden="true" outlineLevel="3">
      <c r="A3808" s="6" t="s">
        <v>4198</v>
      </c>
      <c r="B3808" s="6" t="e"/>
      <c r="C3808" s="6" t="s">
        <v>126</v>
      </c>
      <c r="D3808" s="6" t="s">
        <v>26</v>
      </c>
      <c r="E3808" s="6" t="e"/>
    </row>
    <row r="3809" ht="22" customHeight="true" s="1" customFormat="true" hidden="true" outlineLevel="3">
      <c r="A3809" s="6" t="s">
        <v>4199</v>
      </c>
      <c r="B3809" s="6" t="e"/>
      <c r="C3809" s="6" t="s">
        <v>574</v>
      </c>
      <c r="D3809" s="6" t="s">
        <v>26</v>
      </c>
      <c r="E3809" s="6" t="e"/>
    </row>
    <row r="3810" ht="22" customHeight="true" s="1" customFormat="true" hidden="true" outlineLevel="3">
      <c r="A3810" s="6" t="s">
        <v>4200</v>
      </c>
      <c r="B3810" s="6" t="e"/>
      <c r="C3810" s="6" t="s">
        <v>242</v>
      </c>
      <c r="D3810" s="6" t="s">
        <v>40</v>
      </c>
      <c r="E3810" s="6" t="e"/>
    </row>
    <row r="3811" ht="22" customHeight="true" s="1" customFormat="true" hidden="true" outlineLevel="3">
      <c r="A3811" s="6" t="s">
        <v>4201</v>
      </c>
      <c r="B3811" s="6" t="e"/>
      <c r="C3811" s="6" t="s">
        <v>155</v>
      </c>
      <c r="D3811" s="6" t="s">
        <v>40</v>
      </c>
      <c r="E3811" s="6" t="e"/>
    </row>
    <row r="3812" ht="33" customHeight="true" s="1" customFormat="true" hidden="true" outlineLevel="3">
      <c r="A3812" s="6" t="s">
        <v>4202</v>
      </c>
      <c r="B3812" s="6" t="e"/>
      <c r="C3812" s="6" t="s">
        <v>167</v>
      </c>
      <c r="D3812" s="6" t="s">
        <v>26</v>
      </c>
      <c r="E3812" s="6" t="e"/>
    </row>
    <row r="3813" ht="33" customHeight="true" s="1" customFormat="true" hidden="true" outlineLevel="3">
      <c r="A3813" s="6" t="s">
        <v>4203</v>
      </c>
      <c r="B3813" s="6" t="e"/>
      <c r="C3813" s="6" t="s">
        <v>149</v>
      </c>
      <c r="D3813" s="6" t="s">
        <v>26</v>
      </c>
      <c r="E3813" s="6" t="e"/>
    </row>
    <row r="3814" ht="33" customHeight="true" s="1" customFormat="true" hidden="true" outlineLevel="3">
      <c r="A3814" s="6" t="s">
        <v>4204</v>
      </c>
      <c r="B3814" s="6" t="e"/>
      <c r="C3814" s="6" t="s">
        <v>167</v>
      </c>
      <c r="D3814" s="6" t="s">
        <v>15</v>
      </c>
      <c r="E3814" s="6" t="e"/>
    </row>
    <row r="3815" ht="33" customHeight="true" s="1" customFormat="true" hidden="true" outlineLevel="3">
      <c r="A3815" s="6" t="s">
        <v>4205</v>
      </c>
      <c r="B3815" s="6" t="e"/>
      <c r="C3815" s="6" t="s">
        <v>296</v>
      </c>
      <c r="D3815" s="6" t="s">
        <v>40</v>
      </c>
      <c r="E3815" s="6" t="e"/>
    </row>
    <row r="3816" ht="33" customHeight="true" s="1" customFormat="true" hidden="true" outlineLevel="3">
      <c r="A3816" s="6" t="s">
        <v>4206</v>
      </c>
      <c r="B3816" s="6" t="e"/>
      <c r="C3816" s="6" t="s">
        <v>155</v>
      </c>
      <c r="D3816" s="6" t="s">
        <v>11</v>
      </c>
      <c r="E3816" s="6" t="e"/>
    </row>
    <row r="3817" ht="33" customHeight="true" s="1" customFormat="true" hidden="true" outlineLevel="3">
      <c r="A3817" s="6" t="s">
        <v>4207</v>
      </c>
      <c r="B3817" s="6" t="e"/>
      <c r="C3817" s="6" t="s">
        <v>167</v>
      </c>
      <c r="D3817" s="6" t="s">
        <v>11</v>
      </c>
      <c r="E3817" s="6" t="e"/>
    </row>
    <row r="3818" ht="22" customHeight="true" s="1" customFormat="true" hidden="true" outlineLevel="3">
      <c r="A3818" s="6" t="s">
        <v>4208</v>
      </c>
      <c r="B3818" s="6" t="e"/>
      <c r="C3818" s="6" t="s">
        <v>103</v>
      </c>
      <c r="D3818" s="6" t="s">
        <v>11</v>
      </c>
      <c r="E3818" s="6" t="e"/>
    </row>
    <row r="3819" ht="33" customHeight="true" s="1" customFormat="true" hidden="true" outlineLevel="3">
      <c r="A3819" s="6" t="s">
        <v>4209</v>
      </c>
      <c r="B3819" s="6" t="e"/>
      <c r="C3819" s="6" t="s">
        <v>225</v>
      </c>
      <c r="D3819" s="6" t="s">
        <v>11</v>
      </c>
      <c r="E3819" s="6" t="e"/>
    </row>
    <row r="3820" ht="33" customHeight="true" s="1" customFormat="true" hidden="true" outlineLevel="3">
      <c r="A3820" s="6" t="s">
        <v>4210</v>
      </c>
      <c r="B3820" s="6" t="e"/>
      <c r="C3820" s="6" t="s">
        <v>141</v>
      </c>
      <c r="D3820" s="6" t="s">
        <v>26</v>
      </c>
      <c r="E3820" s="6" t="e"/>
    </row>
    <row r="3821" ht="22" customHeight="true" s="1" customFormat="true" hidden="true" outlineLevel="3">
      <c r="A3821" s="6" t="s">
        <v>4211</v>
      </c>
      <c r="B3821" s="6" t="e"/>
      <c r="C3821" s="6" t="s">
        <v>50</v>
      </c>
      <c r="D3821" s="6" t="s">
        <v>11</v>
      </c>
      <c r="E3821" s="6" t="e"/>
    </row>
    <row r="3822" ht="33" customHeight="true" s="1" customFormat="true" hidden="true" outlineLevel="3">
      <c r="A3822" s="6" t="s">
        <v>4212</v>
      </c>
      <c r="B3822" s="6" t="e"/>
      <c r="C3822" s="6" t="s">
        <v>188</v>
      </c>
      <c r="D3822" s="6" t="s">
        <v>11</v>
      </c>
      <c r="E3822" s="6" t="e"/>
    </row>
    <row r="3823" ht="33" customHeight="true" s="1" customFormat="true" hidden="true" outlineLevel="3">
      <c r="A3823" s="6" t="s">
        <v>4213</v>
      </c>
      <c r="B3823" s="6" t="e"/>
      <c r="C3823" s="6" t="s">
        <v>155</v>
      </c>
      <c r="D3823" s="6" t="s">
        <v>11</v>
      </c>
      <c r="E3823" s="6" t="e"/>
    </row>
    <row r="3824" ht="11" customHeight="true" s="1" customFormat="true" hidden="true" outlineLevel="3">
      <c r="A3824" s="6" t="s">
        <v>4214</v>
      </c>
      <c r="B3824" s="6" t="e"/>
      <c r="C3824" s="6" t="s">
        <v>136</v>
      </c>
      <c r="D3824" s="6" t="s">
        <v>11</v>
      </c>
      <c r="E3824" s="6" t="e"/>
    </row>
    <row r="3825" ht="22" customHeight="true" s="1" customFormat="true" hidden="true" outlineLevel="3">
      <c r="A3825" s="6" t="s">
        <v>4215</v>
      </c>
      <c r="B3825" s="6" t="e"/>
      <c r="C3825" s="6" t="s">
        <v>167</v>
      </c>
      <c r="D3825" s="6" t="s">
        <v>26</v>
      </c>
      <c r="E3825" s="6" t="e"/>
    </row>
    <row r="3826" ht="33" customHeight="true" s="1" customFormat="true" hidden="true" outlineLevel="3">
      <c r="A3826" s="6" t="s">
        <v>4216</v>
      </c>
      <c r="B3826" s="6" t="e"/>
      <c r="C3826" s="6" t="s">
        <v>242</v>
      </c>
      <c r="D3826" s="6" t="s">
        <v>40</v>
      </c>
      <c r="E3826" s="6" t="e"/>
    </row>
    <row r="3827" ht="33" customHeight="true" s="1" customFormat="true" hidden="true" outlineLevel="3">
      <c r="A3827" s="6" t="s">
        <v>4217</v>
      </c>
      <c r="B3827" s="6" t="e"/>
      <c r="C3827" s="6" t="s">
        <v>167</v>
      </c>
      <c r="D3827" s="6" t="s">
        <v>26</v>
      </c>
      <c r="E3827" s="6" t="e"/>
    </row>
    <row r="3828" ht="33" customHeight="true" s="1" customFormat="true" hidden="true" outlineLevel="3">
      <c r="A3828" s="6" t="s">
        <v>4218</v>
      </c>
      <c r="B3828" s="6" t="e"/>
      <c r="C3828" s="6" t="s">
        <v>219</v>
      </c>
      <c r="D3828" s="6" t="s">
        <v>11</v>
      </c>
      <c r="E3828" s="6" t="e"/>
    </row>
    <row r="3829" ht="22" customHeight="true" s="1" customFormat="true" hidden="true" outlineLevel="3">
      <c r="A3829" s="6" t="s">
        <v>4219</v>
      </c>
      <c r="B3829" s="6" t="e"/>
      <c r="C3829" s="6" t="s">
        <v>242</v>
      </c>
      <c r="D3829" s="6" t="s">
        <v>26</v>
      </c>
      <c r="E3829" s="6" t="e"/>
    </row>
    <row r="3830" ht="22" customHeight="true" s="1" customFormat="true" hidden="true" outlineLevel="3">
      <c r="A3830" s="6" t="s">
        <v>4220</v>
      </c>
      <c r="B3830" s="6" t="e"/>
      <c r="C3830" s="6" t="s">
        <v>219</v>
      </c>
      <c r="D3830" s="6" t="s">
        <v>26</v>
      </c>
      <c r="E3830" s="6" t="e"/>
    </row>
    <row r="3831" ht="22" customHeight="true" s="1" customFormat="true" hidden="true" outlineLevel="3">
      <c r="A3831" s="6" t="s">
        <v>4221</v>
      </c>
      <c r="B3831" s="6" t="e"/>
      <c r="C3831" s="6" t="s">
        <v>155</v>
      </c>
      <c r="D3831" s="6" t="s">
        <v>11</v>
      </c>
      <c r="E3831" s="6" t="e"/>
    </row>
    <row r="3832" ht="22" customHeight="true" s="1" customFormat="true" hidden="true" outlineLevel="3">
      <c r="A3832" s="6" t="s">
        <v>4222</v>
      </c>
      <c r="B3832" s="6" t="e"/>
      <c r="C3832" s="6" t="s">
        <v>103</v>
      </c>
      <c r="D3832" s="6" t="s">
        <v>11</v>
      </c>
      <c r="E3832" s="6" t="e"/>
    </row>
    <row r="3833" ht="22" customHeight="true" s="1" customFormat="true" hidden="true" collapsed="true" outlineLevel="3">
      <c r="A3833" s="6" t="s">
        <v>4223</v>
      </c>
      <c r="B3833" s="6" t="e"/>
      <c r="C3833" s="6" t="s">
        <v>103</v>
      </c>
      <c r="D3833" s="6" t="s">
        <v>26</v>
      </c>
      <c r="E3833" s="6" t="e"/>
    </row>
    <row r="3834" ht="11" customHeight="true" s="1" customFormat="true" hidden="true" collapsed="true" outlineLevel="2">
      <c r="A3834" s="5" t="s">
        <v>4224</v>
      </c>
      <c r="B3834" s="5" t="e"/>
      <c r="C3834" s="5" t="e"/>
      <c r="D3834" s="5" t="e"/>
      <c r="E3834" s="5" t="e"/>
    </row>
    <row r="3835" ht="44" customHeight="true" s="1" customFormat="true" hidden="true" outlineLevel="3">
      <c r="A3835" s="6" t="s">
        <v>4225</v>
      </c>
      <c r="B3835" s="6" t="e"/>
      <c r="C3835" s="6" t="s">
        <v>225</v>
      </c>
      <c r="D3835" s="6" t="s">
        <v>11</v>
      </c>
      <c r="E3835" s="6" t="e"/>
    </row>
    <row r="3836" ht="44" customHeight="true" s="1" customFormat="true" hidden="true" outlineLevel="3">
      <c r="A3836" s="6" t="s">
        <v>4226</v>
      </c>
      <c r="B3836" s="6" t="e"/>
      <c r="C3836" s="6" t="s">
        <v>242</v>
      </c>
      <c r="D3836" s="6" t="s">
        <v>40</v>
      </c>
      <c r="E3836" s="6" t="e"/>
    </row>
    <row r="3837" ht="67" customHeight="true" s="1" customFormat="true" hidden="true" outlineLevel="3">
      <c r="A3837" s="6" t="s">
        <v>4227</v>
      </c>
      <c r="B3837" s="6" t="e"/>
      <c r="C3837" s="6" t="s">
        <v>296</v>
      </c>
      <c r="D3837" s="6" t="s">
        <v>15</v>
      </c>
      <c r="E3837" s="6" t="e"/>
    </row>
    <row r="3838" ht="44" customHeight="true" s="1" customFormat="true" hidden="true" outlineLevel="3">
      <c r="A3838" s="6" t="s">
        <v>4228</v>
      </c>
      <c r="B3838" s="6" t="e"/>
      <c r="C3838" s="6" t="s">
        <v>296</v>
      </c>
      <c r="D3838" s="6" t="s">
        <v>11</v>
      </c>
      <c r="E3838" s="6" t="e"/>
    </row>
    <row r="3839" ht="56" customHeight="true" s="1" customFormat="true" hidden="true" outlineLevel="3">
      <c r="A3839" s="6" t="s">
        <v>4229</v>
      </c>
      <c r="B3839" s="6" t="e"/>
      <c r="C3839" s="6" t="s">
        <v>302</v>
      </c>
      <c r="D3839" s="6" t="s">
        <v>11</v>
      </c>
      <c r="E3839" s="6" t="e"/>
    </row>
    <row r="3840" ht="22" customHeight="true" s="1" customFormat="true" hidden="true" outlineLevel="3">
      <c r="A3840" s="6" t="s">
        <v>4230</v>
      </c>
      <c r="B3840" s="6" t="e"/>
      <c r="C3840" s="6" t="s">
        <v>225</v>
      </c>
      <c r="D3840" s="6" t="s">
        <v>26</v>
      </c>
      <c r="E3840" s="6" t="e"/>
    </row>
    <row r="3841" ht="33" customHeight="true" s="1" customFormat="true" hidden="true" outlineLevel="3">
      <c r="A3841" s="6" t="s">
        <v>4231</v>
      </c>
      <c r="B3841" s="6" t="e"/>
      <c r="C3841" s="6" t="s">
        <v>296</v>
      </c>
      <c r="D3841" s="6" t="s">
        <v>11</v>
      </c>
      <c r="E3841" s="6" t="e"/>
    </row>
    <row r="3842" ht="22" customHeight="true" s="1" customFormat="true" hidden="true" outlineLevel="3">
      <c r="A3842" s="6" t="s">
        <v>4232</v>
      </c>
      <c r="B3842" s="6" t="e"/>
      <c r="C3842" s="6" t="s">
        <v>302</v>
      </c>
      <c r="D3842" s="6" t="s">
        <v>40</v>
      </c>
      <c r="E3842" s="6" t="e"/>
    </row>
    <row r="3843" ht="67" customHeight="true" s="1" customFormat="true" hidden="true" outlineLevel="3">
      <c r="A3843" s="6" t="s">
        <v>4233</v>
      </c>
      <c r="B3843" s="6" t="e"/>
      <c r="C3843" s="6" t="s">
        <v>296</v>
      </c>
      <c r="D3843" s="6" t="s">
        <v>40</v>
      </c>
      <c r="E3843" s="6" t="e"/>
    </row>
    <row r="3844" ht="44" customHeight="true" s="1" customFormat="true" hidden="true" outlineLevel="3">
      <c r="A3844" s="6" t="s">
        <v>4234</v>
      </c>
      <c r="B3844" s="6" t="e"/>
      <c r="C3844" s="6" t="s">
        <v>242</v>
      </c>
      <c r="D3844" s="6" t="s">
        <v>26</v>
      </c>
      <c r="E3844" s="6" t="e"/>
    </row>
    <row r="3845" ht="33" customHeight="true" s="1" customFormat="true" hidden="true" outlineLevel="3">
      <c r="A3845" s="6" t="s">
        <v>4235</v>
      </c>
      <c r="B3845" s="6" t="e"/>
      <c r="C3845" s="6" t="s">
        <v>126</v>
      </c>
      <c r="D3845" s="6" t="s">
        <v>11</v>
      </c>
      <c r="E3845" s="6" t="e"/>
    </row>
    <row r="3846" ht="44" customHeight="true" s="1" customFormat="true" hidden="true" outlineLevel="3">
      <c r="A3846" s="6" t="s">
        <v>4236</v>
      </c>
      <c r="B3846" s="6" t="e"/>
      <c r="C3846" s="6" t="s">
        <v>167</v>
      </c>
      <c r="D3846" s="6" t="s">
        <v>11</v>
      </c>
      <c r="E3846" s="6" t="e"/>
    </row>
    <row r="3847" ht="22" customHeight="true" s="1" customFormat="true" hidden="true" outlineLevel="3">
      <c r="A3847" s="6" t="s">
        <v>4237</v>
      </c>
      <c r="B3847" s="6" t="e"/>
      <c r="C3847" s="6" t="s">
        <v>225</v>
      </c>
      <c r="D3847" s="6" t="s">
        <v>26</v>
      </c>
      <c r="E3847" s="6" t="e"/>
    </row>
    <row r="3848" ht="22" customHeight="true" s="1" customFormat="true" hidden="true" outlineLevel="3">
      <c r="A3848" s="6" t="s">
        <v>4238</v>
      </c>
      <c r="B3848" s="6" t="e"/>
      <c r="C3848" s="6" t="s">
        <v>219</v>
      </c>
      <c r="D3848" s="6" t="s">
        <v>11</v>
      </c>
      <c r="E3848" s="6" t="e"/>
    </row>
    <row r="3849" ht="67" customHeight="true" s="1" customFormat="true" hidden="true" outlineLevel="3">
      <c r="A3849" s="6" t="s">
        <v>4239</v>
      </c>
      <c r="B3849" s="6" t="e"/>
      <c r="C3849" s="6" t="s">
        <v>296</v>
      </c>
      <c r="D3849" s="6" t="s">
        <v>15</v>
      </c>
      <c r="E3849" s="6" t="e"/>
    </row>
    <row r="3850" ht="44" customHeight="true" s="1" customFormat="true" hidden="true" outlineLevel="3">
      <c r="A3850" s="6" t="s">
        <v>4240</v>
      </c>
      <c r="B3850" s="6" t="e"/>
      <c r="C3850" s="6" t="s">
        <v>167</v>
      </c>
      <c r="D3850" s="6" t="s">
        <v>57</v>
      </c>
      <c r="E3850" s="6" t="e"/>
    </row>
    <row r="3851" ht="22" customHeight="true" s="1" customFormat="true" hidden="true" outlineLevel="3">
      <c r="A3851" s="6" t="s">
        <v>4241</v>
      </c>
      <c r="B3851" s="6" t="e"/>
      <c r="C3851" s="6" t="s">
        <v>225</v>
      </c>
      <c r="D3851" s="6" t="s">
        <v>57</v>
      </c>
      <c r="E3851" s="6" t="e"/>
    </row>
    <row r="3852" ht="22" customHeight="true" s="1" customFormat="true" hidden="true" outlineLevel="3">
      <c r="A3852" s="6" t="s">
        <v>4242</v>
      </c>
      <c r="B3852" s="6" t="e"/>
      <c r="C3852" s="6" t="s">
        <v>225</v>
      </c>
      <c r="D3852" s="6" t="s">
        <v>40</v>
      </c>
      <c r="E3852" s="6" t="e"/>
    </row>
    <row r="3853" ht="22" customHeight="true" s="1" customFormat="true" hidden="true" outlineLevel="3">
      <c r="A3853" s="6" t="s">
        <v>4243</v>
      </c>
      <c r="B3853" s="6" t="e"/>
      <c r="C3853" s="6" t="s">
        <v>126</v>
      </c>
      <c r="D3853" s="6" t="s">
        <v>40</v>
      </c>
      <c r="E3853" s="6" t="e"/>
    </row>
    <row r="3854" ht="22" customHeight="true" s="1" customFormat="true" hidden="true" outlineLevel="3">
      <c r="A3854" s="6" t="s">
        <v>4244</v>
      </c>
      <c r="B3854" s="6" t="e"/>
      <c r="C3854" s="6" t="s">
        <v>364</v>
      </c>
      <c r="D3854" s="6" t="s">
        <v>11</v>
      </c>
      <c r="E3854" s="6" t="e"/>
    </row>
    <row r="3855" ht="33" customHeight="true" s="1" customFormat="true" hidden="true" outlineLevel="3">
      <c r="A3855" s="6" t="s">
        <v>4245</v>
      </c>
      <c r="B3855" s="6" t="e"/>
      <c r="C3855" s="6" t="s">
        <v>225</v>
      </c>
      <c r="D3855" s="6" t="s">
        <v>40</v>
      </c>
      <c r="E3855" s="6" t="e"/>
    </row>
    <row r="3856" ht="22" customHeight="true" s="1" customFormat="true" hidden="true" outlineLevel="3">
      <c r="A3856" s="6" t="s">
        <v>4246</v>
      </c>
      <c r="B3856" s="6" t="e"/>
      <c r="C3856" s="6" t="s">
        <v>155</v>
      </c>
      <c r="D3856" s="6" t="s">
        <v>40</v>
      </c>
      <c r="E3856" s="6" t="e"/>
    </row>
    <row r="3857" ht="33" customHeight="true" s="1" customFormat="true" hidden="true" outlineLevel="3">
      <c r="A3857" s="6" t="s">
        <v>4247</v>
      </c>
      <c r="B3857" s="6" t="e"/>
      <c r="C3857" s="6" t="s">
        <v>149</v>
      </c>
      <c r="D3857" s="6" t="s">
        <v>40</v>
      </c>
      <c r="E3857" s="6" t="e"/>
    </row>
    <row r="3858" ht="44" customHeight="true" s="1" customFormat="true" hidden="true" outlineLevel="3">
      <c r="A3858" s="6" t="s">
        <v>4248</v>
      </c>
      <c r="B3858" s="6" t="e"/>
      <c r="C3858" s="6" t="s">
        <v>188</v>
      </c>
      <c r="D3858" s="6" t="s">
        <v>26</v>
      </c>
      <c r="E3858" s="6" t="e"/>
    </row>
    <row r="3859" ht="44" customHeight="true" s="1" customFormat="true" hidden="true" outlineLevel="3">
      <c r="A3859" s="6" t="s">
        <v>4249</v>
      </c>
      <c r="B3859" s="6" t="e"/>
      <c r="C3859" s="6" t="s">
        <v>296</v>
      </c>
      <c r="D3859" s="6" t="s">
        <v>100</v>
      </c>
      <c r="E3859" s="6" t="e"/>
    </row>
    <row r="3860" ht="56" customHeight="true" s="1" customFormat="true" hidden="true" outlineLevel="3">
      <c r="A3860" s="6" t="s">
        <v>4250</v>
      </c>
      <c r="B3860" s="6" t="e"/>
      <c r="C3860" s="6" t="s">
        <v>302</v>
      </c>
      <c r="D3860" s="6" t="s">
        <v>11</v>
      </c>
      <c r="E3860" s="6" t="e"/>
    </row>
    <row r="3861" ht="22" customHeight="true" s="1" customFormat="true" hidden="true" outlineLevel="3">
      <c r="A3861" s="6" t="s">
        <v>4251</v>
      </c>
      <c r="B3861" s="6" t="e"/>
      <c r="C3861" s="6" t="s">
        <v>296</v>
      </c>
      <c r="D3861" s="6" t="s">
        <v>100</v>
      </c>
      <c r="E3861" s="6" t="e"/>
    </row>
    <row r="3862" ht="22" customHeight="true" s="1" customFormat="true" hidden="true" outlineLevel="3">
      <c r="A3862" s="6" t="s">
        <v>4252</v>
      </c>
      <c r="B3862" s="6" t="e"/>
      <c r="C3862" s="6" t="s">
        <v>296</v>
      </c>
      <c r="D3862" s="6" t="s">
        <v>123</v>
      </c>
      <c r="E3862" s="6" t="e"/>
    </row>
    <row r="3863" ht="33" customHeight="true" s="1" customFormat="true" hidden="true" outlineLevel="3">
      <c r="A3863" s="6" t="s">
        <v>4253</v>
      </c>
      <c r="B3863" s="6" t="e"/>
      <c r="C3863" s="6" t="s">
        <v>242</v>
      </c>
      <c r="D3863" s="6" t="s">
        <v>15</v>
      </c>
      <c r="E3863" s="6" t="e"/>
    </row>
    <row r="3864" ht="33" customHeight="true" s="1" customFormat="true" hidden="true" outlineLevel="3">
      <c r="A3864" s="6" t="s">
        <v>4254</v>
      </c>
      <c r="B3864" s="6" t="e"/>
      <c r="C3864" s="6" t="s">
        <v>103</v>
      </c>
      <c r="D3864" s="6" t="s">
        <v>11</v>
      </c>
      <c r="E3864" s="6" t="e"/>
    </row>
    <row r="3865" ht="44" customHeight="true" s="1" customFormat="true" hidden="true" outlineLevel="3">
      <c r="A3865" s="6" t="s">
        <v>4255</v>
      </c>
      <c r="B3865" s="6" t="e"/>
      <c r="C3865" s="6" t="s">
        <v>242</v>
      </c>
      <c r="D3865" s="6" t="s">
        <v>68</v>
      </c>
      <c r="E3865" s="6" t="e"/>
    </row>
    <row r="3866" ht="67" customHeight="true" s="1" customFormat="true" hidden="true" outlineLevel="3">
      <c r="A3866" s="6" t="s">
        <v>4256</v>
      </c>
      <c r="B3866" s="6" t="e"/>
      <c r="C3866" s="6" t="s">
        <v>149</v>
      </c>
      <c r="D3866" s="6" t="s">
        <v>26</v>
      </c>
      <c r="E3866" s="6" t="e"/>
    </row>
    <row r="3867" ht="56" customHeight="true" s="1" customFormat="true" hidden="true" outlineLevel="3">
      <c r="A3867" s="6" t="s">
        <v>4257</v>
      </c>
      <c r="B3867" s="6" t="e"/>
      <c r="C3867" s="6" t="s">
        <v>141</v>
      </c>
      <c r="D3867" s="6" t="s">
        <v>26</v>
      </c>
      <c r="E3867" s="6" t="e"/>
    </row>
    <row r="3868" ht="67" customHeight="true" s="1" customFormat="true" hidden="true" outlineLevel="3">
      <c r="A3868" s="6" t="s">
        <v>4258</v>
      </c>
      <c r="B3868" s="6" t="e"/>
      <c r="C3868" s="6" t="s">
        <v>149</v>
      </c>
      <c r="D3868" s="6" t="s">
        <v>11</v>
      </c>
      <c r="E3868" s="6" t="e"/>
    </row>
    <row r="3869" ht="22" customHeight="true" s="1" customFormat="true" hidden="true" outlineLevel="3">
      <c r="A3869" s="6" t="s">
        <v>4259</v>
      </c>
      <c r="B3869" s="6" t="e"/>
      <c r="C3869" s="6" t="s">
        <v>142</v>
      </c>
      <c r="D3869" s="6" t="s">
        <v>11</v>
      </c>
      <c r="E3869" s="6" t="e"/>
    </row>
    <row r="3870" ht="33" customHeight="true" s="1" customFormat="true" hidden="true" outlineLevel="3">
      <c r="A3870" s="6" t="s">
        <v>4260</v>
      </c>
      <c r="B3870" s="6" t="e"/>
      <c r="C3870" s="6" t="s">
        <v>225</v>
      </c>
      <c r="D3870" s="6" t="s">
        <v>26</v>
      </c>
      <c r="E3870" s="6" t="e"/>
    </row>
    <row r="3871" ht="33" customHeight="true" s="1" customFormat="true" hidden="true" outlineLevel="3">
      <c r="A3871" s="6" t="s">
        <v>4261</v>
      </c>
      <c r="B3871" s="6" t="e"/>
      <c r="C3871" s="6" t="s">
        <v>2768</v>
      </c>
      <c r="D3871" s="6" t="s">
        <v>11</v>
      </c>
      <c r="E3871" s="6" t="e"/>
    </row>
    <row r="3872" ht="33" customHeight="true" s="1" customFormat="true" hidden="true" outlineLevel="3">
      <c r="A3872" s="6" t="s">
        <v>4262</v>
      </c>
      <c r="B3872" s="6" t="e"/>
      <c r="C3872" s="6" t="s">
        <v>350</v>
      </c>
      <c r="D3872" s="6" t="s">
        <v>26</v>
      </c>
      <c r="E3872" s="6" t="e"/>
    </row>
    <row r="3873" ht="33" customHeight="true" s="1" customFormat="true" hidden="true" outlineLevel="3">
      <c r="A3873" s="6" t="s">
        <v>4263</v>
      </c>
      <c r="B3873" s="6" t="e"/>
      <c r="C3873" s="6" t="s">
        <v>219</v>
      </c>
      <c r="D3873" s="6" t="s">
        <v>11</v>
      </c>
      <c r="E3873" s="6" t="e"/>
    </row>
    <row r="3874" ht="67" customHeight="true" s="1" customFormat="true" hidden="true" outlineLevel="3">
      <c r="A3874" s="6" t="s">
        <v>4264</v>
      </c>
      <c r="B3874" s="6" t="e"/>
      <c r="C3874" s="6" t="s">
        <v>225</v>
      </c>
      <c r="D3874" s="6" t="s">
        <v>40</v>
      </c>
      <c r="E3874" s="6" t="e"/>
    </row>
    <row r="3875" ht="22" customHeight="true" s="1" customFormat="true" hidden="true" outlineLevel="3">
      <c r="A3875" s="6" t="s">
        <v>4265</v>
      </c>
      <c r="B3875" s="6" t="s">
        <v>1338</v>
      </c>
      <c r="C3875" s="6" t="s">
        <v>242</v>
      </c>
      <c r="D3875" s="6" t="s">
        <v>57</v>
      </c>
      <c r="E3875" s="6" t="e"/>
    </row>
    <row r="3876" ht="33" customHeight="true" s="1" customFormat="true" hidden="true" outlineLevel="3">
      <c r="A3876" s="6" t="s">
        <v>4266</v>
      </c>
      <c r="B3876" s="6" t="e"/>
      <c r="C3876" s="6" t="s">
        <v>188</v>
      </c>
      <c r="D3876" s="6" t="s">
        <v>11</v>
      </c>
      <c r="E3876" s="6" t="e"/>
    </row>
    <row r="3877" ht="33" customHeight="true" s="1" customFormat="true" hidden="true" outlineLevel="3">
      <c r="A3877" s="6" t="s">
        <v>4267</v>
      </c>
      <c r="B3877" s="6" t="e"/>
      <c r="C3877" s="6" t="s">
        <v>149</v>
      </c>
      <c r="D3877" s="6" t="s">
        <v>11</v>
      </c>
      <c r="E3877" s="6" t="e"/>
    </row>
    <row r="3878" ht="33" customHeight="true" s="1" customFormat="true" hidden="true" outlineLevel="3">
      <c r="A3878" s="6" t="s">
        <v>4268</v>
      </c>
      <c r="B3878" s="6" t="e"/>
      <c r="C3878" s="6" t="s">
        <v>149</v>
      </c>
      <c r="D3878" s="6" t="s">
        <v>11</v>
      </c>
      <c r="E3878" s="6" t="e"/>
    </row>
    <row r="3879" ht="22" customHeight="true" s="1" customFormat="true" hidden="true" outlineLevel="3">
      <c r="A3879" s="6" t="s">
        <v>4269</v>
      </c>
      <c r="B3879" s="6" t="e"/>
      <c r="C3879" s="6" t="s">
        <v>149</v>
      </c>
      <c r="D3879" s="6" t="s">
        <v>11</v>
      </c>
      <c r="E3879" s="6" t="e"/>
    </row>
    <row r="3880" ht="33" customHeight="true" s="1" customFormat="true" hidden="true" outlineLevel="3">
      <c r="A3880" s="6" t="s">
        <v>4270</v>
      </c>
      <c r="B3880" s="6" t="e"/>
      <c r="C3880" s="6" t="s">
        <v>149</v>
      </c>
      <c r="D3880" s="6" t="s">
        <v>11</v>
      </c>
      <c r="E3880" s="6" t="e"/>
    </row>
    <row r="3881" ht="44" customHeight="true" s="1" customFormat="true" hidden="true" outlineLevel="3">
      <c r="A3881" s="6" t="s">
        <v>4271</v>
      </c>
      <c r="B3881" s="6" t="e"/>
      <c r="C3881" s="6" t="s">
        <v>149</v>
      </c>
      <c r="D3881" s="6" t="s">
        <v>11</v>
      </c>
      <c r="E3881" s="6" t="e"/>
    </row>
    <row r="3882" ht="44" customHeight="true" s="1" customFormat="true" hidden="true" outlineLevel="3">
      <c r="A3882" s="6" t="s">
        <v>4272</v>
      </c>
      <c r="B3882" s="6" t="e"/>
      <c r="C3882" s="6" t="s">
        <v>149</v>
      </c>
      <c r="D3882" s="6" t="s">
        <v>11</v>
      </c>
      <c r="E3882" s="6" t="e"/>
    </row>
    <row r="3883" ht="22" customHeight="true" s="1" customFormat="true" hidden="true" outlineLevel="3">
      <c r="A3883" s="6" t="s">
        <v>4273</v>
      </c>
      <c r="B3883" s="6" t="e"/>
      <c r="C3883" s="6" t="s">
        <v>149</v>
      </c>
      <c r="D3883" s="6" t="s">
        <v>11</v>
      </c>
      <c r="E3883" s="6" t="e"/>
    </row>
    <row r="3884" ht="22" customHeight="true" s="1" customFormat="true" hidden="true" outlineLevel="3">
      <c r="A3884" s="6" t="s">
        <v>4274</v>
      </c>
      <c r="B3884" s="6" t="e"/>
      <c r="C3884" s="6" t="s">
        <v>225</v>
      </c>
      <c r="D3884" s="6" t="s">
        <v>11</v>
      </c>
      <c r="E3884" s="6" t="e"/>
    </row>
    <row r="3885" ht="22" customHeight="true" s="1" customFormat="true" hidden="true" outlineLevel="3">
      <c r="A3885" s="6" t="s">
        <v>4275</v>
      </c>
      <c r="B3885" s="6" t="e"/>
      <c r="C3885" s="6" t="s">
        <v>242</v>
      </c>
      <c r="D3885" s="6" t="s">
        <v>26</v>
      </c>
      <c r="E3885" s="6" t="e"/>
    </row>
    <row r="3886" ht="33" customHeight="true" s="1" customFormat="true" hidden="true" outlineLevel="3">
      <c r="A3886" s="6" t="s">
        <v>4276</v>
      </c>
      <c r="B3886" s="6" t="e"/>
      <c r="C3886" s="6" t="s">
        <v>225</v>
      </c>
      <c r="D3886" s="6" t="s">
        <v>40</v>
      </c>
      <c r="E3886" s="6" t="e"/>
    </row>
    <row r="3887" ht="33" customHeight="true" s="1" customFormat="true" hidden="true" outlineLevel="3">
      <c r="A3887" s="6" t="s">
        <v>4277</v>
      </c>
      <c r="B3887" s="6" t="e"/>
      <c r="C3887" s="6" t="s">
        <v>225</v>
      </c>
      <c r="D3887" s="6" t="s">
        <v>11</v>
      </c>
      <c r="E3887" s="6" t="e"/>
    </row>
    <row r="3888" ht="22" customHeight="true" s="1" customFormat="true" hidden="true" outlineLevel="3">
      <c r="A3888" s="6" t="s">
        <v>4278</v>
      </c>
      <c r="B3888" s="6" t="e"/>
      <c r="C3888" s="6" t="s">
        <v>242</v>
      </c>
      <c r="D3888" s="6" t="s">
        <v>11</v>
      </c>
      <c r="E3888" s="6" t="e"/>
    </row>
    <row r="3889" ht="22" customHeight="true" s="1" customFormat="true" hidden="true" outlineLevel="3">
      <c r="A3889" s="6" t="s">
        <v>4279</v>
      </c>
      <c r="B3889" s="6" t="e"/>
      <c r="C3889" s="6" t="s">
        <v>302</v>
      </c>
      <c r="D3889" s="6" t="s">
        <v>26</v>
      </c>
      <c r="E3889" s="6" t="e"/>
    </row>
    <row r="3890" ht="22" customHeight="true" s="1" customFormat="true" hidden="true" outlineLevel="3">
      <c r="A3890" s="6" t="s">
        <v>4280</v>
      </c>
      <c r="B3890" s="6" t="e"/>
      <c r="C3890" s="6" t="s">
        <v>302</v>
      </c>
      <c r="D3890" s="6" t="s">
        <v>11</v>
      </c>
      <c r="E3890" s="6" t="e"/>
    </row>
    <row r="3891" ht="33" customHeight="true" s="1" customFormat="true" hidden="true" outlineLevel="3">
      <c r="A3891" s="6" t="s">
        <v>4281</v>
      </c>
      <c r="B3891" s="6" t="e"/>
      <c r="C3891" s="6" t="s">
        <v>225</v>
      </c>
      <c r="D3891" s="6" t="s">
        <v>11</v>
      </c>
      <c r="E3891" s="6" t="e"/>
    </row>
    <row r="3892" ht="33" customHeight="true" s="1" customFormat="true" hidden="true" outlineLevel="3">
      <c r="A3892" s="6" t="s">
        <v>4282</v>
      </c>
      <c r="B3892" s="6" t="e"/>
      <c r="C3892" s="6" t="s">
        <v>126</v>
      </c>
      <c r="D3892" s="6" t="s">
        <v>11</v>
      </c>
      <c r="E3892" s="6" t="e"/>
    </row>
    <row r="3893" ht="33" customHeight="true" s="1" customFormat="true" hidden="true" outlineLevel="3">
      <c r="A3893" s="6" t="s">
        <v>4283</v>
      </c>
      <c r="B3893" s="6" t="e"/>
      <c r="C3893" s="6" t="s">
        <v>225</v>
      </c>
      <c r="D3893" s="6" t="s">
        <v>11</v>
      </c>
      <c r="E3893" s="6" t="e"/>
    </row>
    <row r="3894" ht="22" customHeight="true" s="1" customFormat="true" hidden="true" outlineLevel="3">
      <c r="A3894" s="6" t="s">
        <v>4284</v>
      </c>
      <c r="B3894" s="6" t="e"/>
      <c r="C3894" s="6" t="s">
        <v>126</v>
      </c>
      <c r="D3894" s="6" t="s">
        <v>11</v>
      </c>
      <c r="E3894" s="6" t="e"/>
    </row>
    <row r="3895" ht="33" customHeight="true" s="1" customFormat="true" hidden="true" outlineLevel="3">
      <c r="A3895" s="6" t="s">
        <v>4285</v>
      </c>
      <c r="B3895" s="6" t="e"/>
      <c r="C3895" s="6" t="s">
        <v>126</v>
      </c>
      <c r="D3895" s="6" t="s">
        <v>11</v>
      </c>
      <c r="E3895" s="6" t="e"/>
    </row>
    <row r="3896" ht="22" customHeight="true" s="1" customFormat="true" hidden="true" outlineLevel="3">
      <c r="A3896" s="6" t="s">
        <v>4286</v>
      </c>
      <c r="B3896" s="6" t="e"/>
      <c r="C3896" s="6" t="s">
        <v>242</v>
      </c>
      <c r="D3896" s="6" t="s">
        <v>11</v>
      </c>
      <c r="E3896" s="6" t="e"/>
    </row>
    <row r="3897" ht="44" customHeight="true" s="1" customFormat="true" hidden="true" outlineLevel="3">
      <c r="A3897" s="6" t="s">
        <v>4287</v>
      </c>
      <c r="B3897" s="6" t="e"/>
      <c r="C3897" s="6" t="s">
        <v>225</v>
      </c>
      <c r="D3897" s="6" t="s">
        <v>11</v>
      </c>
      <c r="E3897" s="6" t="e"/>
    </row>
    <row r="3898" ht="56" customHeight="true" s="1" customFormat="true" hidden="true" collapsed="true" outlineLevel="3">
      <c r="A3898" s="6" t="s">
        <v>4288</v>
      </c>
      <c r="B3898" s="6" t="e"/>
      <c r="C3898" s="6" t="s">
        <v>103</v>
      </c>
      <c r="D3898" s="6" t="s">
        <v>11</v>
      </c>
      <c r="E3898" s="6" t="e"/>
    </row>
    <row r="3899" ht="11" customHeight="true" s="1" customFormat="true" hidden="true" collapsed="true" outlineLevel="2">
      <c r="A3899" s="5" t="s">
        <v>4289</v>
      </c>
      <c r="B3899" s="5" t="e"/>
      <c r="C3899" s="5" t="e"/>
      <c r="D3899" s="5" t="e"/>
      <c r="E3899" s="5" t="e"/>
    </row>
    <row r="3900" ht="56" customHeight="true" s="1" customFormat="true" hidden="true" outlineLevel="3">
      <c r="A3900" s="6" t="s">
        <v>4290</v>
      </c>
      <c r="B3900" s="6" t="e"/>
      <c r="C3900" s="6" t="s">
        <v>188</v>
      </c>
      <c r="D3900" s="6" t="s">
        <v>11</v>
      </c>
      <c r="E3900" s="6" t="e"/>
    </row>
    <row r="3901" ht="33" customHeight="true" s="1" customFormat="true" hidden="true" outlineLevel="3">
      <c r="A3901" s="6" t="s">
        <v>4291</v>
      </c>
      <c r="B3901" s="6" t="e"/>
      <c r="C3901" s="6" t="s">
        <v>302</v>
      </c>
      <c r="D3901" s="6" t="s">
        <v>11</v>
      </c>
      <c r="E3901" s="6" t="e"/>
    </row>
    <row r="3902" ht="33" customHeight="true" s="1" customFormat="true" hidden="true" outlineLevel="3">
      <c r="A3902" s="6" t="s">
        <v>4292</v>
      </c>
      <c r="B3902" s="6" t="e"/>
      <c r="C3902" s="6" t="s">
        <v>167</v>
      </c>
      <c r="D3902" s="6" t="s">
        <v>26</v>
      </c>
      <c r="E3902" s="6" t="e"/>
    </row>
    <row r="3903" ht="56" customHeight="true" s="1" customFormat="true" hidden="true" outlineLevel="3">
      <c r="A3903" s="6" t="s">
        <v>4293</v>
      </c>
      <c r="B3903" s="6" t="e"/>
      <c r="C3903" s="6" t="s">
        <v>242</v>
      </c>
      <c r="D3903" s="6" t="s">
        <v>26</v>
      </c>
      <c r="E3903" s="6" t="e"/>
    </row>
    <row r="3904" ht="33" customHeight="true" s="1" customFormat="true" hidden="true" outlineLevel="3">
      <c r="A3904" s="6" t="s">
        <v>4294</v>
      </c>
      <c r="B3904" s="6" t="e"/>
      <c r="C3904" s="6" t="s">
        <v>302</v>
      </c>
      <c r="D3904" s="6" t="s">
        <v>26</v>
      </c>
      <c r="E3904" s="6" t="e"/>
    </row>
    <row r="3905" ht="33" customHeight="true" s="1" customFormat="true" hidden="true" outlineLevel="3">
      <c r="A3905" s="6" t="s">
        <v>4295</v>
      </c>
      <c r="B3905" s="6" t="e"/>
      <c r="C3905" s="6" t="s">
        <v>242</v>
      </c>
      <c r="D3905" s="6" t="s">
        <v>11</v>
      </c>
      <c r="E3905" s="6" t="e"/>
    </row>
    <row r="3906" ht="22" customHeight="true" s="1" customFormat="true" hidden="true" outlineLevel="3">
      <c r="A3906" s="6" t="s">
        <v>4296</v>
      </c>
      <c r="B3906" s="6" t="e"/>
      <c r="C3906" s="6" t="s">
        <v>167</v>
      </c>
      <c r="D3906" s="6" t="s">
        <v>68</v>
      </c>
      <c r="E3906" s="6" t="e"/>
    </row>
    <row r="3907" ht="33" customHeight="true" s="1" customFormat="true" hidden="true" outlineLevel="3">
      <c r="A3907" s="6" t="s">
        <v>4297</v>
      </c>
      <c r="B3907" s="6" t="e"/>
      <c r="C3907" s="6" t="s">
        <v>225</v>
      </c>
      <c r="D3907" s="6" t="s">
        <v>26</v>
      </c>
      <c r="E3907" s="6" t="e"/>
    </row>
    <row r="3908" ht="44" customHeight="true" s="1" customFormat="true" hidden="true" outlineLevel="3">
      <c r="A3908" s="6" t="s">
        <v>4298</v>
      </c>
      <c r="B3908" s="6" t="e"/>
      <c r="C3908" s="6" t="s">
        <v>242</v>
      </c>
      <c r="D3908" s="6" t="s">
        <v>26</v>
      </c>
      <c r="E3908" s="6" t="e"/>
    </row>
    <row r="3909" ht="22" customHeight="true" s="1" customFormat="true" hidden="true" outlineLevel="3">
      <c r="A3909" s="6" t="s">
        <v>4299</v>
      </c>
      <c r="B3909" s="6" t="e"/>
      <c r="C3909" s="6" t="s">
        <v>296</v>
      </c>
      <c r="D3909" s="6" t="s">
        <v>26</v>
      </c>
      <c r="E3909" s="6" t="e"/>
    </row>
    <row r="3910" ht="22" customHeight="true" s="1" customFormat="true" hidden="true" outlineLevel="3">
      <c r="A3910" s="6" t="s">
        <v>4300</v>
      </c>
      <c r="B3910" s="6" t="e"/>
      <c r="C3910" s="6" t="s">
        <v>242</v>
      </c>
      <c r="D3910" s="6" t="s">
        <v>26</v>
      </c>
      <c r="E3910" s="6" t="e"/>
    </row>
    <row r="3911" ht="22" customHeight="true" s="1" customFormat="true" hidden="true" outlineLevel="3">
      <c r="A3911" s="6" t="s">
        <v>4301</v>
      </c>
      <c r="B3911" s="6" t="e"/>
      <c r="C3911" s="6" t="s">
        <v>242</v>
      </c>
      <c r="D3911" s="6" t="s">
        <v>26</v>
      </c>
      <c r="E3911" s="6" t="e"/>
    </row>
    <row r="3912" ht="22" customHeight="true" s="1" customFormat="true" hidden="true" outlineLevel="3">
      <c r="A3912" s="6" t="s">
        <v>4302</v>
      </c>
      <c r="B3912" s="6" t="e"/>
      <c r="C3912" s="6" t="s">
        <v>242</v>
      </c>
      <c r="D3912" s="6" t="s">
        <v>26</v>
      </c>
      <c r="E3912" s="6" t="e"/>
    </row>
    <row r="3913" ht="33" customHeight="true" s="1" customFormat="true" hidden="true" outlineLevel="3">
      <c r="A3913" s="6" t="s">
        <v>4303</v>
      </c>
      <c r="B3913" s="6" t="e"/>
      <c r="C3913" s="6" t="s">
        <v>242</v>
      </c>
      <c r="D3913" s="6" t="s">
        <v>26</v>
      </c>
      <c r="E3913" s="6" t="e"/>
    </row>
    <row r="3914" ht="33" customHeight="true" s="1" customFormat="true" hidden="true" outlineLevel="3">
      <c r="A3914" s="6" t="s">
        <v>4304</v>
      </c>
      <c r="B3914" s="6" t="e"/>
      <c r="C3914" s="6" t="s">
        <v>225</v>
      </c>
      <c r="D3914" s="6" t="s">
        <v>26</v>
      </c>
      <c r="E3914" s="6" t="e"/>
    </row>
    <row r="3915" ht="22" customHeight="true" s="1" customFormat="true" hidden="true" outlineLevel="3">
      <c r="A3915" s="6" t="s">
        <v>4305</v>
      </c>
      <c r="B3915" s="6" t="e"/>
      <c r="C3915" s="6" t="s">
        <v>167</v>
      </c>
      <c r="D3915" s="6" t="s">
        <v>11</v>
      </c>
      <c r="E3915" s="6" t="e"/>
    </row>
    <row r="3916" ht="33" customHeight="true" s="1" customFormat="true" hidden="true" outlineLevel="3">
      <c r="A3916" s="6" t="s">
        <v>4306</v>
      </c>
      <c r="B3916" s="6" t="e"/>
      <c r="C3916" s="6" t="s">
        <v>126</v>
      </c>
      <c r="D3916" s="6" t="s">
        <v>11</v>
      </c>
      <c r="E3916" s="6" t="e"/>
    </row>
    <row r="3917" ht="44" customHeight="true" s="1" customFormat="true" hidden="true" outlineLevel="3">
      <c r="A3917" s="6" t="s">
        <v>4307</v>
      </c>
      <c r="B3917" s="6" t="e"/>
      <c r="C3917" s="6" t="s">
        <v>225</v>
      </c>
      <c r="D3917" s="6" t="s">
        <v>11</v>
      </c>
      <c r="E3917" s="6" t="e"/>
    </row>
    <row r="3918" ht="33" customHeight="true" s="1" customFormat="true" hidden="true" outlineLevel="3">
      <c r="A3918" s="6" t="s">
        <v>4308</v>
      </c>
      <c r="B3918" s="6" t="e"/>
      <c r="C3918" s="6" t="s">
        <v>167</v>
      </c>
      <c r="D3918" s="6" t="s">
        <v>40</v>
      </c>
      <c r="E3918" s="6" t="e"/>
    </row>
    <row r="3919" ht="33" customHeight="true" s="1" customFormat="true" hidden="true" outlineLevel="3">
      <c r="A3919" s="6" t="s">
        <v>4309</v>
      </c>
      <c r="B3919" s="6" t="e"/>
      <c r="C3919" s="6" t="s">
        <v>302</v>
      </c>
      <c r="D3919" s="6" t="s">
        <v>40</v>
      </c>
      <c r="E3919" s="6" t="e"/>
    </row>
    <row r="3920" ht="22" customHeight="true" s="1" customFormat="true" hidden="true" outlineLevel="3">
      <c r="A3920" s="6" t="s">
        <v>4310</v>
      </c>
      <c r="B3920" s="6" t="e"/>
      <c r="C3920" s="6" t="s">
        <v>302</v>
      </c>
      <c r="D3920" s="6" t="s">
        <v>40</v>
      </c>
      <c r="E3920" s="6" t="e"/>
    </row>
    <row r="3921" ht="22" customHeight="true" s="1" customFormat="true" hidden="true" outlineLevel="3">
      <c r="A3921" s="6" t="s">
        <v>4311</v>
      </c>
      <c r="B3921" s="6" t="e"/>
      <c r="C3921" s="6" t="s">
        <v>225</v>
      </c>
      <c r="D3921" s="6" t="s">
        <v>15</v>
      </c>
      <c r="E3921" s="6" t="e"/>
    </row>
    <row r="3922" ht="56" customHeight="true" s="1" customFormat="true" hidden="true" outlineLevel="3">
      <c r="A3922" s="6" t="s">
        <v>4312</v>
      </c>
      <c r="B3922" s="6" t="e"/>
      <c r="C3922" s="6" t="s">
        <v>225</v>
      </c>
      <c r="D3922" s="6" t="s">
        <v>11</v>
      </c>
      <c r="E3922" s="6" t="e"/>
    </row>
    <row r="3923" ht="33" customHeight="true" s="1" customFormat="true" hidden="true" outlineLevel="3">
      <c r="A3923" s="6" t="s">
        <v>4313</v>
      </c>
      <c r="B3923" s="6" t="e"/>
      <c r="C3923" s="6" t="s">
        <v>103</v>
      </c>
      <c r="D3923" s="6" t="s">
        <v>40</v>
      </c>
      <c r="E3923" s="6" t="e"/>
    </row>
    <row r="3924" ht="22" customHeight="true" s="1" customFormat="true" hidden="true" outlineLevel="3">
      <c r="A3924" s="6" t="s">
        <v>4314</v>
      </c>
      <c r="B3924" s="6" t="e"/>
      <c r="C3924" s="6" t="s">
        <v>103</v>
      </c>
      <c r="D3924" s="6" t="s">
        <v>11</v>
      </c>
      <c r="E3924" s="6" t="e"/>
    </row>
    <row r="3925" ht="33" customHeight="true" s="1" customFormat="true" hidden="true" outlineLevel="3">
      <c r="A3925" s="6" t="s">
        <v>4315</v>
      </c>
      <c r="B3925" s="6" t="e"/>
      <c r="C3925" s="6" t="s">
        <v>155</v>
      </c>
      <c r="D3925" s="6" t="s">
        <v>40</v>
      </c>
      <c r="E3925" s="6" t="e"/>
    </row>
    <row r="3926" ht="22" customHeight="true" s="1" customFormat="true" hidden="true" outlineLevel="3">
      <c r="A3926" s="6" t="s">
        <v>4316</v>
      </c>
      <c r="B3926" s="6" t="e"/>
      <c r="C3926" s="6" t="s">
        <v>350</v>
      </c>
      <c r="D3926" s="6" t="s">
        <v>26</v>
      </c>
      <c r="E3926" s="6" t="e"/>
    </row>
    <row r="3927" ht="22" customHeight="true" s="1" customFormat="true" hidden="true" outlineLevel="3">
      <c r="A3927" s="6" t="s">
        <v>4317</v>
      </c>
      <c r="B3927" s="6" t="e"/>
      <c r="C3927" s="6" t="s">
        <v>155</v>
      </c>
      <c r="D3927" s="6" t="s">
        <v>40</v>
      </c>
      <c r="E3927" s="6" t="e"/>
    </row>
    <row r="3928" ht="22" customHeight="true" s="1" customFormat="true" hidden="true" outlineLevel="3">
      <c r="A3928" s="6" t="s">
        <v>4318</v>
      </c>
      <c r="B3928" s="6" t="e"/>
      <c r="C3928" s="6" t="s">
        <v>302</v>
      </c>
      <c r="D3928" s="6" t="s">
        <v>11</v>
      </c>
      <c r="E3928" s="6" t="e"/>
    </row>
    <row r="3929" ht="22" customHeight="true" s="1" customFormat="true" hidden="true" outlineLevel="3">
      <c r="A3929" s="6" t="s">
        <v>4319</v>
      </c>
      <c r="B3929" s="6" t="e"/>
      <c r="C3929" s="6" t="s">
        <v>296</v>
      </c>
      <c r="D3929" s="6" t="s">
        <v>11</v>
      </c>
      <c r="E3929" s="6" t="e"/>
    </row>
    <row r="3930" ht="22" customHeight="true" s="1" customFormat="true" hidden="true" outlineLevel="3">
      <c r="A3930" s="6" t="s">
        <v>4320</v>
      </c>
      <c r="B3930" s="6" t="e"/>
      <c r="C3930" s="6" t="s">
        <v>302</v>
      </c>
      <c r="D3930" s="6" t="s">
        <v>11</v>
      </c>
      <c r="E3930" s="6" t="e"/>
    </row>
    <row r="3931" ht="33" customHeight="true" s="1" customFormat="true" hidden="true" outlineLevel="3">
      <c r="A3931" s="6" t="s">
        <v>4321</v>
      </c>
      <c r="B3931" s="6" t="e"/>
      <c r="C3931" s="6" t="s">
        <v>302</v>
      </c>
      <c r="D3931" s="6" t="s">
        <v>40</v>
      </c>
      <c r="E3931" s="6" t="e"/>
    </row>
    <row r="3932" ht="22" customHeight="true" s="1" customFormat="true" hidden="true" outlineLevel="3">
      <c r="A3932" s="6" t="s">
        <v>4322</v>
      </c>
      <c r="B3932" s="6" t="e"/>
      <c r="C3932" s="6" t="s">
        <v>149</v>
      </c>
      <c r="D3932" s="6" t="s">
        <v>26</v>
      </c>
      <c r="E3932" s="6" t="e"/>
    </row>
    <row r="3933" ht="22" customHeight="true" s="1" customFormat="true" hidden="true" outlineLevel="3">
      <c r="A3933" s="6" t="s">
        <v>4323</v>
      </c>
      <c r="B3933" s="6" t="e"/>
      <c r="C3933" s="6" t="s">
        <v>296</v>
      </c>
      <c r="D3933" s="6" t="s">
        <v>11</v>
      </c>
      <c r="E3933" s="6" t="e"/>
    </row>
    <row r="3934" ht="44" customHeight="true" s="1" customFormat="true" hidden="true" outlineLevel="3">
      <c r="A3934" s="6" t="s">
        <v>4324</v>
      </c>
      <c r="B3934" s="6" t="e"/>
      <c r="C3934" s="6" t="s">
        <v>296</v>
      </c>
      <c r="D3934" s="6" t="s">
        <v>26</v>
      </c>
      <c r="E3934" s="6" t="e"/>
    </row>
    <row r="3935" ht="33" customHeight="true" s="1" customFormat="true" hidden="true" outlineLevel="3">
      <c r="A3935" s="6" t="s">
        <v>4325</v>
      </c>
      <c r="B3935" s="6" t="e"/>
      <c r="C3935" s="6" t="s">
        <v>142</v>
      </c>
      <c r="D3935" s="6" t="s">
        <v>11</v>
      </c>
      <c r="E3935" s="6" t="e"/>
    </row>
    <row r="3936" ht="22" customHeight="true" s="1" customFormat="true" hidden="true" outlineLevel="3">
      <c r="A3936" s="6" t="s">
        <v>4326</v>
      </c>
      <c r="B3936" s="6" t="e"/>
      <c r="C3936" s="6" t="s">
        <v>167</v>
      </c>
      <c r="D3936" s="6" t="s">
        <v>11</v>
      </c>
      <c r="E3936" s="6" t="e"/>
    </row>
    <row r="3937" ht="22" customHeight="true" s="1" customFormat="true" hidden="true" outlineLevel="3">
      <c r="A3937" s="6" t="s">
        <v>4327</v>
      </c>
      <c r="B3937" s="6" t="e"/>
      <c r="C3937" s="6" t="s">
        <v>136</v>
      </c>
      <c r="D3937" s="6" t="s">
        <v>26</v>
      </c>
      <c r="E3937" s="6" t="e"/>
    </row>
    <row r="3938" ht="33" customHeight="true" s="1" customFormat="true" hidden="true" outlineLevel="3">
      <c r="A3938" s="6" t="s">
        <v>4328</v>
      </c>
      <c r="B3938" s="6" t="e"/>
      <c r="C3938" s="6" t="s">
        <v>296</v>
      </c>
      <c r="D3938" s="6" t="s">
        <v>26</v>
      </c>
      <c r="E3938" s="6" t="e"/>
    </row>
    <row r="3939" ht="33" customHeight="true" s="1" customFormat="true" hidden="true" outlineLevel="3">
      <c r="A3939" s="6" t="s">
        <v>4329</v>
      </c>
      <c r="B3939" s="6" t="e"/>
      <c r="C3939" s="6" t="s">
        <v>188</v>
      </c>
      <c r="D3939" s="6" t="s">
        <v>11</v>
      </c>
      <c r="E3939" s="6" t="e"/>
    </row>
    <row r="3940" ht="33" customHeight="true" s="1" customFormat="true" hidden="true" outlineLevel="3">
      <c r="A3940" s="6" t="s">
        <v>4330</v>
      </c>
      <c r="B3940" s="6" t="e"/>
      <c r="C3940" s="6" t="s">
        <v>225</v>
      </c>
      <c r="D3940" s="6" t="s">
        <v>11</v>
      </c>
      <c r="E3940" s="6" t="e"/>
    </row>
    <row r="3941" ht="44" customHeight="true" s="1" customFormat="true" hidden="true" outlineLevel="3">
      <c r="A3941" s="6" t="s">
        <v>4331</v>
      </c>
      <c r="B3941" s="6" t="e"/>
      <c r="C3941" s="6" t="s">
        <v>155</v>
      </c>
      <c r="D3941" s="6" t="s">
        <v>15</v>
      </c>
      <c r="E3941" s="6" t="e"/>
    </row>
    <row r="3942" ht="33" customHeight="true" s="1" customFormat="true" hidden="true" outlineLevel="3">
      <c r="A3942" s="6" t="s">
        <v>4332</v>
      </c>
      <c r="B3942" s="6" t="e"/>
      <c r="C3942" s="6" t="s">
        <v>219</v>
      </c>
      <c r="D3942" s="6" t="s">
        <v>11</v>
      </c>
      <c r="E3942" s="6" t="e"/>
    </row>
    <row r="3943" ht="22" customHeight="true" s="1" customFormat="true" hidden="true" outlineLevel="3">
      <c r="A3943" s="6" t="s">
        <v>4333</v>
      </c>
      <c r="B3943" s="6" t="e"/>
      <c r="C3943" s="6" t="s">
        <v>188</v>
      </c>
      <c r="D3943" s="6" t="s">
        <v>26</v>
      </c>
      <c r="E3943" s="6" t="e"/>
    </row>
    <row r="3944" ht="33" customHeight="true" s="1" customFormat="true" hidden="true" outlineLevel="3">
      <c r="A3944" s="6" t="s">
        <v>4334</v>
      </c>
      <c r="B3944" s="6" t="e"/>
      <c r="C3944" s="6" t="s">
        <v>136</v>
      </c>
      <c r="D3944" s="6" t="s">
        <v>11</v>
      </c>
      <c r="E3944" s="6" t="e"/>
    </row>
    <row r="3945" ht="56" customHeight="true" s="1" customFormat="true" hidden="true" outlineLevel="3">
      <c r="A3945" s="6" t="s">
        <v>4335</v>
      </c>
      <c r="B3945" s="6" t="e"/>
      <c r="C3945" s="6" t="s">
        <v>296</v>
      </c>
      <c r="D3945" s="6" t="s">
        <v>26</v>
      </c>
      <c r="E3945" s="6" t="e"/>
    </row>
    <row r="3946" ht="22" customHeight="true" s="1" customFormat="true" hidden="true" outlineLevel="3">
      <c r="A3946" s="6" t="s">
        <v>4336</v>
      </c>
      <c r="B3946" s="6" t="e"/>
      <c r="C3946" s="6" t="s">
        <v>103</v>
      </c>
      <c r="D3946" s="6" t="s">
        <v>11</v>
      </c>
      <c r="E3946" s="6" t="e"/>
    </row>
    <row r="3947" ht="22" customHeight="true" s="1" customFormat="true" hidden="true" collapsed="true" outlineLevel="3">
      <c r="A3947" s="6" t="s">
        <v>4337</v>
      </c>
      <c r="B3947" s="6" t="e"/>
      <c r="C3947" s="6" t="s">
        <v>103</v>
      </c>
      <c r="D3947" s="6" t="s">
        <v>11</v>
      </c>
      <c r="E3947" s="6" t="e"/>
    </row>
    <row r="3948" ht="11" customHeight="true" s="1" customFormat="true" hidden="true" collapsed="true" outlineLevel="2">
      <c r="A3948" s="5" t="s">
        <v>4338</v>
      </c>
      <c r="B3948" s="5" t="e"/>
      <c r="C3948" s="5" t="e"/>
      <c r="D3948" s="5" t="e"/>
      <c r="E3948" s="5" t="e"/>
    </row>
    <row r="3949" ht="22" customHeight="true" s="1" customFormat="true" hidden="true" outlineLevel="3">
      <c r="A3949" s="6" t="s">
        <v>4339</v>
      </c>
      <c r="B3949" s="6" t="e"/>
      <c r="C3949" s="6" t="s">
        <v>225</v>
      </c>
      <c r="D3949" s="6" t="s">
        <v>11</v>
      </c>
      <c r="E3949" s="6" t="e"/>
    </row>
    <row r="3950" ht="22" customHeight="true" s="1" customFormat="true" hidden="true" outlineLevel="3">
      <c r="A3950" s="6" t="s">
        <v>4340</v>
      </c>
      <c r="B3950" s="6" t="e"/>
      <c r="C3950" s="6" t="s">
        <v>225</v>
      </c>
      <c r="D3950" s="6" t="s">
        <v>11</v>
      </c>
      <c r="E3950" s="6" t="e"/>
    </row>
    <row r="3951" ht="33" customHeight="true" s="1" customFormat="true" hidden="true" outlineLevel="3">
      <c r="A3951" s="6" t="s">
        <v>4341</v>
      </c>
      <c r="B3951" s="6" t="e"/>
      <c r="C3951" s="6" t="s">
        <v>103</v>
      </c>
      <c r="D3951" s="6" t="s">
        <v>26</v>
      </c>
      <c r="E3951" s="6" t="e"/>
    </row>
    <row r="3952" ht="56" customHeight="true" s="1" customFormat="true" hidden="true" outlineLevel="3">
      <c r="A3952" s="6" t="s">
        <v>4342</v>
      </c>
      <c r="B3952" s="6" t="e"/>
      <c r="C3952" s="6" t="s">
        <v>302</v>
      </c>
      <c r="D3952" s="6" t="s">
        <v>26</v>
      </c>
      <c r="E3952" s="6" t="e"/>
    </row>
    <row r="3953" ht="33" customHeight="true" s="1" customFormat="true" hidden="true" collapsed="true" outlineLevel="3">
      <c r="A3953" s="6" t="s">
        <v>4343</v>
      </c>
      <c r="B3953" s="6" t="e"/>
      <c r="C3953" s="6" t="s">
        <v>149</v>
      </c>
      <c r="D3953" s="6" t="s">
        <v>11</v>
      </c>
      <c r="E3953" s="6" t="e"/>
    </row>
    <row r="3954" ht="11" customHeight="true" s="1" customFormat="true" hidden="true" collapsed="true" outlineLevel="2">
      <c r="A3954" s="5" t="s">
        <v>4344</v>
      </c>
      <c r="B3954" s="5" t="e"/>
      <c r="C3954" s="5" t="e"/>
      <c r="D3954" s="5" t="e"/>
      <c r="E3954" s="5" t="e"/>
    </row>
    <row r="3955" ht="22" customHeight="true" s="1" customFormat="true" hidden="true" outlineLevel="3">
      <c r="A3955" s="6" t="s">
        <v>4345</v>
      </c>
      <c r="B3955" s="6" t="e"/>
      <c r="C3955" s="6" t="s">
        <v>155</v>
      </c>
      <c r="D3955" s="6" t="s">
        <v>26</v>
      </c>
      <c r="E3955" s="6" t="e"/>
    </row>
    <row r="3956" ht="22" customHeight="true" s="1" customFormat="true" hidden="true" outlineLevel="3">
      <c r="A3956" s="6" t="s">
        <v>4346</v>
      </c>
      <c r="B3956" s="6" t="e"/>
      <c r="C3956" s="6" t="s">
        <v>149</v>
      </c>
      <c r="D3956" s="6" t="s">
        <v>26</v>
      </c>
      <c r="E3956" s="6" t="e"/>
    </row>
    <row r="3957" ht="56" customHeight="true" s="1" customFormat="true" hidden="true" outlineLevel="3">
      <c r="A3957" s="6" t="s">
        <v>4347</v>
      </c>
      <c r="B3957" s="6" t="e"/>
      <c r="C3957" s="6" t="s">
        <v>167</v>
      </c>
      <c r="D3957" s="6" t="s">
        <v>11</v>
      </c>
      <c r="E3957" s="6" t="e"/>
    </row>
    <row r="3958" ht="11" customHeight="true" collapsed="true" outlineLevel="1">
      <c r="A3958" s="5" t="s">
        <v>4348</v>
      </c>
      <c r="B3958" s="5" t="e"/>
      <c r="C3958" s="5" t="e"/>
      <c r="D3958" s="5" t="e"/>
      <c r="E3958" s="5" t="e"/>
    </row>
    <row r="3959" ht="11" customHeight="true" s="1" customFormat="true" hidden="true" collapsed="true" outlineLevel="2">
      <c r="A3959" s="5" t="s">
        <v>4349</v>
      </c>
      <c r="B3959" s="5" t="e"/>
      <c r="C3959" s="5" t="e"/>
      <c r="D3959" s="5" t="e"/>
      <c r="E3959" s="5" t="e"/>
    </row>
    <row r="3960" ht="11" customHeight="true" s="1" customFormat="true" hidden="true" outlineLevel="3">
      <c r="A3960" s="6" t="s">
        <v>4350</v>
      </c>
      <c r="B3960" s="6" t="e"/>
      <c r="C3960" s="6" t="s">
        <v>242</v>
      </c>
      <c r="D3960" s="6" t="s">
        <v>26</v>
      </c>
      <c r="E3960" s="6" t="e"/>
    </row>
    <row r="3961" ht="22" customHeight="true" s="1" customFormat="true" hidden="true" outlineLevel="3">
      <c r="A3961" s="6" t="s">
        <v>4351</v>
      </c>
      <c r="B3961" s="6" t="e"/>
      <c r="C3961" s="6" t="s">
        <v>302</v>
      </c>
      <c r="D3961" s="6" t="s">
        <v>40</v>
      </c>
      <c r="E3961" s="6" t="e"/>
    </row>
    <row r="3962" ht="22" customHeight="true" s="1" customFormat="true" hidden="true" outlineLevel="3">
      <c r="A3962" s="6" t="s">
        <v>4352</v>
      </c>
      <c r="B3962" s="6" t="e"/>
      <c r="C3962" s="6" t="s">
        <v>225</v>
      </c>
      <c r="D3962" s="6" t="s">
        <v>11</v>
      </c>
      <c r="E3962" s="6" t="e"/>
    </row>
    <row r="3963" ht="22" customHeight="true" s="1" customFormat="true" hidden="true" outlineLevel="3">
      <c r="A3963" s="6" t="s">
        <v>4353</v>
      </c>
      <c r="B3963" s="6" t="e"/>
      <c r="C3963" s="6" t="s">
        <v>225</v>
      </c>
      <c r="D3963" s="6" t="s">
        <v>40</v>
      </c>
      <c r="E3963" s="6" t="e"/>
    </row>
    <row r="3964" ht="22" customHeight="true" s="1" customFormat="true" hidden="true" outlineLevel="3">
      <c r="A3964" s="6" t="s">
        <v>4354</v>
      </c>
      <c r="B3964" s="6" t="e"/>
      <c r="C3964" s="6" t="s">
        <v>242</v>
      </c>
      <c r="D3964" s="6" t="s">
        <v>26</v>
      </c>
      <c r="E3964" s="6" t="e"/>
    </row>
    <row r="3965" ht="11" customHeight="true" s="1" customFormat="true" hidden="true" outlineLevel="3">
      <c r="A3965" s="6" t="s">
        <v>4355</v>
      </c>
      <c r="B3965" s="6" t="e"/>
      <c r="C3965" s="6" t="s">
        <v>167</v>
      </c>
      <c r="D3965" s="6" t="s">
        <v>40</v>
      </c>
      <c r="E3965" s="6" t="e"/>
    </row>
    <row r="3966" ht="11" customHeight="true" s="1" customFormat="true" hidden="true" outlineLevel="3">
      <c r="A3966" s="6" t="s">
        <v>4356</v>
      </c>
      <c r="B3966" s="6" t="e"/>
      <c r="C3966" s="6" t="s">
        <v>296</v>
      </c>
      <c r="D3966" s="6" t="s">
        <v>40</v>
      </c>
      <c r="E3966" s="6" t="e"/>
    </row>
    <row r="3967" ht="22" customHeight="true" s="1" customFormat="true" hidden="true" outlineLevel="3">
      <c r="A3967" s="6" t="s">
        <v>4357</v>
      </c>
      <c r="B3967" s="6" t="e"/>
      <c r="C3967" s="6" t="s">
        <v>296</v>
      </c>
      <c r="D3967" s="6" t="s">
        <v>40</v>
      </c>
      <c r="E3967" s="6" t="e"/>
    </row>
    <row r="3968" ht="11" customHeight="true" s="1" customFormat="true" hidden="true" outlineLevel="3">
      <c r="A3968" s="6" t="s">
        <v>4358</v>
      </c>
      <c r="B3968" s="6" t="e"/>
      <c r="C3968" s="6" t="s">
        <v>296</v>
      </c>
      <c r="D3968" s="6" t="s">
        <v>26</v>
      </c>
      <c r="E3968" s="6" t="e"/>
    </row>
    <row r="3969" ht="22" customHeight="true" s="1" customFormat="true" hidden="true" outlineLevel="3">
      <c r="A3969" s="6" t="s">
        <v>4359</v>
      </c>
      <c r="B3969" s="6" t="e"/>
      <c r="C3969" s="6" t="s">
        <v>242</v>
      </c>
      <c r="D3969" s="6" t="s">
        <v>40</v>
      </c>
      <c r="E3969" s="6" t="e"/>
    </row>
    <row r="3970" ht="22" customHeight="true" s="1" customFormat="true" hidden="true" outlineLevel="3">
      <c r="A3970" s="6" t="s">
        <v>4360</v>
      </c>
      <c r="B3970" s="6" t="e"/>
      <c r="C3970" s="6" t="s">
        <v>149</v>
      </c>
      <c r="D3970" s="6" t="s">
        <v>40</v>
      </c>
      <c r="E3970" s="6" t="e"/>
    </row>
    <row r="3971" ht="33" customHeight="true" s="1" customFormat="true" hidden="true" outlineLevel="3">
      <c r="A3971" s="6" t="s">
        <v>4361</v>
      </c>
      <c r="B3971" s="6" t="e"/>
      <c r="C3971" s="6" t="s">
        <v>155</v>
      </c>
      <c r="D3971" s="6" t="s">
        <v>26</v>
      </c>
      <c r="E3971" s="6" t="e"/>
    </row>
    <row r="3972" ht="33" customHeight="true" s="1" customFormat="true" hidden="true" outlineLevel="3">
      <c r="A3972" s="6" t="s">
        <v>4362</v>
      </c>
      <c r="B3972" s="6" t="e"/>
      <c r="C3972" s="6" t="s">
        <v>167</v>
      </c>
      <c r="D3972" s="6" t="s">
        <v>15</v>
      </c>
      <c r="E3972" s="6" t="e"/>
    </row>
    <row r="3973" ht="22" customHeight="true" s="1" customFormat="true" hidden="true" outlineLevel="3">
      <c r="A3973" s="6" t="s">
        <v>4363</v>
      </c>
      <c r="B3973" s="6" t="e"/>
      <c r="C3973" s="6" t="s">
        <v>167</v>
      </c>
      <c r="D3973" s="6" t="s">
        <v>26</v>
      </c>
      <c r="E3973" s="6" t="e"/>
    </row>
    <row r="3974" ht="33" customHeight="true" s="1" customFormat="true" hidden="true" outlineLevel="3">
      <c r="A3974" s="6" t="s">
        <v>4364</v>
      </c>
      <c r="B3974" s="6" t="e"/>
      <c r="C3974" s="6" t="s">
        <v>167</v>
      </c>
      <c r="D3974" s="6" t="s">
        <v>40</v>
      </c>
      <c r="E3974" s="6" t="e"/>
    </row>
    <row r="3975" ht="22" customHeight="true" s="1" customFormat="true" hidden="true" outlineLevel="3">
      <c r="A3975" s="6" t="s">
        <v>4365</v>
      </c>
      <c r="B3975" s="6" t="e"/>
      <c r="C3975" s="6" t="s">
        <v>296</v>
      </c>
      <c r="D3975" s="6" t="s">
        <v>11</v>
      </c>
      <c r="E3975" s="6" t="e"/>
    </row>
    <row r="3976" ht="44" customHeight="true" s="1" customFormat="true" hidden="true" outlineLevel="3">
      <c r="A3976" s="6" t="s">
        <v>4366</v>
      </c>
      <c r="B3976" s="6" t="e"/>
      <c r="C3976" s="6" t="s">
        <v>167</v>
      </c>
      <c r="D3976" s="6" t="s">
        <v>40</v>
      </c>
      <c r="E3976" s="6" t="e"/>
    </row>
    <row r="3977" ht="33" customHeight="true" s="1" customFormat="true" hidden="true" outlineLevel="3">
      <c r="A3977" s="6" t="s">
        <v>4367</v>
      </c>
      <c r="B3977" s="6" t="e"/>
      <c r="C3977" s="6" t="s">
        <v>242</v>
      </c>
      <c r="D3977" s="6" t="s">
        <v>40</v>
      </c>
      <c r="E3977" s="6" t="e"/>
    </row>
    <row r="3978" ht="22" customHeight="true" s="1" customFormat="true" hidden="true" outlineLevel="3">
      <c r="A3978" s="6" t="s">
        <v>4368</v>
      </c>
      <c r="B3978" s="6" t="e"/>
      <c r="C3978" s="6" t="s">
        <v>225</v>
      </c>
      <c r="D3978" s="6" t="s">
        <v>123</v>
      </c>
      <c r="E3978" s="6" t="e"/>
    </row>
    <row r="3979" ht="22" customHeight="true" s="1" customFormat="true" hidden="true" outlineLevel="3">
      <c r="A3979" s="6" t="s">
        <v>4369</v>
      </c>
      <c r="B3979" s="6" t="e"/>
      <c r="C3979" s="6" t="s">
        <v>302</v>
      </c>
      <c r="D3979" s="6" t="s">
        <v>11</v>
      </c>
      <c r="E3979" s="6" t="e"/>
    </row>
    <row r="3980" ht="22" customHeight="true" s="1" customFormat="true" hidden="true" outlineLevel="3">
      <c r="A3980" s="6" t="s">
        <v>4370</v>
      </c>
      <c r="B3980" s="6" t="e"/>
      <c r="C3980" s="6" t="s">
        <v>302</v>
      </c>
      <c r="D3980" s="6" t="s">
        <v>40</v>
      </c>
      <c r="E3980" s="6" t="e"/>
    </row>
    <row r="3981" ht="22" customHeight="true" s="1" customFormat="true" hidden="true" outlineLevel="3">
      <c r="A3981" s="6" t="s">
        <v>4371</v>
      </c>
      <c r="B3981" s="6" t="e"/>
      <c r="C3981" s="6" t="s">
        <v>225</v>
      </c>
      <c r="D3981" s="6" t="s">
        <v>26</v>
      </c>
      <c r="E3981" s="6" t="e"/>
    </row>
    <row r="3982" ht="11" customHeight="true" collapsed="true" outlineLevel="1">
      <c r="A3982" s="5" t="s">
        <v>4372</v>
      </c>
      <c r="B3982" s="5" t="e"/>
      <c r="C3982" s="5" t="e"/>
      <c r="D3982" s="5" t="e"/>
      <c r="E3982" s="5" t="e"/>
    </row>
    <row r="3983" ht="11" customHeight="true" s="1" customFormat="true" hidden="true" collapsed="true" outlineLevel="2">
      <c r="A3983" s="5" t="s">
        <v>4373</v>
      </c>
      <c r="B3983" s="5" t="e"/>
      <c r="C3983" s="5" t="e"/>
      <c r="D3983" s="5" t="e"/>
      <c r="E3983" s="5" t="e"/>
    </row>
    <row r="3984" ht="22" customHeight="true" s="1" customFormat="true" hidden="true" outlineLevel="3">
      <c r="A3984" s="6" t="s">
        <v>4374</v>
      </c>
      <c r="B3984" s="6" t="e"/>
      <c r="C3984" s="6" t="s">
        <v>290</v>
      </c>
      <c r="D3984" s="6" t="s">
        <v>11</v>
      </c>
      <c r="E3984" s="6" t="e"/>
    </row>
    <row r="3985" ht="22" customHeight="true" s="1" customFormat="true" hidden="true" outlineLevel="3">
      <c r="A3985" s="6" t="s">
        <v>4375</v>
      </c>
      <c r="B3985" s="6" t="e"/>
      <c r="C3985" s="6" t="s">
        <v>80</v>
      </c>
      <c r="D3985" s="6" t="s">
        <v>11</v>
      </c>
      <c r="E3985" s="6" t="e"/>
    </row>
    <row r="3986" ht="22" customHeight="true" s="1" customFormat="true" hidden="true" outlineLevel="3">
      <c r="A3986" s="6" t="s">
        <v>4376</v>
      </c>
      <c r="B3986" s="6" t="e"/>
      <c r="C3986" s="6" t="s">
        <v>290</v>
      </c>
      <c r="D3986" s="6" t="s">
        <v>11</v>
      </c>
      <c r="E3986" s="6" t="e"/>
    </row>
    <row r="3987" ht="22" customHeight="true" s="1" customFormat="true" hidden="true" outlineLevel="3">
      <c r="A3987" s="6" t="s">
        <v>4377</v>
      </c>
      <c r="B3987" s="6" t="e"/>
      <c r="C3987" s="6" t="s">
        <v>62</v>
      </c>
      <c r="D3987" s="6" t="s">
        <v>11</v>
      </c>
      <c r="E3987" s="6" t="e"/>
    </row>
    <row r="3988" ht="22" customHeight="true" s="1" customFormat="true" hidden="true" outlineLevel="3">
      <c r="A3988" s="6" t="s">
        <v>4378</v>
      </c>
      <c r="B3988" s="6" t="e"/>
      <c r="C3988" s="6" t="s">
        <v>80</v>
      </c>
      <c r="D3988" s="6" t="s">
        <v>11</v>
      </c>
      <c r="E3988" s="6" t="e"/>
    </row>
    <row r="3989" ht="22" customHeight="true" s="1" customFormat="true" hidden="true" outlineLevel="3">
      <c r="A3989" s="6" t="s">
        <v>4379</v>
      </c>
      <c r="B3989" s="6" t="e"/>
      <c r="C3989" s="6" t="s">
        <v>80</v>
      </c>
      <c r="D3989" s="6" t="s">
        <v>11</v>
      </c>
      <c r="E3989" s="6" t="e"/>
    </row>
    <row r="3990" ht="22" customHeight="true" s="1" customFormat="true" hidden="true" outlineLevel="3">
      <c r="A3990" s="6" t="s">
        <v>4380</v>
      </c>
      <c r="B3990" s="6" t="e"/>
      <c r="C3990" s="6" t="s">
        <v>127</v>
      </c>
      <c r="D3990" s="6" t="s">
        <v>11</v>
      </c>
      <c r="E3990" s="6" t="e"/>
    </row>
    <row r="3991" ht="22" customHeight="true" s="1" customFormat="true" hidden="true" outlineLevel="3">
      <c r="A3991" s="6" t="s">
        <v>4381</v>
      </c>
      <c r="B3991" s="6" t="e"/>
      <c r="C3991" s="6" t="s">
        <v>127</v>
      </c>
      <c r="D3991" s="6" t="s">
        <v>11</v>
      </c>
      <c r="E3991" s="6" t="e"/>
    </row>
    <row r="3992" ht="22" customHeight="true" s="1" customFormat="true" hidden="true" outlineLevel="3">
      <c r="A3992" s="6" t="s">
        <v>4382</v>
      </c>
      <c r="B3992" s="6" t="e"/>
      <c r="C3992" s="6" t="s">
        <v>50</v>
      </c>
      <c r="D3992" s="6" t="s">
        <v>26</v>
      </c>
      <c r="E3992" s="6" t="e"/>
    </row>
    <row r="3993" ht="22" customHeight="true" s="1" customFormat="true" hidden="true" outlineLevel="3">
      <c r="A3993" s="6" t="s">
        <v>4383</v>
      </c>
      <c r="B3993" s="6" t="e"/>
      <c r="C3993" s="6" t="s">
        <v>72</v>
      </c>
      <c r="D3993" s="6" t="s">
        <v>15</v>
      </c>
      <c r="E3993" s="6" t="e"/>
    </row>
    <row r="3994" ht="22" customHeight="true" s="1" customFormat="true" hidden="true" outlineLevel="3">
      <c r="A3994" s="6" t="s">
        <v>4384</v>
      </c>
      <c r="B3994" s="6" t="e"/>
      <c r="C3994" s="6" t="s">
        <v>127</v>
      </c>
      <c r="D3994" s="6" t="s">
        <v>11</v>
      </c>
      <c r="E3994" s="6" t="e"/>
    </row>
    <row r="3995" ht="22" customHeight="true" s="1" customFormat="true" hidden="true" outlineLevel="3">
      <c r="A3995" s="6" t="s">
        <v>4385</v>
      </c>
      <c r="B3995" s="6" t="e"/>
      <c r="C3995" s="6" t="s">
        <v>72</v>
      </c>
      <c r="D3995" s="6" t="s">
        <v>11</v>
      </c>
      <c r="E3995" s="6" t="e"/>
    </row>
    <row r="3996" ht="22" customHeight="true" s="1" customFormat="true" hidden="true" outlineLevel="3">
      <c r="A3996" s="6" t="s">
        <v>4386</v>
      </c>
      <c r="B3996" s="6" t="e"/>
      <c r="C3996" s="6" t="s">
        <v>72</v>
      </c>
      <c r="D3996" s="6" t="s">
        <v>26</v>
      </c>
      <c r="E3996" s="6" t="e"/>
    </row>
    <row r="3997" ht="22" customHeight="true" s="1" customFormat="true" hidden="true" outlineLevel="3">
      <c r="A3997" s="6" t="s">
        <v>4387</v>
      </c>
      <c r="B3997" s="6" t="e"/>
      <c r="C3997" s="6" t="s">
        <v>72</v>
      </c>
      <c r="D3997" s="6" t="s">
        <v>11</v>
      </c>
      <c r="E3997" s="6" t="e"/>
    </row>
    <row r="3998" ht="22" customHeight="true" s="1" customFormat="true" hidden="true" outlineLevel="3">
      <c r="A3998" s="6" t="s">
        <v>4388</v>
      </c>
      <c r="B3998" s="6" t="e"/>
      <c r="C3998" s="6" t="s">
        <v>62</v>
      </c>
      <c r="D3998" s="6" t="s">
        <v>11</v>
      </c>
      <c r="E3998" s="6" t="e"/>
    </row>
    <row r="3999" ht="22" customHeight="true" s="1" customFormat="true" hidden="true" outlineLevel="3">
      <c r="A3999" s="6" t="s">
        <v>4389</v>
      </c>
      <c r="B3999" s="6" t="e"/>
      <c r="C3999" s="6" t="s">
        <v>62</v>
      </c>
      <c r="D3999" s="6" t="s">
        <v>11</v>
      </c>
      <c r="E3999" s="6" t="e"/>
    </row>
    <row r="4000" ht="33" customHeight="true" s="1" customFormat="true" hidden="true" outlineLevel="3">
      <c r="A4000" s="6" t="s">
        <v>4390</v>
      </c>
      <c r="B4000" s="6" t="e"/>
      <c r="C4000" s="6" t="s">
        <v>371</v>
      </c>
      <c r="D4000" s="6" t="s">
        <v>11</v>
      </c>
      <c r="E4000" s="6" t="e"/>
    </row>
    <row r="4001" ht="33" customHeight="true" s="1" customFormat="true" hidden="true" outlineLevel="3">
      <c r="A4001" s="6" t="s">
        <v>4391</v>
      </c>
      <c r="B4001" s="6" t="e"/>
      <c r="C4001" s="6" t="s">
        <v>155</v>
      </c>
      <c r="D4001" s="6" t="s">
        <v>68</v>
      </c>
      <c r="E4001" s="6" t="e"/>
    </row>
    <row r="4002" ht="33" customHeight="true" s="1" customFormat="true" hidden="true" outlineLevel="3">
      <c r="A4002" s="6" t="s">
        <v>4392</v>
      </c>
      <c r="B4002" s="6" t="e"/>
      <c r="C4002" s="6" t="s">
        <v>155</v>
      </c>
      <c r="D4002" s="6" t="s">
        <v>26</v>
      </c>
      <c r="E4002" s="6" t="e"/>
    </row>
    <row r="4003" ht="33" customHeight="true" s="1" customFormat="true" hidden="true" outlineLevel="3">
      <c r="A4003" s="6" t="s">
        <v>4393</v>
      </c>
      <c r="B4003" s="6" t="e"/>
      <c r="C4003" s="6" t="s">
        <v>155</v>
      </c>
      <c r="D4003" s="6" t="s">
        <v>15</v>
      </c>
      <c r="E4003" s="6" t="e"/>
    </row>
    <row r="4004" ht="11" customHeight="true" s="1" customFormat="true" hidden="true" outlineLevel="3">
      <c r="A4004" s="6" t="s">
        <v>4394</v>
      </c>
      <c r="B4004" s="6" t="e"/>
      <c r="C4004" s="6" t="s">
        <v>1212</v>
      </c>
      <c r="D4004" s="6" t="s">
        <v>11</v>
      </c>
      <c r="E4004" s="6" t="e"/>
    </row>
    <row r="4005" ht="11" customHeight="true" s="1" customFormat="true" hidden="true" outlineLevel="3">
      <c r="A4005" s="6" t="s">
        <v>4395</v>
      </c>
      <c r="B4005" s="6" t="e"/>
      <c r="C4005" s="6" t="s">
        <v>2678</v>
      </c>
      <c r="D4005" s="6" t="s">
        <v>11</v>
      </c>
      <c r="E4005" s="6" t="e"/>
    </row>
    <row r="4006" ht="11" customHeight="true" s="1" customFormat="true" hidden="true" outlineLevel="3">
      <c r="A4006" s="6" t="s">
        <v>4396</v>
      </c>
      <c r="B4006" s="6" t="e"/>
      <c r="C4006" s="6" t="s">
        <v>2678</v>
      </c>
      <c r="D4006" s="6" t="s">
        <v>11</v>
      </c>
      <c r="E4006" s="6" t="e"/>
    </row>
    <row r="4007" ht="22" customHeight="true" s="1" customFormat="true" hidden="true" outlineLevel="3">
      <c r="A4007" s="6" t="s">
        <v>4397</v>
      </c>
      <c r="B4007" s="6" t="e"/>
      <c r="C4007" s="6" t="s">
        <v>2678</v>
      </c>
      <c r="D4007" s="6" t="s">
        <v>11</v>
      </c>
      <c r="E4007" s="6" t="e"/>
    </row>
    <row r="4008" ht="22" customHeight="true" s="1" customFormat="true" hidden="true" collapsed="true" outlineLevel="3">
      <c r="A4008" s="6" t="s">
        <v>4398</v>
      </c>
      <c r="B4008" s="6" t="e"/>
      <c r="C4008" s="6" t="s">
        <v>325</v>
      </c>
      <c r="D4008" s="6" t="s">
        <v>11</v>
      </c>
      <c r="E4008" s="6" t="e"/>
    </row>
    <row r="4009" ht="11" customHeight="true" s="1" customFormat="true" hidden="true" collapsed="true" outlineLevel="2">
      <c r="A4009" s="5" t="s">
        <v>4399</v>
      </c>
      <c r="B4009" s="5" t="e"/>
      <c r="C4009" s="5" t="e"/>
      <c r="D4009" s="5" t="e"/>
      <c r="E4009" s="5" t="e"/>
    </row>
    <row r="4010" ht="33" customHeight="true" s="1" customFormat="true" hidden="true" outlineLevel="3">
      <c r="A4010" s="6" t="s">
        <v>4400</v>
      </c>
      <c r="B4010" s="6" t="e"/>
      <c r="C4010" s="6" t="s">
        <v>253</v>
      </c>
      <c r="D4010" s="6" t="s">
        <v>11</v>
      </c>
      <c r="E4010" s="6" t="e"/>
    </row>
    <row r="4011" ht="33" customHeight="true" s="1" customFormat="true" hidden="true" collapsed="true" outlineLevel="3">
      <c r="A4011" s="6" t="s">
        <v>4401</v>
      </c>
      <c r="B4011" s="6" t="e"/>
      <c r="C4011" s="6" t="s">
        <v>1186</v>
      </c>
      <c r="D4011" s="6" t="s">
        <v>11</v>
      </c>
      <c r="E4011" s="6" t="e"/>
    </row>
    <row r="4012" ht="11" customHeight="true" s="1" customFormat="true" hidden="true" collapsed="true" outlineLevel="2">
      <c r="A4012" s="5" t="s">
        <v>4402</v>
      </c>
      <c r="B4012" s="5" t="e"/>
      <c r="C4012" s="5" t="e"/>
      <c r="D4012" s="5" t="e"/>
      <c r="E4012" s="5" t="e"/>
    </row>
    <row r="4013" ht="22" customHeight="true" s="1" customFormat="true" hidden="true" outlineLevel="3">
      <c r="A4013" s="6" t="s">
        <v>4403</v>
      </c>
      <c r="B4013" s="6" t="e"/>
      <c r="C4013" s="6" t="s">
        <v>371</v>
      </c>
      <c r="D4013" s="6" t="s">
        <v>11</v>
      </c>
      <c r="E4013" s="6" t="e"/>
    </row>
    <row r="4014" ht="33" customHeight="true" s="1" customFormat="true" hidden="true" outlineLevel="3">
      <c r="A4014" s="6" t="s">
        <v>4404</v>
      </c>
      <c r="B4014" s="6" t="e"/>
      <c r="C4014" s="6" t="s">
        <v>126</v>
      </c>
      <c r="D4014" s="6" t="s">
        <v>11</v>
      </c>
      <c r="E4014" s="6" t="e"/>
    </row>
    <row r="4015" ht="33" customHeight="true" s="1" customFormat="true" hidden="true" outlineLevel="3">
      <c r="A4015" s="6" t="s">
        <v>4405</v>
      </c>
      <c r="B4015" s="6" t="e"/>
      <c r="C4015" s="6" t="s">
        <v>103</v>
      </c>
      <c r="D4015" s="6" t="s">
        <v>11</v>
      </c>
      <c r="E4015" s="6" t="e"/>
    </row>
    <row r="4016" ht="33" customHeight="true" s="1" customFormat="true" hidden="true" collapsed="true" outlineLevel="3">
      <c r="A4016" s="6" t="s">
        <v>4406</v>
      </c>
      <c r="B4016" s="6" t="e"/>
      <c r="C4016" s="6" t="s">
        <v>55</v>
      </c>
      <c r="D4016" s="6" t="s">
        <v>11</v>
      </c>
      <c r="E4016" s="6" t="e"/>
    </row>
    <row r="4017" ht="11" customHeight="true" s="1" customFormat="true" hidden="true" collapsed="true" outlineLevel="2">
      <c r="A4017" s="5" t="s">
        <v>4407</v>
      </c>
      <c r="B4017" s="5" t="e"/>
      <c r="C4017" s="5" t="e"/>
      <c r="D4017" s="5" t="e"/>
      <c r="E4017" s="5" t="e"/>
    </row>
    <row r="4018" ht="22" customHeight="true" s="1" customFormat="true" hidden="true" outlineLevel="3">
      <c r="A4018" s="6" t="s">
        <v>4408</v>
      </c>
      <c r="B4018" s="6" t="e"/>
      <c r="C4018" s="6" t="s">
        <v>219</v>
      </c>
      <c r="D4018" s="6" t="s">
        <v>26</v>
      </c>
      <c r="E4018" s="6" t="e"/>
    </row>
    <row r="4019" ht="22" customHeight="true" s="1" customFormat="true" hidden="true" outlineLevel="3">
      <c r="A4019" s="6" t="s">
        <v>4409</v>
      </c>
      <c r="B4019" s="6" t="e"/>
      <c r="C4019" s="6" t="s">
        <v>55</v>
      </c>
      <c r="D4019" s="6" t="s">
        <v>11</v>
      </c>
      <c r="E4019" s="6" t="e"/>
    </row>
    <row r="4020" ht="22" customHeight="true" s="1" customFormat="true" hidden="true" outlineLevel="3">
      <c r="A4020" s="6" t="s">
        <v>4410</v>
      </c>
      <c r="B4020" s="6" t="e"/>
      <c r="C4020" s="6" t="s">
        <v>127</v>
      </c>
      <c r="D4020" s="6" t="s">
        <v>11</v>
      </c>
      <c r="E4020" s="6" t="e"/>
    </row>
    <row r="4021" ht="33" customHeight="true" s="1" customFormat="true" hidden="true" outlineLevel="3">
      <c r="A4021" s="6" t="s">
        <v>4411</v>
      </c>
      <c r="B4021" s="6" t="e"/>
      <c r="C4021" s="6" t="s">
        <v>219</v>
      </c>
      <c r="D4021" s="6" t="s">
        <v>11</v>
      </c>
      <c r="E4021" s="6" t="e"/>
    </row>
    <row r="4022" ht="22" customHeight="true" s="1" customFormat="true" hidden="true" outlineLevel="3">
      <c r="A4022" s="6" t="s">
        <v>4412</v>
      </c>
      <c r="B4022" s="6" t="e"/>
      <c r="C4022" s="6" t="s">
        <v>219</v>
      </c>
      <c r="D4022" s="6" t="s">
        <v>11</v>
      </c>
      <c r="E4022" s="6" t="e"/>
    </row>
    <row r="4023" ht="22" customHeight="true" s="1" customFormat="true" hidden="true" outlineLevel="3">
      <c r="A4023" s="6" t="s">
        <v>4413</v>
      </c>
      <c r="B4023" s="6" t="e"/>
      <c r="C4023" s="6" t="s">
        <v>127</v>
      </c>
      <c r="D4023" s="6" t="s">
        <v>11</v>
      </c>
      <c r="E4023" s="6" t="e"/>
    </row>
    <row r="4024" ht="22" customHeight="true" s="1" customFormat="true" hidden="true" outlineLevel="3">
      <c r="A4024" s="6" t="s">
        <v>4414</v>
      </c>
      <c r="B4024" s="6" t="e"/>
      <c r="C4024" s="6" t="s">
        <v>219</v>
      </c>
      <c r="D4024" s="6" t="s">
        <v>11</v>
      </c>
      <c r="E4024" s="6" t="e"/>
    </row>
    <row r="4025" ht="22" customHeight="true" s="1" customFormat="true" hidden="true" outlineLevel="3">
      <c r="A4025" s="6" t="s">
        <v>4415</v>
      </c>
      <c r="B4025" s="6" t="e"/>
      <c r="C4025" s="6" t="s">
        <v>219</v>
      </c>
      <c r="D4025" s="6" t="s">
        <v>11</v>
      </c>
      <c r="E4025" s="6" t="e"/>
    </row>
    <row r="4026" ht="33" customHeight="true" s="1" customFormat="true" hidden="true" outlineLevel="3">
      <c r="A4026" s="6" t="s">
        <v>4416</v>
      </c>
      <c r="B4026" s="6" t="e"/>
      <c r="C4026" s="6" t="s">
        <v>292</v>
      </c>
      <c r="D4026" s="6" t="s">
        <v>11</v>
      </c>
      <c r="E4026" s="6" t="e"/>
    </row>
    <row r="4027" ht="22" customHeight="true" s="1" customFormat="true" hidden="true" outlineLevel="3">
      <c r="A4027" s="6" t="s">
        <v>4417</v>
      </c>
      <c r="B4027" s="6" t="e"/>
      <c r="C4027" s="6" t="s">
        <v>73</v>
      </c>
      <c r="D4027" s="6" t="s">
        <v>11</v>
      </c>
      <c r="E4027" s="6" t="e"/>
    </row>
    <row r="4028" ht="33" customHeight="true" s="1" customFormat="true" hidden="true" outlineLevel="3">
      <c r="A4028" s="6" t="s">
        <v>4418</v>
      </c>
      <c r="B4028" s="6" t="e"/>
      <c r="C4028" s="6" t="s">
        <v>127</v>
      </c>
      <c r="D4028" s="6" t="s">
        <v>11</v>
      </c>
      <c r="E4028" s="6" t="e"/>
    </row>
    <row r="4029" ht="33" customHeight="true" s="1" customFormat="true" hidden="true" outlineLevel="3">
      <c r="A4029" s="6" t="s">
        <v>4419</v>
      </c>
      <c r="B4029" s="6" t="e"/>
      <c r="C4029" s="6" t="s">
        <v>235</v>
      </c>
      <c r="D4029" s="6" t="s">
        <v>11</v>
      </c>
      <c r="E4029" s="6" t="e"/>
    </row>
    <row r="4030" ht="22" customHeight="true" s="1" customFormat="true" hidden="true" outlineLevel="3">
      <c r="A4030" s="6" t="s">
        <v>4420</v>
      </c>
      <c r="B4030" s="6" t="e"/>
      <c r="C4030" s="6" t="s">
        <v>55</v>
      </c>
      <c r="D4030" s="6" t="s">
        <v>11</v>
      </c>
      <c r="E4030" s="6" t="e"/>
    </row>
    <row r="4031" ht="22" customHeight="true" s="1" customFormat="true" hidden="true" outlineLevel="3">
      <c r="A4031" s="6" t="s">
        <v>4421</v>
      </c>
      <c r="B4031" s="6" t="e"/>
      <c r="C4031" s="6" t="s">
        <v>72</v>
      </c>
      <c r="D4031" s="6" t="s">
        <v>11</v>
      </c>
      <c r="E4031" s="6" t="e"/>
    </row>
    <row r="4032" ht="22" customHeight="true" s="1" customFormat="true" hidden="true" outlineLevel="3">
      <c r="A4032" s="6" t="s">
        <v>4422</v>
      </c>
      <c r="B4032" s="6" t="e"/>
      <c r="C4032" s="6" t="s">
        <v>112</v>
      </c>
      <c r="D4032" s="6" t="s">
        <v>11</v>
      </c>
      <c r="E4032" s="6" t="e"/>
    </row>
    <row r="4033" ht="22" customHeight="true" s="1" customFormat="true" hidden="true" outlineLevel="3">
      <c r="A4033" s="6" t="s">
        <v>4423</v>
      </c>
      <c r="B4033" s="6" t="e"/>
      <c r="C4033" s="6" t="s">
        <v>62</v>
      </c>
      <c r="D4033" s="6" t="s">
        <v>11</v>
      </c>
      <c r="E4033" s="6" t="e"/>
    </row>
    <row r="4034" ht="33" customHeight="true" s="1" customFormat="true" hidden="true" outlineLevel="3">
      <c r="A4034" s="6" t="s">
        <v>4424</v>
      </c>
      <c r="B4034" s="6" t="e"/>
      <c r="C4034" s="6" t="s">
        <v>78</v>
      </c>
      <c r="D4034" s="6" t="s">
        <v>11</v>
      </c>
      <c r="E4034" s="6" t="e"/>
    </row>
    <row r="4035" ht="33" customHeight="true" s="1" customFormat="true" hidden="true" outlineLevel="3">
      <c r="A4035" s="6" t="s">
        <v>4425</v>
      </c>
      <c r="B4035" s="6" t="e"/>
      <c r="C4035" s="6" t="s">
        <v>73</v>
      </c>
      <c r="D4035" s="6" t="s">
        <v>11</v>
      </c>
      <c r="E4035" s="6" t="e"/>
    </row>
    <row r="4036" ht="44" customHeight="true" s="1" customFormat="true" hidden="true" collapsed="true" outlineLevel="3">
      <c r="A4036" s="6" t="s">
        <v>4426</v>
      </c>
      <c r="B4036" s="6" t="e"/>
      <c r="C4036" s="6" t="s">
        <v>77</v>
      </c>
      <c r="D4036" s="6" t="s">
        <v>11</v>
      </c>
      <c r="E4036" s="6" t="e"/>
    </row>
    <row r="4037" ht="11" customHeight="true" s="1" customFormat="true" hidden="true" collapsed="true" outlineLevel="2">
      <c r="A4037" s="5" t="s">
        <v>4427</v>
      </c>
      <c r="B4037" s="5" t="e"/>
      <c r="C4037" s="5" t="e"/>
      <c r="D4037" s="5" t="e"/>
      <c r="E4037" s="5" t="e"/>
    </row>
    <row r="4038" ht="33" customHeight="true" s="1" customFormat="true" hidden="true" collapsed="true" outlineLevel="3">
      <c r="A4038" s="6" t="s">
        <v>4428</v>
      </c>
      <c r="B4038" s="6" t="e"/>
      <c r="C4038" s="6" t="s">
        <v>55</v>
      </c>
      <c r="D4038" s="6" t="s">
        <v>11</v>
      </c>
      <c r="E4038" s="6" t="e"/>
    </row>
    <row r="4039" ht="11" customHeight="true" s="1" customFormat="true" hidden="true" collapsed="true" outlineLevel="2">
      <c r="A4039" s="5" t="s">
        <v>4429</v>
      </c>
      <c r="B4039" s="5" t="e"/>
      <c r="C4039" s="5" t="e"/>
      <c r="D4039" s="5" t="e"/>
      <c r="E4039" s="5" t="e"/>
    </row>
    <row r="4040" ht="22" customHeight="true" s="1" customFormat="true" hidden="true" outlineLevel="3">
      <c r="A4040" s="6" t="s">
        <v>4430</v>
      </c>
      <c r="B4040" s="6" t="e"/>
      <c r="C4040" s="6" t="s">
        <v>82</v>
      </c>
      <c r="D4040" s="6" t="s">
        <v>11</v>
      </c>
      <c r="E4040" s="6" t="e"/>
    </row>
    <row r="4041" ht="22" customHeight="true" s="1" customFormat="true" hidden="true" outlineLevel="3">
      <c r="A4041" s="6" t="s">
        <v>4431</v>
      </c>
      <c r="B4041" s="6" t="e"/>
      <c r="C4041" s="6" t="s">
        <v>82</v>
      </c>
      <c r="D4041" s="6" t="s">
        <v>11</v>
      </c>
      <c r="E4041" s="6" t="e"/>
    </row>
    <row r="4042" ht="22" customHeight="true" s="1" customFormat="true" hidden="true" outlineLevel="3">
      <c r="A4042" s="6" t="s">
        <v>4432</v>
      </c>
      <c r="B4042" s="6" t="e"/>
      <c r="C4042" s="6" t="s">
        <v>61</v>
      </c>
      <c r="D4042" s="6" t="s">
        <v>11</v>
      </c>
      <c r="E4042" s="6" t="e"/>
    </row>
    <row r="4043" ht="22" customHeight="true" s="1" customFormat="true" hidden="true" collapsed="true" outlineLevel="3">
      <c r="A4043" s="6" t="s">
        <v>4433</v>
      </c>
      <c r="B4043" s="6" t="e"/>
      <c r="C4043" s="6" t="s">
        <v>55</v>
      </c>
      <c r="D4043" s="6" t="s">
        <v>11</v>
      </c>
      <c r="E4043" s="6" t="e"/>
    </row>
    <row r="4044" ht="11" customHeight="true" s="1" customFormat="true" hidden="true" collapsed="true" outlineLevel="2">
      <c r="A4044" s="5" t="s">
        <v>4434</v>
      </c>
      <c r="B4044" s="5" t="e"/>
      <c r="C4044" s="5" t="e"/>
      <c r="D4044" s="5" t="e"/>
      <c r="E4044" s="5" t="e"/>
    </row>
    <row r="4045" ht="22" customHeight="true" s="1" customFormat="true" hidden="true" outlineLevel="3">
      <c r="A4045" s="6" t="s">
        <v>4435</v>
      </c>
      <c r="B4045" s="6" t="e"/>
      <c r="C4045" s="6" t="s">
        <v>225</v>
      </c>
      <c r="D4045" s="6" t="s">
        <v>11</v>
      </c>
      <c r="E4045" s="6" t="e"/>
    </row>
    <row r="4046" ht="22" customHeight="true" s="1" customFormat="true" hidden="true" collapsed="true" outlineLevel="3">
      <c r="A4046" s="6" t="s">
        <v>4436</v>
      </c>
      <c r="B4046" s="6" t="e"/>
      <c r="C4046" s="6" t="s">
        <v>225</v>
      </c>
      <c r="D4046" s="6" t="s">
        <v>11</v>
      </c>
      <c r="E4046" s="6" t="e"/>
    </row>
    <row r="4047" ht="11" customHeight="true" s="1" customFormat="true" hidden="true" collapsed="true" outlineLevel="2">
      <c r="A4047" s="5" t="s">
        <v>4437</v>
      </c>
      <c r="B4047" s="5" t="e"/>
      <c r="C4047" s="5" t="e"/>
      <c r="D4047" s="5" t="e"/>
      <c r="E4047" s="5" t="e"/>
    </row>
    <row r="4048" ht="33" customHeight="true" s="1" customFormat="true" hidden="true" outlineLevel="3">
      <c r="A4048" s="6" t="s">
        <v>4438</v>
      </c>
      <c r="B4048" s="6" t="e"/>
      <c r="C4048" s="6" t="s">
        <v>219</v>
      </c>
      <c r="D4048" s="6" t="s">
        <v>26</v>
      </c>
      <c r="E4048" s="6" t="e"/>
    </row>
    <row r="4049" ht="33" customHeight="true" s="1" customFormat="true" hidden="true" outlineLevel="3">
      <c r="A4049" s="6" t="s">
        <v>4439</v>
      </c>
      <c r="B4049" s="6" t="e"/>
      <c r="C4049" s="6" t="s">
        <v>219</v>
      </c>
      <c r="D4049" s="6" t="s">
        <v>11</v>
      </c>
      <c r="E4049" s="6" t="e"/>
    </row>
    <row r="4050" ht="33" customHeight="true" s="1" customFormat="true" hidden="true" outlineLevel="3">
      <c r="A4050" s="6" t="s">
        <v>4440</v>
      </c>
      <c r="B4050" s="6" t="e"/>
      <c r="C4050" s="6" t="s">
        <v>155</v>
      </c>
      <c r="D4050" s="6" t="s">
        <v>40</v>
      </c>
      <c r="E4050" s="6" t="e"/>
    </row>
    <row r="4051" ht="33" customHeight="true" s="1" customFormat="true" hidden="true" outlineLevel="3">
      <c r="A4051" s="6" t="s">
        <v>4441</v>
      </c>
      <c r="B4051" s="6" t="e"/>
      <c r="C4051" s="6" t="s">
        <v>253</v>
      </c>
      <c r="D4051" s="6" t="s">
        <v>11</v>
      </c>
      <c r="E4051" s="6" t="e"/>
    </row>
    <row r="4052" ht="22" customHeight="true" s="1" customFormat="true" hidden="true" outlineLevel="3">
      <c r="A4052" s="6" t="s">
        <v>4442</v>
      </c>
      <c r="B4052" s="6" t="e"/>
      <c r="C4052" s="6" t="s">
        <v>219</v>
      </c>
      <c r="D4052" s="6" t="s">
        <v>11</v>
      </c>
      <c r="E4052" s="6" t="e"/>
    </row>
    <row r="4053" ht="22" customHeight="true" s="1" customFormat="true" hidden="true" outlineLevel="3">
      <c r="A4053" s="6" t="s">
        <v>4443</v>
      </c>
      <c r="B4053" s="6" t="e"/>
      <c r="C4053" s="6" t="s">
        <v>369</v>
      </c>
      <c r="D4053" s="6" t="s">
        <v>11</v>
      </c>
      <c r="E4053" s="6" t="e"/>
    </row>
    <row r="4054" ht="22" customHeight="true" s="1" customFormat="true" hidden="true" outlineLevel="3">
      <c r="A4054" s="6" t="s">
        <v>4444</v>
      </c>
      <c r="B4054" s="6" t="e"/>
      <c r="C4054" s="6" t="s">
        <v>219</v>
      </c>
      <c r="D4054" s="6" t="s">
        <v>26</v>
      </c>
      <c r="E4054" s="6" t="e"/>
    </row>
    <row r="4055" ht="22" customHeight="true" s="1" customFormat="true" hidden="true" outlineLevel="3">
      <c r="A4055" s="6" t="s">
        <v>4445</v>
      </c>
      <c r="B4055" s="6" t="e"/>
      <c r="C4055" s="6" t="s">
        <v>219</v>
      </c>
      <c r="D4055" s="6" t="s">
        <v>11</v>
      </c>
      <c r="E4055" s="6" t="e"/>
    </row>
    <row r="4056" ht="33" customHeight="true" s="1" customFormat="true" hidden="true" outlineLevel="3">
      <c r="A4056" s="6" t="s">
        <v>4446</v>
      </c>
      <c r="B4056" s="6" t="e"/>
      <c r="C4056" s="6" t="s">
        <v>87</v>
      </c>
      <c r="D4056" s="6" t="s">
        <v>11</v>
      </c>
      <c r="E4056" s="6" t="e"/>
    </row>
    <row r="4057" ht="33" customHeight="true" s="1" customFormat="true" hidden="true" outlineLevel="3">
      <c r="A4057" s="6" t="s">
        <v>4447</v>
      </c>
      <c r="B4057" s="6" t="e"/>
      <c r="C4057" s="6" t="s">
        <v>253</v>
      </c>
      <c r="D4057" s="6" t="s">
        <v>11</v>
      </c>
      <c r="E4057" s="6" t="e"/>
    </row>
    <row r="4058" ht="33" customHeight="true" s="1" customFormat="true" hidden="true" outlineLevel="3">
      <c r="A4058" s="6" t="s">
        <v>4448</v>
      </c>
      <c r="B4058" s="6" t="e"/>
      <c r="C4058" s="6" t="s">
        <v>253</v>
      </c>
      <c r="D4058" s="6" t="s">
        <v>11</v>
      </c>
      <c r="E4058" s="6" t="e"/>
    </row>
    <row r="4059" ht="22" customHeight="true" s="1" customFormat="true" hidden="true" outlineLevel="3">
      <c r="A4059" s="6" t="s">
        <v>4449</v>
      </c>
      <c r="B4059" s="6" t="e"/>
      <c r="C4059" s="6" t="s">
        <v>155</v>
      </c>
      <c r="D4059" s="6" t="s">
        <v>11</v>
      </c>
      <c r="E4059" s="6" t="e"/>
    </row>
    <row r="4060" ht="22" customHeight="true" s="1" customFormat="true" hidden="true" outlineLevel="3">
      <c r="A4060" s="6" t="s">
        <v>4450</v>
      </c>
      <c r="B4060" s="6" t="e"/>
      <c r="C4060" s="6" t="s">
        <v>126</v>
      </c>
      <c r="D4060" s="6" t="s">
        <v>26</v>
      </c>
      <c r="E4060" s="6" t="e"/>
    </row>
    <row r="4061" ht="22" customHeight="true" s="1" customFormat="true" hidden="true" outlineLevel="3">
      <c r="A4061" s="6" t="s">
        <v>4451</v>
      </c>
      <c r="B4061" s="6" t="e"/>
      <c r="C4061" s="6" t="s">
        <v>149</v>
      </c>
      <c r="D4061" s="6" t="s">
        <v>15</v>
      </c>
      <c r="E4061" s="6" t="e"/>
    </row>
    <row r="4062" ht="22" customHeight="true" s="1" customFormat="true" hidden="true" outlineLevel="3">
      <c r="A4062" s="6" t="s">
        <v>4452</v>
      </c>
      <c r="B4062" s="6" t="e"/>
      <c r="C4062" s="6" t="s">
        <v>55</v>
      </c>
      <c r="D4062" s="6" t="s">
        <v>26</v>
      </c>
      <c r="E4062" s="6" t="e"/>
    </row>
    <row r="4063" ht="22" customHeight="true" s="1" customFormat="true" hidden="true" outlineLevel="3">
      <c r="A4063" s="6" t="s">
        <v>4453</v>
      </c>
      <c r="B4063" s="6" t="e"/>
      <c r="C4063" s="6" t="s">
        <v>136</v>
      </c>
      <c r="D4063" s="6" t="s">
        <v>26</v>
      </c>
      <c r="E4063" s="6" t="e"/>
    </row>
    <row r="4064" ht="22" customHeight="true" s="1" customFormat="true" hidden="true" outlineLevel="3">
      <c r="A4064" s="6" t="s">
        <v>4454</v>
      </c>
      <c r="B4064" s="6" t="e"/>
      <c r="C4064" s="6" t="s">
        <v>155</v>
      </c>
      <c r="D4064" s="6" t="s">
        <v>26</v>
      </c>
      <c r="E4064" s="6" t="e"/>
    </row>
    <row r="4065" ht="22" customHeight="true" s="1" customFormat="true" hidden="true" outlineLevel="3">
      <c r="A4065" s="6" t="s">
        <v>4455</v>
      </c>
      <c r="B4065" s="6" t="e"/>
      <c r="C4065" s="6" t="s">
        <v>219</v>
      </c>
      <c r="D4065" s="6" t="s">
        <v>11</v>
      </c>
      <c r="E4065" s="6" t="e"/>
    </row>
    <row r="4066" ht="22" customHeight="true" s="1" customFormat="true" hidden="true" outlineLevel="3">
      <c r="A4066" s="6" t="s">
        <v>4456</v>
      </c>
      <c r="B4066" s="6" t="e"/>
      <c r="C4066" s="6" t="s">
        <v>188</v>
      </c>
      <c r="D4066" s="6" t="s">
        <v>40</v>
      </c>
      <c r="E4066" s="6" t="e"/>
    </row>
    <row r="4067" ht="33" customHeight="true" s="1" customFormat="true" hidden="true" outlineLevel="3">
      <c r="A4067" s="6" t="s">
        <v>4457</v>
      </c>
      <c r="B4067" s="6" t="e"/>
      <c r="C4067" s="6" t="s">
        <v>136</v>
      </c>
      <c r="D4067" s="6" t="s">
        <v>26</v>
      </c>
      <c r="E4067" s="6" t="e"/>
    </row>
    <row r="4068" ht="22" customHeight="true" s="1" customFormat="true" hidden="true" outlineLevel="3">
      <c r="A4068" s="6" t="s">
        <v>4458</v>
      </c>
      <c r="B4068" s="6" t="e"/>
      <c r="C4068" s="6" t="s">
        <v>149</v>
      </c>
      <c r="D4068" s="6" t="s">
        <v>26</v>
      </c>
      <c r="E4068" s="6" t="e"/>
    </row>
    <row r="4069" ht="22" customHeight="true" s="1" customFormat="true" hidden="true" outlineLevel="3">
      <c r="A4069" s="6" t="s">
        <v>4459</v>
      </c>
      <c r="B4069" s="6" t="e"/>
      <c r="C4069" s="6" t="s">
        <v>225</v>
      </c>
      <c r="D4069" s="6" t="s">
        <v>26</v>
      </c>
      <c r="E4069" s="6" t="e"/>
    </row>
    <row r="4070" ht="22" customHeight="true" s="1" customFormat="true" hidden="true" outlineLevel="3">
      <c r="A4070" s="6" t="s">
        <v>4460</v>
      </c>
      <c r="B4070" s="6" t="e"/>
      <c r="C4070" s="6" t="s">
        <v>155</v>
      </c>
      <c r="D4070" s="6" t="s">
        <v>57</v>
      </c>
      <c r="E4070" s="6" t="e"/>
    </row>
    <row r="4071" ht="33" customHeight="true" s="1" customFormat="true" hidden="true" outlineLevel="3">
      <c r="A4071" s="6" t="s">
        <v>4461</v>
      </c>
      <c r="B4071" s="6" t="e"/>
      <c r="C4071" s="6" t="s">
        <v>136</v>
      </c>
      <c r="D4071" s="6" t="s">
        <v>11</v>
      </c>
      <c r="E4071" s="6" t="e"/>
    </row>
    <row r="4072" ht="22" customHeight="true" s="1" customFormat="true" hidden="true" outlineLevel="3">
      <c r="A4072" s="6" t="s">
        <v>4462</v>
      </c>
      <c r="B4072" s="6" t="e"/>
      <c r="C4072" s="6" t="s">
        <v>136</v>
      </c>
      <c r="D4072" s="6" t="s">
        <v>11</v>
      </c>
      <c r="E4072" s="6" t="e"/>
    </row>
    <row r="4073" ht="22" customHeight="true" s="1" customFormat="true" hidden="true" outlineLevel="3">
      <c r="A4073" s="6" t="s">
        <v>4463</v>
      </c>
      <c r="B4073" s="6" t="e"/>
      <c r="C4073" s="6" t="s">
        <v>149</v>
      </c>
      <c r="D4073" s="6" t="s">
        <v>40</v>
      </c>
      <c r="E4073" s="6" t="e"/>
    </row>
    <row r="4074" ht="11" customHeight="true" s="1" customFormat="true" hidden="true" outlineLevel="3">
      <c r="A4074" s="6" t="s">
        <v>4464</v>
      </c>
      <c r="B4074" s="6" t="e"/>
      <c r="C4074" s="6" t="s">
        <v>126</v>
      </c>
      <c r="D4074" s="6" t="s">
        <v>57</v>
      </c>
      <c r="E4074" s="6" t="e"/>
    </row>
    <row r="4075" ht="22" customHeight="true" s="1" customFormat="true" hidden="true" outlineLevel="3">
      <c r="A4075" s="6" t="s">
        <v>4465</v>
      </c>
      <c r="B4075" s="6" t="e"/>
      <c r="C4075" s="6" t="s">
        <v>155</v>
      </c>
      <c r="D4075" s="6" t="s">
        <v>26</v>
      </c>
      <c r="E4075" s="6" t="e"/>
    </row>
    <row r="4076" ht="22" customHeight="true" s="1" customFormat="true" hidden="true" outlineLevel="3">
      <c r="A4076" s="6" t="s">
        <v>4466</v>
      </c>
      <c r="B4076" s="6" t="e"/>
      <c r="C4076" s="6" t="s">
        <v>142</v>
      </c>
      <c r="D4076" s="6" t="s">
        <v>11</v>
      </c>
      <c r="E4076" s="6" t="e"/>
    </row>
    <row r="4077" ht="22" customHeight="true" s="1" customFormat="true" hidden="true" outlineLevel="3">
      <c r="A4077" s="6" t="s">
        <v>4467</v>
      </c>
      <c r="B4077" s="6" t="e"/>
      <c r="C4077" s="6" t="s">
        <v>350</v>
      </c>
      <c r="D4077" s="6" t="s">
        <v>11</v>
      </c>
      <c r="E4077" s="6" t="e"/>
    </row>
    <row r="4078" ht="22" customHeight="true" s="1" customFormat="true" hidden="true" outlineLevel="3">
      <c r="A4078" s="6" t="s">
        <v>4468</v>
      </c>
      <c r="B4078" s="6" t="e"/>
      <c r="C4078" s="6" t="s">
        <v>50</v>
      </c>
      <c r="D4078" s="6" t="s">
        <v>11</v>
      </c>
      <c r="E4078" s="6" t="e"/>
    </row>
    <row r="4079" ht="22" customHeight="true" s="1" customFormat="true" hidden="true" outlineLevel="3">
      <c r="A4079" s="6" t="s">
        <v>4469</v>
      </c>
      <c r="B4079" s="6" t="e"/>
      <c r="C4079" s="6" t="s">
        <v>225</v>
      </c>
      <c r="D4079" s="6" t="s">
        <v>11</v>
      </c>
      <c r="E4079" s="6" t="e"/>
    </row>
    <row r="4080" ht="22" customHeight="true" s="1" customFormat="true" hidden="true" outlineLevel="3">
      <c r="A4080" s="6" t="s">
        <v>4470</v>
      </c>
      <c r="B4080" s="6" t="e"/>
      <c r="C4080" s="6" t="s">
        <v>149</v>
      </c>
      <c r="D4080" s="6" t="s">
        <v>11</v>
      </c>
      <c r="E4080" s="6" t="e"/>
    </row>
    <row r="4081" ht="22" customHeight="true" s="1" customFormat="true" hidden="true" outlineLevel="3">
      <c r="A4081" s="6" t="s">
        <v>4471</v>
      </c>
      <c r="B4081" s="6" t="e"/>
      <c r="C4081" s="6" t="s">
        <v>126</v>
      </c>
      <c r="D4081" s="6" t="s">
        <v>11</v>
      </c>
      <c r="E4081" s="6" t="e"/>
    </row>
    <row r="4082" ht="33" customHeight="true" s="1" customFormat="true" hidden="true" outlineLevel="3">
      <c r="A4082" s="6" t="s">
        <v>4472</v>
      </c>
      <c r="B4082" s="6" t="e"/>
      <c r="C4082" s="6" t="s">
        <v>126</v>
      </c>
      <c r="D4082" s="6" t="s">
        <v>11</v>
      </c>
      <c r="E4082" s="6" t="e"/>
    </row>
    <row r="4083" ht="22" customHeight="true" s="1" customFormat="true" hidden="true" outlineLevel="3">
      <c r="A4083" s="6" t="s">
        <v>4473</v>
      </c>
      <c r="B4083" s="6" t="e"/>
      <c r="C4083" s="6" t="s">
        <v>149</v>
      </c>
      <c r="D4083" s="6" t="s">
        <v>26</v>
      </c>
      <c r="E4083" s="6" t="e"/>
    </row>
    <row r="4084" ht="22" customHeight="true" s="1" customFormat="true" hidden="true" outlineLevel="3">
      <c r="A4084" s="6" t="s">
        <v>4474</v>
      </c>
      <c r="B4084" s="6" t="e"/>
      <c r="C4084" s="6" t="s">
        <v>149</v>
      </c>
      <c r="D4084" s="6" t="s">
        <v>11</v>
      </c>
      <c r="E4084" s="6" t="e"/>
    </row>
    <row r="4085" ht="11" customHeight="true" s="1" customFormat="true" hidden="true" outlineLevel="3">
      <c r="A4085" s="6" t="s">
        <v>4475</v>
      </c>
      <c r="B4085" s="6" t="e"/>
      <c r="C4085" s="6" t="s">
        <v>50</v>
      </c>
      <c r="D4085" s="6" t="s">
        <v>11</v>
      </c>
      <c r="E4085" s="6" t="e"/>
    </row>
    <row r="4086" ht="22" customHeight="true" s="1" customFormat="true" hidden="true" outlineLevel="3">
      <c r="A4086" s="6" t="s">
        <v>4476</v>
      </c>
      <c r="B4086" s="6" t="e"/>
      <c r="C4086" s="6" t="s">
        <v>149</v>
      </c>
      <c r="D4086" s="6" t="s">
        <v>26</v>
      </c>
      <c r="E4086" s="6" t="e"/>
    </row>
    <row r="4087" ht="11" customHeight="true" s="1" customFormat="true" hidden="true" outlineLevel="3">
      <c r="A4087" s="6" t="s">
        <v>4477</v>
      </c>
      <c r="B4087" s="6" t="e"/>
      <c r="C4087" s="6" t="s">
        <v>149</v>
      </c>
      <c r="D4087" s="6" t="s">
        <v>26</v>
      </c>
      <c r="E4087" s="6" t="e"/>
    </row>
    <row r="4088" ht="22" customHeight="true" s="1" customFormat="true" hidden="true" outlineLevel="3">
      <c r="A4088" s="6" t="s">
        <v>4478</v>
      </c>
      <c r="B4088" s="6" t="e"/>
      <c r="C4088" s="6" t="s">
        <v>142</v>
      </c>
      <c r="D4088" s="6" t="s">
        <v>26</v>
      </c>
      <c r="E4088" s="6" t="e"/>
    </row>
    <row r="4089" ht="22" customHeight="true" s="1" customFormat="true" hidden="true" outlineLevel="3">
      <c r="A4089" s="6" t="s">
        <v>4479</v>
      </c>
      <c r="B4089" s="6" t="e"/>
      <c r="C4089" s="6" t="s">
        <v>155</v>
      </c>
      <c r="D4089" s="6" t="s">
        <v>40</v>
      </c>
      <c r="E4089" s="6" t="e"/>
    </row>
    <row r="4090" ht="22" customHeight="true" s="1" customFormat="true" hidden="true" outlineLevel="3">
      <c r="A4090" s="6" t="s">
        <v>4480</v>
      </c>
      <c r="B4090" s="6" t="e"/>
      <c r="C4090" s="6" t="s">
        <v>142</v>
      </c>
      <c r="D4090" s="6" t="s">
        <v>11</v>
      </c>
      <c r="E4090" s="6" t="e"/>
    </row>
    <row r="4091" ht="11" customHeight="true" s="1" customFormat="true" hidden="true" outlineLevel="3">
      <c r="A4091" s="6" t="s">
        <v>4481</v>
      </c>
      <c r="B4091" s="6" t="e"/>
      <c r="C4091" s="6" t="s">
        <v>55</v>
      </c>
      <c r="D4091" s="6" t="s">
        <v>11</v>
      </c>
      <c r="E4091" s="6" t="e"/>
    </row>
    <row r="4092" ht="33" customHeight="true" s="1" customFormat="true" hidden="true" outlineLevel="3">
      <c r="A4092" s="6" t="s">
        <v>4482</v>
      </c>
      <c r="B4092" s="6" t="e"/>
      <c r="C4092" s="6" t="s">
        <v>55</v>
      </c>
      <c r="D4092" s="6" t="s">
        <v>26</v>
      </c>
      <c r="E4092" s="6" t="e"/>
    </row>
    <row r="4093" ht="22" customHeight="true" s="1" customFormat="true" hidden="true" outlineLevel="3">
      <c r="A4093" s="6" t="s">
        <v>4483</v>
      </c>
      <c r="B4093" s="6" t="e"/>
      <c r="C4093" s="6" t="s">
        <v>253</v>
      </c>
      <c r="D4093" s="6" t="s">
        <v>11</v>
      </c>
      <c r="E4093" s="6" t="e"/>
    </row>
    <row r="4094" ht="22" customHeight="true" s="1" customFormat="true" hidden="true" outlineLevel="3">
      <c r="A4094" s="6" t="s">
        <v>4484</v>
      </c>
      <c r="B4094" s="6" t="e"/>
      <c r="C4094" s="6" t="s">
        <v>253</v>
      </c>
      <c r="D4094" s="6" t="s">
        <v>11</v>
      </c>
      <c r="E4094" s="6" t="e"/>
    </row>
    <row r="4095" ht="11" customHeight="true" s="1" customFormat="true" hidden="true" outlineLevel="3">
      <c r="A4095" s="6" t="s">
        <v>4485</v>
      </c>
      <c r="B4095" s="6" t="e"/>
      <c r="C4095" s="6" t="s">
        <v>302</v>
      </c>
      <c r="D4095" s="6" t="s">
        <v>11</v>
      </c>
      <c r="E4095" s="6" t="e"/>
    </row>
    <row r="4096" ht="22" customHeight="true" s="1" customFormat="true" hidden="true" outlineLevel="3">
      <c r="A4096" s="6" t="s">
        <v>4486</v>
      </c>
      <c r="B4096" s="6" t="e"/>
      <c r="C4096" s="6" t="s">
        <v>126</v>
      </c>
      <c r="D4096" s="6" t="s">
        <v>11</v>
      </c>
      <c r="E4096" s="6" t="e"/>
    </row>
    <row r="4097" ht="22" customHeight="true" s="1" customFormat="true" hidden="true" outlineLevel="3">
      <c r="A4097" s="6" t="s">
        <v>4487</v>
      </c>
      <c r="B4097" s="6" t="e"/>
      <c r="C4097" s="6" t="s">
        <v>136</v>
      </c>
      <c r="D4097" s="6" t="s">
        <v>11</v>
      </c>
      <c r="E4097" s="6" t="e"/>
    </row>
    <row r="4098" ht="22" customHeight="true" s="1" customFormat="true" hidden="true" outlineLevel="3">
      <c r="A4098" s="6" t="s">
        <v>4488</v>
      </c>
      <c r="B4098" s="6" t="e"/>
      <c r="C4098" s="6" t="s">
        <v>149</v>
      </c>
      <c r="D4098" s="6" t="s">
        <v>11</v>
      </c>
      <c r="E4098" s="6" t="e"/>
    </row>
    <row r="4099" ht="22" customHeight="true" s="1" customFormat="true" hidden="true" outlineLevel="3">
      <c r="A4099" s="6" t="s">
        <v>4489</v>
      </c>
      <c r="B4099" s="6" t="e"/>
      <c r="C4099" s="6" t="s">
        <v>103</v>
      </c>
      <c r="D4099" s="6" t="s">
        <v>11</v>
      </c>
      <c r="E4099" s="6" t="e"/>
    </row>
    <row r="4100" ht="22" customHeight="true" s="1" customFormat="true" hidden="true" outlineLevel="3">
      <c r="A4100" s="6" t="s">
        <v>4490</v>
      </c>
      <c r="B4100" s="6" t="e"/>
      <c r="C4100" s="6" t="s">
        <v>126</v>
      </c>
      <c r="D4100" s="6" t="s">
        <v>26</v>
      </c>
      <c r="E4100" s="6" t="e"/>
    </row>
    <row r="4101" ht="22" customHeight="true" s="1" customFormat="true" hidden="true" outlineLevel="3">
      <c r="A4101" s="6" t="s">
        <v>4491</v>
      </c>
      <c r="B4101" s="6" t="e"/>
      <c r="C4101" s="6" t="s">
        <v>219</v>
      </c>
      <c r="D4101" s="6" t="s">
        <v>26</v>
      </c>
      <c r="E4101" s="6" t="e"/>
    </row>
    <row r="4102" ht="22" customHeight="true" s="1" customFormat="true" hidden="true" outlineLevel="3">
      <c r="A4102" s="6" t="s">
        <v>4492</v>
      </c>
      <c r="B4102" s="6" t="e"/>
      <c r="C4102" s="6" t="s">
        <v>219</v>
      </c>
      <c r="D4102" s="6" t="s">
        <v>11</v>
      </c>
      <c r="E4102" s="6" t="e"/>
    </row>
    <row r="4103" ht="22" customHeight="true" s="1" customFormat="true" hidden="true" outlineLevel="3">
      <c r="A4103" s="6" t="s">
        <v>4493</v>
      </c>
      <c r="B4103" s="6" t="e"/>
      <c r="C4103" s="6" t="s">
        <v>219</v>
      </c>
      <c r="D4103" s="6" t="s">
        <v>11</v>
      </c>
      <c r="E4103" s="6" t="e"/>
    </row>
    <row r="4104" ht="11" customHeight="true" s="1" customFormat="true" hidden="true" outlineLevel="3">
      <c r="A4104" s="6" t="s">
        <v>4494</v>
      </c>
      <c r="B4104" s="6" t="e"/>
      <c r="C4104" s="6" t="s">
        <v>55</v>
      </c>
      <c r="D4104" s="6" t="s">
        <v>40</v>
      </c>
      <c r="E4104" s="6" t="e"/>
    </row>
    <row r="4105" ht="22" customHeight="true" s="1" customFormat="true" hidden="true" outlineLevel="3">
      <c r="A4105" s="6" t="s">
        <v>4495</v>
      </c>
      <c r="B4105" s="6" t="e"/>
      <c r="C4105" s="6" t="s">
        <v>126</v>
      </c>
      <c r="D4105" s="6" t="s">
        <v>26</v>
      </c>
      <c r="E4105" s="6" t="e"/>
    </row>
    <row r="4106" ht="22" customHeight="true" s="1" customFormat="true" hidden="true" outlineLevel="3">
      <c r="A4106" s="6" t="s">
        <v>4496</v>
      </c>
      <c r="B4106" s="6" t="e"/>
      <c r="C4106" s="6" t="s">
        <v>103</v>
      </c>
      <c r="D4106" s="6" t="s">
        <v>11</v>
      </c>
      <c r="E4106" s="6" t="e"/>
    </row>
    <row r="4107" ht="22" customHeight="true" s="1" customFormat="true" hidden="true" outlineLevel="3">
      <c r="A4107" s="6" t="s">
        <v>4497</v>
      </c>
      <c r="B4107" s="6" t="e"/>
      <c r="C4107" s="6" t="s">
        <v>82</v>
      </c>
      <c r="D4107" s="6" t="s">
        <v>11</v>
      </c>
      <c r="E4107" s="6" t="e"/>
    </row>
    <row r="4108" ht="33" customHeight="true" s="1" customFormat="true" hidden="true" outlineLevel="3">
      <c r="A4108" s="6" t="s">
        <v>4498</v>
      </c>
      <c r="B4108" s="6" t="e"/>
      <c r="C4108" s="6" t="s">
        <v>253</v>
      </c>
      <c r="D4108" s="6" t="s">
        <v>11</v>
      </c>
      <c r="E4108" s="6" t="e"/>
    </row>
    <row r="4109" ht="33" customHeight="true" s="1" customFormat="true" hidden="true" outlineLevel="3">
      <c r="A4109" s="6" t="s">
        <v>4499</v>
      </c>
      <c r="B4109" s="6" t="e"/>
      <c r="C4109" s="6" t="s">
        <v>371</v>
      </c>
      <c r="D4109" s="6" t="s">
        <v>11</v>
      </c>
      <c r="E4109" s="6" t="e"/>
    </row>
    <row r="4110" ht="33" customHeight="true" s="1" customFormat="true" hidden="true" outlineLevel="3">
      <c r="A4110" s="6" t="s">
        <v>4500</v>
      </c>
      <c r="B4110" s="6" t="e"/>
      <c r="C4110" s="6" t="s">
        <v>253</v>
      </c>
      <c r="D4110" s="6" t="s">
        <v>11</v>
      </c>
      <c r="E4110" s="6" t="e"/>
    </row>
    <row r="4111" ht="22" customHeight="true" s="1" customFormat="true" hidden="true" outlineLevel="3">
      <c r="A4111" s="6" t="s">
        <v>4501</v>
      </c>
      <c r="B4111" s="6" t="e"/>
      <c r="C4111" s="6" t="s">
        <v>50</v>
      </c>
      <c r="D4111" s="6" t="s">
        <v>40</v>
      </c>
      <c r="E4111" s="6" t="e"/>
    </row>
    <row r="4112" ht="22" customHeight="true" s="1" customFormat="true" hidden="true" outlineLevel="3">
      <c r="A4112" s="6" t="s">
        <v>4502</v>
      </c>
      <c r="B4112" s="6" t="e"/>
      <c r="C4112" s="6" t="s">
        <v>55</v>
      </c>
      <c r="D4112" s="6" t="s">
        <v>11</v>
      </c>
      <c r="E4112" s="6" t="e"/>
    </row>
    <row r="4113" ht="22" customHeight="true" s="1" customFormat="true" hidden="true" outlineLevel="3">
      <c r="A4113" s="6" t="s">
        <v>4503</v>
      </c>
      <c r="B4113" s="6" t="e"/>
      <c r="C4113" s="6" t="s">
        <v>371</v>
      </c>
      <c r="D4113" s="6" t="s">
        <v>40</v>
      </c>
      <c r="E4113" s="6" t="e"/>
    </row>
    <row r="4114" ht="22" customHeight="true" s="1" customFormat="true" hidden="true" outlineLevel="3">
      <c r="A4114" s="6" t="s">
        <v>4504</v>
      </c>
      <c r="B4114" s="6" t="e"/>
      <c r="C4114" s="6" t="s">
        <v>142</v>
      </c>
      <c r="D4114" s="6" t="s">
        <v>11</v>
      </c>
      <c r="E4114" s="6" t="e"/>
    </row>
    <row r="4115" ht="22" customHeight="true" s="1" customFormat="true" hidden="true" outlineLevel="3">
      <c r="A4115" s="6" t="s">
        <v>4505</v>
      </c>
      <c r="B4115" s="6" t="e"/>
      <c r="C4115" s="6" t="s">
        <v>55</v>
      </c>
      <c r="D4115" s="6" t="s">
        <v>11</v>
      </c>
      <c r="E4115" s="6" t="e"/>
    </row>
    <row r="4116" ht="22" customHeight="true" s="1" customFormat="true" hidden="true" outlineLevel="3">
      <c r="A4116" s="6" t="s">
        <v>4506</v>
      </c>
      <c r="B4116" s="6" t="e"/>
      <c r="C4116" s="6" t="s">
        <v>149</v>
      </c>
      <c r="D4116" s="6" t="s">
        <v>11</v>
      </c>
      <c r="E4116" s="6" t="e"/>
    </row>
    <row r="4117" ht="22" customHeight="true" s="1" customFormat="true" hidden="true" outlineLevel="3">
      <c r="A4117" s="6" t="s">
        <v>4507</v>
      </c>
      <c r="B4117" s="6" t="e"/>
      <c r="C4117" s="6" t="s">
        <v>149</v>
      </c>
      <c r="D4117" s="6" t="s">
        <v>11</v>
      </c>
      <c r="E4117" s="6" t="e"/>
    </row>
    <row r="4118" ht="22" customHeight="true" s="1" customFormat="true" hidden="true" outlineLevel="3">
      <c r="A4118" s="6" t="s">
        <v>4508</v>
      </c>
      <c r="B4118" s="6" t="e"/>
      <c r="C4118" s="6" t="s">
        <v>371</v>
      </c>
      <c r="D4118" s="6" t="s">
        <v>11</v>
      </c>
      <c r="E4118" s="6" t="e"/>
    </row>
    <row r="4119" ht="22" customHeight="true" s="1" customFormat="true" hidden="true" outlineLevel="3">
      <c r="A4119" s="6" t="s">
        <v>4509</v>
      </c>
      <c r="B4119" s="6" t="e"/>
      <c r="C4119" s="6" t="s">
        <v>219</v>
      </c>
      <c r="D4119" s="6" t="s">
        <v>40</v>
      </c>
      <c r="E4119" s="6" t="e"/>
    </row>
    <row r="4120" ht="22" customHeight="true" s="1" customFormat="true" hidden="true" outlineLevel="3">
      <c r="A4120" s="6" t="s">
        <v>4510</v>
      </c>
      <c r="B4120" s="6" t="e"/>
      <c r="C4120" s="6" t="s">
        <v>371</v>
      </c>
      <c r="D4120" s="6" t="s">
        <v>57</v>
      </c>
      <c r="E4120" s="6" t="e"/>
    </row>
    <row r="4121" ht="22" customHeight="true" s="1" customFormat="true" hidden="true" outlineLevel="3">
      <c r="A4121" s="6" t="s">
        <v>4511</v>
      </c>
      <c r="B4121" s="6" t="e"/>
      <c r="C4121" s="6" t="s">
        <v>149</v>
      </c>
      <c r="D4121" s="6" t="s">
        <v>11</v>
      </c>
      <c r="E4121" s="6" t="e"/>
    </row>
    <row r="4122" ht="11" customHeight="true" s="1" customFormat="true" hidden="true" outlineLevel="3">
      <c r="A4122" s="6" t="s">
        <v>4512</v>
      </c>
      <c r="B4122" s="6" t="e"/>
      <c r="C4122" s="6" t="s">
        <v>21</v>
      </c>
      <c r="D4122" s="6" t="s">
        <v>11</v>
      </c>
      <c r="E4122" s="6" t="e"/>
    </row>
    <row r="4123" ht="22" customHeight="true" s="1" customFormat="true" hidden="true" outlineLevel="3">
      <c r="A4123" s="6" t="s">
        <v>4513</v>
      </c>
      <c r="B4123" s="6" t="e"/>
      <c r="C4123" s="6" t="s">
        <v>126</v>
      </c>
      <c r="D4123" s="6" t="s">
        <v>11</v>
      </c>
      <c r="E4123" s="6" t="e"/>
    </row>
    <row r="4124" ht="33" customHeight="true" s="1" customFormat="true" hidden="true" outlineLevel="3">
      <c r="A4124" s="6" t="s">
        <v>4514</v>
      </c>
      <c r="B4124" s="6" t="e"/>
      <c r="C4124" s="6" t="s">
        <v>55</v>
      </c>
      <c r="D4124" s="6" t="s">
        <v>11</v>
      </c>
      <c r="E4124" s="6" t="e"/>
    </row>
    <row r="4125" ht="11" customHeight="true" s="1" customFormat="true" hidden="true" outlineLevel="3">
      <c r="A4125" s="6" t="s">
        <v>4515</v>
      </c>
      <c r="B4125" s="6" t="e"/>
      <c r="C4125" s="6" t="s">
        <v>155</v>
      </c>
      <c r="D4125" s="6" t="s">
        <v>11</v>
      </c>
      <c r="E4125" s="6" t="e"/>
    </row>
    <row r="4126" ht="33" customHeight="true" s="1" customFormat="true" hidden="true" outlineLevel="3">
      <c r="A4126" s="6" t="s">
        <v>4516</v>
      </c>
      <c r="B4126" s="6" t="e"/>
      <c r="C4126" s="6" t="s">
        <v>21</v>
      </c>
      <c r="D4126" s="6" t="s">
        <v>40</v>
      </c>
      <c r="E4126" s="6" t="e"/>
    </row>
    <row r="4127" ht="22" customHeight="true" s="1" customFormat="true" hidden="true" outlineLevel="3">
      <c r="A4127" s="6" t="s">
        <v>4517</v>
      </c>
      <c r="B4127" s="6" t="e"/>
      <c r="C4127" s="6" t="s">
        <v>126</v>
      </c>
      <c r="D4127" s="6" t="s">
        <v>11</v>
      </c>
      <c r="E4127" s="6" t="e"/>
    </row>
    <row r="4128" ht="22" customHeight="true" s="1" customFormat="true" hidden="true" outlineLevel="3">
      <c r="A4128" s="6" t="s">
        <v>4518</v>
      </c>
      <c r="B4128" s="6" t="e"/>
      <c r="C4128" s="6" t="s">
        <v>126</v>
      </c>
      <c r="D4128" s="6" t="s">
        <v>11</v>
      </c>
      <c r="E4128" s="6" t="e"/>
    </row>
    <row r="4129" ht="22" customHeight="true" s="1" customFormat="true" hidden="true" outlineLevel="3">
      <c r="A4129" s="6" t="s">
        <v>4519</v>
      </c>
      <c r="B4129" s="6" t="e"/>
      <c r="C4129" s="6" t="s">
        <v>55</v>
      </c>
      <c r="D4129" s="6" t="s">
        <v>11</v>
      </c>
      <c r="E4129" s="6" t="e"/>
    </row>
    <row r="4130" ht="11" customHeight="true" s="1" customFormat="true" hidden="true" outlineLevel="3">
      <c r="A4130" s="6" t="s">
        <v>4520</v>
      </c>
      <c r="B4130" s="6" t="e"/>
      <c r="C4130" s="6" t="s">
        <v>155</v>
      </c>
      <c r="D4130" s="6" t="s">
        <v>11</v>
      </c>
      <c r="E4130" s="6" t="e"/>
    </row>
    <row r="4131" ht="33" customHeight="true" s="1" customFormat="true" hidden="true" outlineLevel="3">
      <c r="A4131" s="6" t="s">
        <v>4521</v>
      </c>
      <c r="B4131" s="6" t="e"/>
      <c r="C4131" s="6" t="s">
        <v>371</v>
      </c>
      <c r="D4131" s="6" t="s">
        <v>26</v>
      </c>
      <c r="E4131" s="6" t="e"/>
    </row>
    <row r="4132" ht="22" customHeight="true" s="1" customFormat="true" hidden="true" outlineLevel="3">
      <c r="A4132" s="6" t="s">
        <v>4522</v>
      </c>
      <c r="B4132" s="6" t="e"/>
      <c r="C4132" s="6" t="s">
        <v>253</v>
      </c>
      <c r="D4132" s="6" t="s">
        <v>11</v>
      </c>
      <c r="E4132" s="6" t="e"/>
    </row>
    <row r="4133" ht="11" customHeight="true" s="1" customFormat="true" hidden="true" outlineLevel="3">
      <c r="A4133" s="6" t="s">
        <v>4523</v>
      </c>
      <c r="B4133" s="6" t="e"/>
      <c r="C4133" s="6" t="s">
        <v>253</v>
      </c>
      <c r="D4133" s="6" t="s">
        <v>11</v>
      </c>
      <c r="E4133" s="6" t="e"/>
    </row>
    <row r="4134" ht="22" customHeight="true" s="1" customFormat="true" hidden="true" outlineLevel="3">
      <c r="A4134" s="6" t="s">
        <v>4524</v>
      </c>
      <c r="B4134" s="6" t="e"/>
      <c r="C4134" s="6" t="s">
        <v>103</v>
      </c>
      <c r="D4134" s="6" t="s">
        <v>26</v>
      </c>
      <c r="E4134" s="6" t="e"/>
    </row>
    <row r="4135" ht="22" customHeight="true" s="1" customFormat="true" hidden="true" outlineLevel="3">
      <c r="A4135" s="6" t="s">
        <v>4525</v>
      </c>
      <c r="B4135" s="6" t="e"/>
      <c r="C4135" s="6" t="s">
        <v>225</v>
      </c>
      <c r="D4135" s="6" t="s">
        <v>11</v>
      </c>
      <c r="E4135" s="6" t="e"/>
    </row>
    <row r="4136" ht="11" customHeight="true" s="1" customFormat="true" hidden="true" outlineLevel="3">
      <c r="A4136" s="6" t="s">
        <v>4526</v>
      </c>
      <c r="B4136" s="6" t="e"/>
      <c r="C4136" s="6" t="s">
        <v>371</v>
      </c>
      <c r="D4136" s="6" t="s">
        <v>11</v>
      </c>
      <c r="E4136" s="6" t="e"/>
    </row>
    <row r="4137" ht="33" customHeight="true" s="1" customFormat="true" hidden="true" outlineLevel="3">
      <c r="A4137" s="6" t="s">
        <v>4527</v>
      </c>
      <c r="B4137" s="6" t="e"/>
      <c r="C4137" s="6" t="s">
        <v>371</v>
      </c>
      <c r="D4137" s="6" t="s">
        <v>11</v>
      </c>
      <c r="E4137" s="6" t="e"/>
    </row>
    <row r="4138" ht="22" customHeight="true" s="1" customFormat="true" hidden="true" outlineLevel="3">
      <c r="A4138" s="6" t="s">
        <v>4528</v>
      </c>
      <c r="B4138" s="6" t="e"/>
      <c r="C4138" s="6" t="s">
        <v>253</v>
      </c>
      <c r="D4138" s="6" t="s">
        <v>11</v>
      </c>
      <c r="E4138" s="6" t="e"/>
    </row>
    <row r="4139" ht="22" customHeight="true" s="1" customFormat="true" hidden="true" outlineLevel="3">
      <c r="A4139" s="6" t="s">
        <v>4529</v>
      </c>
      <c r="B4139" s="6" t="e"/>
      <c r="C4139" s="6" t="s">
        <v>103</v>
      </c>
      <c r="D4139" s="6" t="s">
        <v>11</v>
      </c>
      <c r="E4139" s="6" t="e"/>
    </row>
    <row r="4140" ht="22" customHeight="true" s="1" customFormat="true" hidden="true" outlineLevel="3">
      <c r="A4140" s="6" t="s">
        <v>4530</v>
      </c>
      <c r="B4140" s="6" t="e"/>
      <c r="C4140" s="6" t="s">
        <v>149</v>
      </c>
      <c r="D4140" s="6" t="s">
        <v>26</v>
      </c>
      <c r="E4140" s="6" t="e"/>
    </row>
    <row r="4141" ht="22" customHeight="true" s="1" customFormat="true" hidden="true" outlineLevel="3">
      <c r="A4141" s="6" t="s">
        <v>4531</v>
      </c>
      <c r="B4141" s="6" t="e"/>
      <c r="C4141" s="6" t="s">
        <v>82</v>
      </c>
      <c r="D4141" s="6" t="s">
        <v>11</v>
      </c>
      <c r="E4141" s="6" t="e"/>
    </row>
    <row r="4142" ht="33" customHeight="true" s="1" customFormat="true" hidden="true" outlineLevel="3">
      <c r="A4142" s="6" t="s">
        <v>4532</v>
      </c>
      <c r="B4142" s="6" t="e"/>
      <c r="C4142" s="6" t="s">
        <v>2768</v>
      </c>
      <c r="D4142" s="6" t="s">
        <v>11</v>
      </c>
      <c r="E4142" s="6" t="e"/>
    </row>
    <row r="4143" ht="22" customHeight="true" s="1" customFormat="true" hidden="true" outlineLevel="3">
      <c r="A4143" s="6" t="s">
        <v>4533</v>
      </c>
      <c r="B4143" s="6" t="e"/>
      <c r="C4143" s="6" t="s">
        <v>155</v>
      </c>
      <c r="D4143" s="6" t="s">
        <v>26</v>
      </c>
      <c r="E4143" s="6" t="e"/>
    </row>
    <row r="4144" ht="22" customHeight="true" s="1" customFormat="true" hidden="true" outlineLevel="3">
      <c r="A4144" s="6" t="s">
        <v>4534</v>
      </c>
      <c r="B4144" s="6" t="e"/>
      <c r="C4144" s="6" t="s">
        <v>155</v>
      </c>
      <c r="D4144" s="6" t="s">
        <v>11</v>
      </c>
      <c r="E4144" s="6" t="e"/>
    </row>
    <row r="4145" ht="22" customHeight="true" s="1" customFormat="true" hidden="true" outlineLevel="3">
      <c r="A4145" s="6" t="s">
        <v>4535</v>
      </c>
      <c r="B4145" s="6" t="e"/>
      <c r="C4145" s="6" t="s">
        <v>219</v>
      </c>
      <c r="D4145" s="6" t="s">
        <v>40</v>
      </c>
      <c r="E4145" s="6" t="e"/>
    </row>
    <row r="4146" ht="22" customHeight="true" s="1" customFormat="true" hidden="true" outlineLevel="3">
      <c r="A4146" s="6" t="s">
        <v>4536</v>
      </c>
      <c r="B4146" s="6" t="e"/>
      <c r="C4146" s="6" t="s">
        <v>371</v>
      </c>
      <c r="D4146" s="6" t="s">
        <v>11</v>
      </c>
      <c r="E4146" s="6" t="e"/>
    </row>
    <row r="4147" ht="22" customHeight="true" s="1" customFormat="true" hidden="true" outlineLevel="3">
      <c r="A4147" s="6" t="s">
        <v>4537</v>
      </c>
      <c r="B4147" s="6" t="e"/>
      <c r="C4147" s="6" t="s">
        <v>103</v>
      </c>
      <c r="D4147" s="6" t="s">
        <v>11</v>
      </c>
      <c r="E4147" s="6" t="e"/>
    </row>
    <row r="4148" ht="33" customHeight="true" s="1" customFormat="true" hidden="true" outlineLevel="3">
      <c r="A4148" s="6" t="s">
        <v>4538</v>
      </c>
      <c r="B4148" s="6" t="e"/>
      <c r="C4148" s="6" t="s">
        <v>155</v>
      </c>
      <c r="D4148" s="6" t="s">
        <v>11</v>
      </c>
      <c r="E4148" s="6" t="e"/>
    </row>
    <row r="4149" ht="22" customHeight="true" s="1" customFormat="true" hidden="true" outlineLevel="3">
      <c r="A4149" s="6" t="s">
        <v>4539</v>
      </c>
      <c r="B4149" s="6" t="e"/>
      <c r="C4149" s="6" t="s">
        <v>155</v>
      </c>
      <c r="D4149" s="6" t="s">
        <v>26</v>
      </c>
      <c r="E4149" s="6" t="e"/>
    </row>
    <row r="4150" ht="22" customHeight="true" s="1" customFormat="true" hidden="true" outlineLevel="3">
      <c r="A4150" s="6" t="s">
        <v>4540</v>
      </c>
      <c r="B4150" s="6" t="e"/>
      <c r="C4150" s="6" t="s">
        <v>55</v>
      </c>
      <c r="D4150" s="6" t="s">
        <v>11</v>
      </c>
      <c r="E4150" s="6" t="e"/>
    </row>
    <row r="4151" ht="22" customHeight="true" s="1" customFormat="true" hidden="true" outlineLevel="3">
      <c r="A4151" s="6" t="s">
        <v>4541</v>
      </c>
      <c r="B4151" s="6" t="e"/>
      <c r="C4151" s="6" t="s">
        <v>55</v>
      </c>
      <c r="D4151" s="6" t="s">
        <v>11</v>
      </c>
      <c r="E4151" s="6" t="e"/>
    </row>
    <row r="4152" ht="33" customHeight="true" s="1" customFormat="true" hidden="true" outlineLevel="3">
      <c r="A4152" s="6" t="s">
        <v>4542</v>
      </c>
      <c r="B4152" s="6" t="e"/>
      <c r="C4152" s="6" t="s">
        <v>55</v>
      </c>
      <c r="D4152" s="6" t="s">
        <v>11</v>
      </c>
      <c r="E4152" s="6" t="e"/>
    </row>
    <row r="4153" ht="33" customHeight="true" s="1" customFormat="true" hidden="true" outlineLevel="3">
      <c r="A4153" s="6" t="s">
        <v>4543</v>
      </c>
      <c r="B4153" s="6" t="e"/>
      <c r="C4153" s="6" t="s">
        <v>55</v>
      </c>
      <c r="D4153" s="6" t="s">
        <v>26</v>
      </c>
      <c r="E4153" s="6" t="e"/>
    </row>
    <row r="4154" ht="11" customHeight="true" s="1" customFormat="true" hidden="true" outlineLevel="3">
      <c r="A4154" s="6" t="s">
        <v>4544</v>
      </c>
      <c r="B4154" s="6" t="e"/>
      <c r="C4154" s="6" t="s">
        <v>55</v>
      </c>
      <c r="D4154" s="6" t="s">
        <v>26</v>
      </c>
      <c r="E4154" s="6" t="e"/>
    </row>
    <row r="4155" ht="22" customHeight="true" s="1" customFormat="true" hidden="true" outlineLevel="3">
      <c r="A4155" s="6" t="s">
        <v>4545</v>
      </c>
      <c r="B4155" s="6" t="e"/>
      <c r="C4155" s="6" t="s">
        <v>371</v>
      </c>
      <c r="D4155" s="6" t="s">
        <v>11</v>
      </c>
      <c r="E4155" s="6" t="e"/>
    </row>
    <row r="4156" ht="22" customHeight="true" s="1" customFormat="true" hidden="true" outlineLevel="3">
      <c r="A4156" s="6" t="s">
        <v>4546</v>
      </c>
      <c r="B4156" s="6" t="e"/>
      <c r="C4156" s="6" t="s">
        <v>21</v>
      </c>
      <c r="D4156" s="6" t="s">
        <v>26</v>
      </c>
      <c r="E4156" s="6" t="e"/>
    </row>
    <row r="4157" ht="22" customHeight="true" s="1" customFormat="true" hidden="true" outlineLevel="3">
      <c r="A4157" s="6" t="s">
        <v>4547</v>
      </c>
      <c r="B4157" s="6" t="e"/>
      <c r="C4157" s="6" t="s">
        <v>21</v>
      </c>
      <c r="D4157" s="6" t="s">
        <v>11</v>
      </c>
      <c r="E4157" s="6" t="e"/>
    </row>
    <row r="4158" ht="22" customHeight="true" s="1" customFormat="true" hidden="true" outlineLevel="3">
      <c r="A4158" s="6" t="s">
        <v>4548</v>
      </c>
      <c r="B4158" s="6" t="e"/>
      <c r="C4158" s="6" t="s">
        <v>253</v>
      </c>
      <c r="D4158" s="6" t="s">
        <v>11</v>
      </c>
      <c r="E4158" s="6" t="e"/>
    </row>
    <row r="4159" ht="22" customHeight="true" s="1" customFormat="true" hidden="true" outlineLevel="3">
      <c r="A4159" s="6" t="s">
        <v>4549</v>
      </c>
      <c r="B4159" s="6" t="e"/>
      <c r="C4159" s="6" t="s">
        <v>253</v>
      </c>
      <c r="D4159" s="6" t="s">
        <v>11</v>
      </c>
      <c r="E4159" s="6" t="e"/>
    </row>
    <row r="4160" ht="22" customHeight="true" s="1" customFormat="true" hidden="true" outlineLevel="3">
      <c r="A4160" s="6" t="s">
        <v>4550</v>
      </c>
      <c r="B4160" s="6" t="e"/>
      <c r="C4160" s="6" t="s">
        <v>289</v>
      </c>
      <c r="D4160" s="6" t="s">
        <v>11</v>
      </c>
      <c r="E4160" s="6" t="e"/>
    </row>
    <row r="4161" ht="11" customHeight="true" s="1" customFormat="true" hidden="true" outlineLevel="3">
      <c r="A4161" s="6" t="s">
        <v>4551</v>
      </c>
      <c r="B4161" s="6" t="e"/>
      <c r="C4161" s="6" t="s">
        <v>155</v>
      </c>
      <c r="D4161" s="6" t="s">
        <v>40</v>
      </c>
      <c r="E4161" s="6" t="e"/>
    </row>
    <row r="4162" ht="22" customHeight="true" s="1" customFormat="true" hidden="true" outlineLevel="3">
      <c r="A4162" s="6" t="s">
        <v>4552</v>
      </c>
      <c r="B4162" s="6" t="e"/>
      <c r="C4162" s="6" t="s">
        <v>21</v>
      </c>
      <c r="D4162" s="6" t="s">
        <v>11</v>
      </c>
      <c r="E4162" s="6" t="e"/>
    </row>
    <row r="4163" ht="11" customHeight="true" s="1" customFormat="true" hidden="true" outlineLevel="3">
      <c r="A4163" s="6" t="s">
        <v>4553</v>
      </c>
      <c r="B4163" s="6" t="e"/>
      <c r="C4163" s="6" t="s">
        <v>155</v>
      </c>
      <c r="D4163" s="6" t="s">
        <v>26</v>
      </c>
      <c r="E4163" s="6" t="e"/>
    </row>
    <row r="4164" ht="22" customHeight="true" s="1" customFormat="true" hidden="true" outlineLevel="3">
      <c r="A4164" s="6" t="s">
        <v>4554</v>
      </c>
      <c r="B4164" s="6" t="e"/>
      <c r="C4164" s="6" t="s">
        <v>341</v>
      </c>
      <c r="D4164" s="6" t="s">
        <v>11</v>
      </c>
      <c r="E4164" s="6" t="e"/>
    </row>
    <row r="4165" ht="33" customHeight="true" s="1" customFormat="true" hidden="true" outlineLevel="3">
      <c r="A4165" s="6" t="s">
        <v>4555</v>
      </c>
      <c r="B4165" s="6" t="e"/>
      <c r="C4165" s="6" t="s">
        <v>155</v>
      </c>
      <c r="D4165" s="6" t="s">
        <v>11</v>
      </c>
      <c r="E4165" s="6" t="e"/>
    </row>
    <row r="4166" ht="22" customHeight="true" s="1" customFormat="true" hidden="true" outlineLevel="3">
      <c r="A4166" s="6" t="s">
        <v>4556</v>
      </c>
      <c r="B4166" s="6" t="e"/>
      <c r="C4166" s="6" t="s">
        <v>371</v>
      </c>
      <c r="D4166" s="6" t="s">
        <v>11</v>
      </c>
      <c r="E4166" s="6" t="e"/>
    </row>
    <row r="4167" ht="33" customHeight="true" s="1" customFormat="true" hidden="true" outlineLevel="3">
      <c r="A4167" s="6" t="s">
        <v>4557</v>
      </c>
      <c r="B4167" s="6" t="e"/>
      <c r="C4167" s="6" t="s">
        <v>371</v>
      </c>
      <c r="D4167" s="6" t="s">
        <v>11</v>
      </c>
      <c r="E4167" s="6" t="e"/>
    </row>
    <row r="4168" ht="22" customHeight="true" s="1" customFormat="true" hidden="true" outlineLevel="3">
      <c r="A4168" s="6" t="s">
        <v>4558</v>
      </c>
      <c r="B4168" s="6" t="s">
        <v>4559</v>
      </c>
      <c r="C4168" s="6" t="s">
        <v>21</v>
      </c>
      <c r="D4168" s="6" t="s">
        <v>11</v>
      </c>
      <c r="E4168" s="6" t="e"/>
    </row>
    <row r="4169" ht="11" customHeight="true" s="1" customFormat="true" hidden="true" outlineLevel="3">
      <c r="A4169" s="6" t="s">
        <v>4560</v>
      </c>
      <c r="B4169" s="6" t="e"/>
      <c r="C4169" s="6" t="s">
        <v>126</v>
      </c>
      <c r="D4169" s="6" t="s">
        <v>123</v>
      </c>
      <c r="E4169" s="6" t="e"/>
    </row>
    <row r="4170" ht="22" customHeight="true" s="1" customFormat="true" hidden="true" outlineLevel="3">
      <c r="A4170" s="6" t="s">
        <v>4561</v>
      </c>
      <c r="B4170" s="6" t="e"/>
      <c r="C4170" s="6" t="s">
        <v>371</v>
      </c>
      <c r="D4170" s="6" t="s">
        <v>11</v>
      </c>
      <c r="E4170" s="6" t="e"/>
    </row>
    <row r="4171" ht="11" customHeight="true" s="1" customFormat="true" hidden="true" outlineLevel="3">
      <c r="A4171" s="6" t="s">
        <v>4562</v>
      </c>
      <c r="B4171" s="6" t="e"/>
      <c r="C4171" s="6" t="s">
        <v>155</v>
      </c>
      <c r="D4171" s="6" t="s">
        <v>11</v>
      </c>
      <c r="E4171" s="6" t="e"/>
    </row>
    <row r="4172" ht="11" customHeight="true" s="1" customFormat="true" hidden="true" outlineLevel="3">
      <c r="A4172" s="6" t="s">
        <v>4563</v>
      </c>
      <c r="B4172" s="6" t="e"/>
      <c r="C4172" s="6" t="s">
        <v>155</v>
      </c>
      <c r="D4172" s="6" t="s">
        <v>40</v>
      </c>
      <c r="E4172" s="6" t="e"/>
    </row>
    <row r="4173" ht="11" customHeight="true" s="1" customFormat="true" hidden="true" outlineLevel="3">
      <c r="A4173" s="6" t="s">
        <v>4564</v>
      </c>
      <c r="B4173" s="6" t="e"/>
      <c r="C4173" s="6" t="s">
        <v>55</v>
      </c>
      <c r="D4173" s="6" t="s">
        <v>57</v>
      </c>
      <c r="E4173" s="6" t="e"/>
    </row>
    <row r="4174" ht="33" customHeight="true" s="1" customFormat="true" hidden="true" collapsed="true" outlineLevel="3">
      <c r="A4174" s="6" t="s">
        <v>4565</v>
      </c>
      <c r="B4174" s="6" t="e"/>
      <c r="C4174" s="6" t="s">
        <v>219</v>
      </c>
      <c r="D4174" s="6" t="s">
        <v>40</v>
      </c>
      <c r="E4174" s="6" t="e"/>
    </row>
    <row r="4175" ht="11" customHeight="true" s="1" customFormat="true" hidden="true" collapsed="true" outlineLevel="2">
      <c r="A4175" s="5" t="s">
        <v>4566</v>
      </c>
      <c r="B4175" s="5" t="e"/>
      <c r="C4175" s="5" t="e"/>
      <c r="D4175" s="5" t="e"/>
      <c r="E4175" s="5" t="e"/>
    </row>
    <row r="4176" ht="33" customHeight="true" s="1" customFormat="true" hidden="true" outlineLevel="3">
      <c r="A4176" s="6" t="s">
        <v>4567</v>
      </c>
      <c r="B4176" s="6" t="e"/>
      <c r="C4176" s="6" t="s">
        <v>219</v>
      </c>
      <c r="D4176" s="6" t="s">
        <v>11</v>
      </c>
      <c r="E4176" s="6" t="e"/>
    </row>
    <row r="4177" ht="33" customHeight="true" s="1" customFormat="true" hidden="true" outlineLevel="3">
      <c r="A4177" s="6" t="s">
        <v>4568</v>
      </c>
      <c r="B4177" s="6" t="e"/>
      <c r="C4177" s="6" t="s">
        <v>219</v>
      </c>
      <c r="D4177" s="6" t="s">
        <v>11</v>
      </c>
      <c r="E4177" s="6" t="e"/>
    </row>
    <row r="4178" ht="33" customHeight="true" s="1" customFormat="true" hidden="true" outlineLevel="3">
      <c r="A4178" s="6" t="s">
        <v>4569</v>
      </c>
      <c r="B4178" s="6" t="e"/>
      <c r="C4178" s="6" t="s">
        <v>219</v>
      </c>
      <c r="D4178" s="6" t="s">
        <v>11</v>
      </c>
      <c r="E4178" s="6" t="e"/>
    </row>
    <row r="4179" ht="33" customHeight="true" s="1" customFormat="true" hidden="true" outlineLevel="3">
      <c r="A4179" s="6" t="s">
        <v>4570</v>
      </c>
      <c r="B4179" s="6" t="e"/>
      <c r="C4179" s="6" t="s">
        <v>219</v>
      </c>
      <c r="D4179" s="6" t="s">
        <v>11</v>
      </c>
      <c r="E4179" s="6" t="e"/>
    </row>
    <row r="4180" ht="33" customHeight="true" s="1" customFormat="true" hidden="true" outlineLevel="3">
      <c r="A4180" s="6" t="s">
        <v>4571</v>
      </c>
      <c r="B4180" s="6" t="e"/>
      <c r="C4180" s="6" t="s">
        <v>219</v>
      </c>
      <c r="D4180" s="6" t="s">
        <v>11</v>
      </c>
      <c r="E4180" s="6" t="e"/>
    </row>
    <row r="4181" ht="33" customHeight="true" s="1" customFormat="true" hidden="true" outlineLevel="3">
      <c r="A4181" s="6" t="s">
        <v>4572</v>
      </c>
      <c r="B4181" s="6" t="e"/>
      <c r="C4181" s="6" t="s">
        <v>50</v>
      </c>
      <c r="D4181" s="6" t="s">
        <v>11</v>
      </c>
      <c r="E4181" s="6" t="e"/>
    </row>
    <row r="4182" ht="33" customHeight="true" s="1" customFormat="true" hidden="true" outlineLevel="3">
      <c r="A4182" s="6" t="s">
        <v>4573</v>
      </c>
      <c r="B4182" s="6" t="e"/>
      <c r="C4182" s="6" t="s">
        <v>55</v>
      </c>
      <c r="D4182" s="6" t="s">
        <v>11</v>
      </c>
      <c r="E4182" s="6" t="e"/>
    </row>
    <row r="4183" ht="22" customHeight="true" s="1" customFormat="true" hidden="true" outlineLevel="3">
      <c r="A4183" s="6" t="s">
        <v>4574</v>
      </c>
      <c r="B4183" s="6" t="e"/>
      <c r="C4183" s="6" t="s">
        <v>219</v>
      </c>
      <c r="D4183" s="6" t="s">
        <v>11</v>
      </c>
      <c r="E4183" s="6" t="e"/>
    </row>
    <row r="4184" ht="33" customHeight="true" s="1" customFormat="true" hidden="true" outlineLevel="3">
      <c r="A4184" s="6" t="s">
        <v>4575</v>
      </c>
      <c r="B4184" s="6" t="e"/>
      <c r="C4184" s="6" t="s">
        <v>50</v>
      </c>
      <c r="D4184" s="6" t="s">
        <v>11</v>
      </c>
      <c r="E4184" s="6" t="e"/>
    </row>
    <row r="4185" ht="33" customHeight="true" s="1" customFormat="true" hidden="true" outlineLevel="3">
      <c r="A4185" s="6" t="s">
        <v>4576</v>
      </c>
      <c r="B4185" s="6" t="e"/>
      <c r="C4185" s="6" t="s">
        <v>219</v>
      </c>
      <c r="D4185" s="6" t="s">
        <v>11</v>
      </c>
      <c r="E4185" s="6" t="e"/>
    </row>
    <row r="4186" ht="22" customHeight="true" s="1" customFormat="true" hidden="true" outlineLevel="3">
      <c r="A4186" s="6" t="s">
        <v>4577</v>
      </c>
      <c r="B4186" s="6" t="e"/>
      <c r="C4186" s="6" t="s">
        <v>55</v>
      </c>
      <c r="D4186" s="6" t="s">
        <v>11</v>
      </c>
      <c r="E4186" s="6" t="e"/>
    </row>
    <row r="4187" ht="33" customHeight="true" s="1" customFormat="true" hidden="true" outlineLevel="3">
      <c r="A4187" s="6" t="s">
        <v>4578</v>
      </c>
      <c r="B4187" s="6" t="e"/>
      <c r="C4187" s="6" t="s">
        <v>219</v>
      </c>
      <c r="D4187" s="6" t="s">
        <v>26</v>
      </c>
      <c r="E4187" s="6" t="e"/>
    </row>
    <row r="4188" ht="33" customHeight="true" s="1" customFormat="true" hidden="true" outlineLevel="3">
      <c r="A4188" s="6" t="s">
        <v>4579</v>
      </c>
      <c r="B4188" s="6" t="e"/>
      <c r="C4188" s="6" t="s">
        <v>55</v>
      </c>
      <c r="D4188" s="6" t="s">
        <v>11</v>
      </c>
      <c r="E4188" s="6" t="e"/>
    </row>
    <row r="4189" ht="33" customHeight="true" s="1" customFormat="true" hidden="true" outlineLevel="3">
      <c r="A4189" s="6" t="s">
        <v>4580</v>
      </c>
      <c r="B4189" s="6" t="e"/>
      <c r="C4189" s="6" t="s">
        <v>219</v>
      </c>
      <c r="D4189" s="6" t="s">
        <v>26</v>
      </c>
      <c r="E4189" s="6" t="e"/>
    </row>
    <row r="4190" ht="33" customHeight="true" s="1" customFormat="true" hidden="true" outlineLevel="3">
      <c r="A4190" s="6" t="s">
        <v>4581</v>
      </c>
      <c r="B4190" s="6" t="e"/>
      <c r="C4190" s="6" t="s">
        <v>142</v>
      </c>
      <c r="D4190" s="6" t="s">
        <v>11</v>
      </c>
      <c r="E4190" s="6" t="e"/>
    </row>
    <row r="4191" ht="22" customHeight="true" s="1" customFormat="true" hidden="true" outlineLevel="3">
      <c r="A4191" s="6" t="s">
        <v>4582</v>
      </c>
      <c r="B4191" s="6" t="e"/>
      <c r="C4191" s="6" t="s">
        <v>155</v>
      </c>
      <c r="D4191" s="6" t="s">
        <v>11</v>
      </c>
      <c r="E4191" s="6" t="e"/>
    </row>
    <row r="4192" ht="22" customHeight="true" s="1" customFormat="true" hidden="true" outlineLevel="3">
      <c r="A4192" s="6" t="s">
        <v>4583</v>
      </c>
      <c r="B4192" s="6" t="e"/>
      <c r="C4192" s="6" t="s">
        <v>142</v>
      </c>
      <c r="D4192" s="6" t="s">
        <v>11</v>
      </c>
      <c r="E4192" s="6" t="e"/>
    </row>
    <row r="4193" ht="22" customHeight="true" s="1" customFormat="true" hidden="true" outlineLevel="3">
      <c r="A4193" s="6" t="s">
        <v>4584</v>
      </c>
      <c r="B4193" s="6" t="e"/>
      <c r="C4193" s="6" t="s">
        <v>225</v>
      </c>
      <c r="D4193" s="6" t="s">
        <v>26</v>
      </c>
      <c r="E4193" s="6" t="e"/>
    </row>
    <row r="4194" ht="22" customHeight="true" s="1" customFormat="true" hidden="true" outlineLevel="3">
      <c r="A4194" s="6" t="s">
        <v>4585</v>
      </c>
      <c r="B4194" s="6" t="e"/>
      <c r="C4194" s="6" t="s">
        <v>225</v>
      </c>
      <c r="D4194" s="6" t="s">
        <v>11</v>
      </c>
      <c r="E4194" s="6" t="e"/>
    </row>
    <row r="4195" ht="22" customHeight="true" s="1" customFormat="true" hidden="true" outlineLevel="3">
      <c r="A4195" s="6" t="s">
        <v>4586</v>
      </c>
      <c r="B4195" s="6" t="e"/>
      <c r="C4195" s="6" t="s">
        <v>302</v>
      </c>
      <c r="D4195" s="6" t="s">
        <v>11</v>
      </c>
      <c r="E4195" s="6" t="e"/>
    </row>
    <row r="4196" ht="22" customHeight="true" s="1" customFormat="true" hidden="true" outlineLevel="3">
      <c r="A4196" s="6" t="s">
        <v>4587</v>
      </c>
      <c r="B4196" s="6" t="e"/>
      <c r="C4196" s="6" t="s">
        <v>149</v>
      </c>
      <c r="D4196" s="6" t="s">
        <v>11</v>
      </c>
      <c r="E4196" s="6" t="e"/>
    </row>
    <row r="4197" ht="22" customHeight="true" s="1" customFormat="true" hidden="true" outlineLevel="3">
      <c r="A4197" s="6" t="s">
        <v>4588</v>
      </c>
      <c r="B4197" s="6" t="e"/>
      <c r="C4197" s="6" t="s">
        <v>225</v>
      </c>
      <c r="D4197" s="6" t="s">
        <v>26</v>
      </c>
      <c r="E4197" s="6" t="e"/>
    </row>
    <row r="4198" ht="22" customHeight="true" s="1" customFormat="true" hidden="true" outlineLevel="3">
      <c r="A4198" s="6" t="s">
        <v>4589</v>
      </c>
      <c r="B4198" s="6" t="e"/>
      <c r="C4198" s="6" t="s">
        <v>302</v>
      </c>
      <c r="D4198" s="6" t="s">
        <v>11</v>
      </c>
      <c r="E4198" s="6" t="e"/>
    </row>
    <row r="4199" ht="22" customHeight="true" s="1" customFormat="true" hidden="true" outlineLevel="3">
      <c r="A4199" s="6" t="s">
        <v>4590</v>
      </c>
      <c r="B4199" s="6" t="e"/>
      <c r="C4199" s="6" t="s">
        <v>225</v>
      </c>
      <c r="D4199" s="6" t="s">
        <v>26</v>
      </c>
      <c r="E4199" s="6" t="e"/>
    </row>
    <row r="4200" ht="22" customHeight="true" s="1" customFormat="true" hidden="true" outlineLevel="3">
      <c r="A4200" s="6" t="s">
        <v>4591</v>
      </c>
      <c r="B4200" s="6" t="e"/>
      <c r="C4200" s="6" t="s">
        <v>126</v>
      </c>
      <c r="D4200" s="6" t="s">
        <v>26</v>
      </c>
      <c r="E4200" s="6" t="e"/>
    </row>
    <row r="4201" ht="22" customHeight="true" s="1" customFormat="true" hidden="true" outlineLevel="3">
      <c r="A4201" s="6" t="s">
        <v>4592</v>
      </c>
      <c r="B4201" s="6" t="e"/>
      <c r="C4201" s="6" t="s">
        <v>126</v>
      </c>
      <c r="D4201" s="6" t="s">
        <v>40</v>
      </c>
      <c r="E4201" s="6" t="e"/>
    </row>
    <row r="4202" ht="22" customHeight="true" s="1" customFormat="true" hidden="true" outlineLevel="3">
      <c r="A4202" s="6" t="s">
        <v>4593</v>
      </c>
      <c r="B4202" s="6" t="e"/>
      <c r="C4202" s="6" t="s">
        <v>219</v>
      </c>
      <c r="D4202" s="6" t="s">
        <v>11</v>
      </c>
      <c r="E4202" s="6" t="e"/>
    </row>
    <row r="4203" ht="22" customHeight="true" s="1" customFormat="true" hidden="true" outlineLevel="3">
      <c r="A4203" s="6" t="s">
        <v>4594</v>
      </c>
      <c r="B4203" s="6" t="e"/>
      <c r="C4203" s="6" t="s">
        <v>126</v>
      </c>
      <c r="D4203" s="6" t="s">
        <v>11</v>
      </c>
      <c r="E4203" s="6" t="e"/>
    </row>
    <row r="4204" ht="22" customHeight="true" s="1" customFormat="true" hidden="true" outlineLevel="3">
      <c r="A4204" s="6" t="s">
        <v>4595</v>
      </c>
      <c r="B4204" s="6" t="e"/>
      <c r="C4204" s="6" t="s">
        <v>155</v>
      </c>
      <c r="D4204" s="6" t="s">
        <v>40</v>
      </c>
      <c r="E4204" s="6" t="e"/>
    </row>
    <row r="4205" ht="22" customHeight="true" s="1" customFormat="true" hidden="true" outlineLevel="3">
      <c r="A4205" s="6" t="s">
        <v>4596</v>
      </c>
      <c r="B4205" s="6" t="e"/>
      <c r="C4205" s="6" t="s">
        <v>371</v>
      </c>
      <c r="D4205" s="6" t="s">
        <v>11</v>
      </c>
      <c r="E4205" s="6" t="e"/>
    </row>
    <row r="4206" ht="22" customHeight="true" s="1" customFormat="true" hidden="true" outlineLevel="3">
      <c r="A4206" s="6" t="s">
        <v>4597</v>
      </c>
      <c r="B4206" s="6" t="e"/>
      <c r="C4206" s="6" t="s">
        <v>155</v>
      </c>
      <c r="D4206" s="6" t="s">
        <v>26</v>
      </c>
      <c r="E4206" s="6" t="e"/>
    </row>
    <row r="4207" ht="22" customHeight="true" s="1" customFormat="true" hidden="true" outlineLevel="3">
      <c r="A4207" s="6" t="s">
        <v>4598</v>
      </c>
      <c r="B4207" s="6" t="e"/>
      <c r="C4207" s="6" t="s">
        <v>149</v>
      </c>
      <c r="D4207" s="6" t="s">
        <v>11</v>
      </c>
      <c r="E4207" s="6" t="e"/>
    </row>
    <row r="4208" ht="22" customHeight="true" s="1" customFormat="true" hidden="true" outlineLevel="3">
      <c r="A4208" s="6" t="s">
        <v>4599</v>
      </c>
      <c r="B4208" s="6" t="e"/>
      <c r="C4208" s="6" t="s">
        <v>136</v>
      </c>
      <c r="D4208" s="6" t="s">
        <v>11</v>
      </c>
      <c r="E4208" s="6" t="e"/>
    </row>
    <row r="4209" ht="22" customHeight="true" s="1" customFormat="true" hidden="true" outlineLevel="3">
      <c r="A4209" s="6" t="s">
        <v>4600</v>
      </c>
      <c r="B4209" s="6" t="e"/>
      <c r="C4209" s="6" t="s">
        <v>219</v>
      </c>
      <c r="D4209" s="6" t="s">
        <v>26</v>
      </c>
      <c r="E4209" s="6" t="e"/>
    </row>
    <row r="4210" ht="22" customHeight="true" s="1" customFormat="true" hidden="true" outlineLevel="3">
      <c r="A4210" s="6" t="s">
        <v>4601</v>
      </c>
      <c r="B4210" s="6" t="e"/>
      <c r="C4210" s="6" t="s">
        <v>136</v>
      </c>
      <c r="D4210" s="6" t="s">
        <v>11</v>
      </c>
      <c r="E4210" s="6" t="e"/>
    </row>
    <row r="4211" ht="22" customHeight="true" s="1" customFormat="true" hidden="true" outlineLevel="3">
      <c r="A4211" s="6" t="s">
        <v>4602</v>
      </c>
      <c r="B4211" s="6" t="e"/>
      <c r="C4211" s="6" t="s">
        <v>155</v>
      </c>
      <c r="D4211" s="6" t="s">
        <v>123</v>
      </c>
      <c r="E4211" s="6" t="e"/>
    </row>
    <row r="4212" ht="22" customHeight="true" s="1" customFormat="true" hidden="true" outlineLevel="3">
      <c r="A4212" s="6" t="s">
        <v>4603</v>
      </c>
      <c r="B4212" s="6" t="e"/>
      <c r="C4212" s="6" t="s">
        <v>50</v>
      </c>
      <c r="D4212" s="6" t="s">
        <v>11</v>
      </c>
      <c r="E4212" s="6" t="e"/>
    </row>
    <row r="4213" ht="22" customHeight="true" s="1" customFormat="true" hidden="true" outlineLevel="3">
      <c r="A4213" s="6" t="s">
        <v>4604</v>
      </c>
      <c r="B4213" s="6" t="e"/>
      <c r="C4213" s="6" t="s">
        <v>136</v>
      </c>
      <c r="D4213" s="6" t="s">
        <v>11</v>
      </c>
      <c r="E4213" s="6" t="e"/>
    </row>
    <row r="4214" ht="33" customHeight="true" s="1" customFormat="true" hidden="true" outlineLevel="3">
      <c r="A4214" s="6" t="s">
        <v>4605</v>
      </c>
      <c r="B4214" s="6" t="e"/>
      <c r="C4214" s="6" t="s">
        <v>149</v>
      </c>
      <c r="D4214" s="6" t="s">
        <v>26</v>
      </c>
      <c r="E4214" s="6" t="e"/>
    </row>
    <row r="4215" ht="33" customHeight="true" s="1" customFormat="true" hidden="true" outlineLevel="3">
      <c r="A4215" s="6" t="s">
        <v>4606</v>
      </c>
      <c r="B4215" s="6" t="e"/>
      <c r="C4215" s="6" t="s">
        <v>149</v>
      </c>
      <c r="D4215" s="6" t="s">
        <v>26</v>
      </c>
      <c r="E4215" s="6" t="e"/>
    </row>
    <row r="4216" ht="33" customHeight="true" s="1" customFormat="true" hidden="true" outlineLevel="3">
      <c r="A4216" s="6" t="s">
        <v>4607</v>
      </c>
      <c r="B4216" s="6" t="e"/>
      <c r="C4216" s="6" t="s">
        <v>126</v>
      </c>
      <c r="D4216" s="6" t="s">
        <v>11</v>
      </c>
      <c r="E4216" s="6" t="e"/>
    </row>
    <row r="4217" ht="33" customHeight="true" s="1" customFormat="true" hidden="true" outlineLevel="3">
      <c r="A4217" s="6" t="s">
        <v>4608</v>
      </c>
      <c r="B4217" s="6" t="e"/>
      <c r="C4217" s="6" t="s">
        <v>126</v>
      </c>
      <c r="D4217" s="6" t="s">
        <v>26</v>
      </c>
      <c r="E4217" s="6" t="e"/>
    </row>
    <row r="4218" ht="33" customHeight="true" s="1" customFormat="true" hidden="true" outlineLevel="3">
      <c r="A4218" s="6" t="s">
        <v>4609</v>
      </c>
      <c r="B4218" s="6" t="e"/>
      <c r="C4218" s="6" t="s">
        <v>126</v>
      </c>
      <c r="D4218" s="6" t="s">
        <v>11</v>
      </c>
      <c r="E4218" s="6" t="e"/>
    </row>
    <row r="4219" ht="56" customHeight="true" s="1" customFormat="true" hidden="true" outlineLevel="3">
      <c r="A4219" s="6" t="s">
        <v>4610</v>
      </c>
      <c r="B4219" s="6" t="e"/>
      <c r="C4219" s="6" t="s">
        <v>126</v>
      </c>
      <c r="D4219" s="6" t="s">
        <v>11</v>
      </c>
      <c r="E4219" s="6" t="e"/>
    </row>
    <row r="4220" ht="33" customHeight="true" s="1" customFormat="true" hidden="true" outlineLevel="3">
      <c r="A4220" s="6" t="s">
        <v>4611</v>
      </c>
      <c r="B4220" s="6" t="e"/>
      <c r="C4220" s="6" t="s">
        <v>155</v>
      </c>
      <c r="D4220" s="6" t="s">
        <v>11</v>
      </c>
      <c r="E4220" s="6" t="e"/>
    </row>
    <row r="4221" ht="33" customHeight="true" s="1" customFormat="true" hidden="true" outlineLevel="3">
      <c r="A4221" s="6" t="s">
        <v>4612</v>
      </c>
      <c r="B4221" s="6" t="e"/>
      <c r="C4221" s="6" t="s">
        <v>155</v>
      </c>
      <c r="D4221" s="6" t="s">
        <v>11</v>
      </c>
      <c r="E4221" s="6" t="e"/>
    </row>
    <row r="4222" ht="33" customHeight="true" s="1" customFormat="true" hidden="true" outlineLevel="3">
      <c r="A4222" s="6" t="s">
        <v>4613</v>
      </c>
      <c r="B4222" s="6" t="e"/>
      <c r="C4222" s="6" t="s">
        <v>126</v>
      </c>
      <c r="D4222" s="6" t="s">
        <v>11</v>
      </c>
      <c r="E4222" s="6" t="e"/>
    </row>
    <row r="4223" ht="33" customHeight="true" s="1" customFormat="true" hidden="true" outlineLevel="3">
      <c r="A4223" s="6" t="s">
        <v>4614</v>
      </c>
      <c r="B4223" s="6" t="e"/>
      <c r="C4223" s="6" t="s">
        <v>155</v>
      </c>
      <c r="D4223" s="6" t="s">
        <v>11</v>
      </c>
      <c r="E4223" s="6" t="e"/>
    </row>
    <row r="4224" ht="33" customHeight="true" s="1" customFormat="true" hidden="true" outlineLevel="3">
      <c r="A4224" s="6" t="s">
        <v>4615</v>
      </c>
      <c r="B4224" s="6" t="e"/>
      <c r="C4224" s="6" t="s">
        <v>155</v>
      </c>
      <c r="D4224" s="6" t="s">
        <v>11</v>
      </c>
      <c r="E4224" s="6" t="e"/>
    </row>
    <row r="4225" ht="33" customHeight="true" s="1" customFormat="true" hidden="true" outlineLevel="3">
      <c r="A4225" s="6" t="s">
        <v>4616</v>
      </c>
      <c r="B4225" s="6" t="e"/>
      <c r="C4225" s="6" t="s">
        <v>155</v>
      </c>
      <c r="D4225" s="6" t="s">
        <v>11</v>
      </c>
      <c r="E4225" s="6" t="e"/>
    </row>
    <row r="4226" ht="33" customHeight="true" s="1" customFormat="true" hidden="true" outlineLevel="3">
      <c r="A4226" s="6" t="s">
        <v>4617</v>
      </c>
      <c r="B4226" s="6" t="e"/>
      <c r="C4226" s="6" t="s">
        <v>155</v>
      </c>
      <c r="D4226" s="6" t="s">
        <v>40</v>
      </c>
      <c r="E4226" s="6" t="e"/>
    </row>
    <row r="4227" ht="33" customHeight="true" s="1" customFormat="true" hidden="true" outlineLevel="3">
      <c r="A4227" s="6" t="s">
        <v>4618</v>
      </c>
      <c r="B4227" s="6" t="e"/>
      <c r="C4227" s="6" t="s">
        <v>55</v>
      </c>
      <c r="D4227" s="6" t="s">
        <v>11</v>
      </c>
      <c r="E4227" s="6" t="e"/>
    </row>
    <row r="4228" ht="33" customHeight="true" s="1" customFormat="true" hidden="true" outlineLevel="3">
      <c r="A4228" s="6" t="s">
        <v>4619</v>
      </c>
      <c r="B4228" s="6" t="e"/>
      <c r="C4228" s="6" t="s">
        <v>55</v>
      </c>
      <c r="D4228" s="6" t="s">
        <v>40</v>
      </c>
      <c r="E4228" s="6" t="e"/>
    </row>
    <row r="4229" ht="33" customHeight="true" s="1" customFormat="true" hidden="true" outlineLevel="3">
      <c r="A4229" s="6" t="s">
        <v>4620</v>
      </c>
      <c r="B4229" s="6" t="e"/>
      <c r="C4229" s="6" t="s">
        <v>55</v>
      </c>
      <c r="D4229" s="6" t="s">
        <v>26</v>
      </c>
      <c r="E4229" s="6" t="e"/>
    </row>
    <row r="4230" ht="44" customHeight="true" s="1" customFormat="true" hidden="true" outlineLevel="3">
      <c r="A4230" s="6" t="s">
        <v>4621</v>
      </c>
      <c r="B4230" s="6" t="e"/>
      <c r="C4230" s="6" t="s">
        <v>219</v>
      </c>
      <c r="D4230" s="6" t="s">
        <v>11</v>
      </c>
      <c r="E4230" s="6" t="e"/>
    </row>
    <row r="4231" ht="44" customHeight="true" s="1" customFormat="true" hidden="true" outlineLevel="3">
      <c r="A4231" s="6" t="s">
        <v>4622</v>
      </c>
      <c r="B4231" s="6" t="e"/>
      <c r="C4231" s="6" t="s">
        <v>219</v>
      </c>
      <c r="D4231" s="6" t="s">
        <v>26</v>
      </c>
      <c r="E4231" s="6" t="e"/>
    </row>
    <row r="4232" ht="44" customHeight="true" s="1" customFormat="true" hidden="true" outlineLevel="3">
      <c r="A4232" s="6" t="s">
        <v>4623</v>
      </c>
      <c r="B4232" s="6" t="e"/>
      <c r="C4232" s="6" t="s">
        <v>289</v>
      </c>
      <c r="D4232" s="6" t="s">
        <v>11</v>
      </c>
      <c r="E4232" s="6" t="e"/>
    </row>
    <row r="4233" ht="33" customHeight="true" s="1" customFormat="true" hidden="true" outlineLevel="3">
      <c r="A4233" s="6" t="s">
        <v>4624</v>
      </c>
      <c r="B4233" s="6" t="e"/>
      <c r="C4233" s="6" t="s">
        <v>292</v>
      </c>
      <c r="D4233" s="6" t="s">
        <v>11</v>
      </c>
      <c r="E4233" s="6" t="e"/>
    </row>
    <row r="4234" ht="44" customHeight="true" s="1" customFormat="true" hidden="true" outlineLevel="3">
      <c r="A4234" s="6" t="s">
        <v>4625</v>
      </c>
      <c r="B4234" s="6" t="e"/>
      <c r="C4234" s="6" t="s">
        <v>47</v>
      </c>
      <c r="D4234" s="6" t="s">
        <v>11</v>
      </c>
      <c r="E4234" s="6" t="e"/>
    </row>
    <row r="4235" ht="33" customHeight="true" s="1" customFormat="true" hidden="true" outlineLevel="3">
      <c r="A4235" s="6" t="s">
        <v>4626</v>
      </c>
      <c r="B4235" s="6" t="e"/>
      <c r="C4235" s="6" t="s">
        <v>292</v>
      </c>
      <c r="D4235" s="6" t="s">
        <v>11</v>
      </c>
      <c r="E4235" s="6" t="e"/>
    </row>
    <row r="4236" ht="44" customHeight="true" s="1" customFormat="true" hidden="true" outlineLevel="3">
      <c r="A4236" s="6" t="s">
        <v>4627</v>
      </c>
      <c r="B4236" s="6" t="e"/>
      <c r="C4236" s="6" t="s">
        <v>292</v>
      </c>
      <c r="D4236" s="6" t="s">
        <v>11</v>
      </c>
      <c r="E4236" s="6" t="e"/>
    </row>
    <row r="4237" ht="33" customHeight="true" s="1" customFormat="true" hidden="true" outlineLevel="3">
      <c r="A4237" s="6" t="s">
        <v>4628</v>
      </c>
      <c r="B4237" s="6" t="e"/>
      <c r="C4237" s="6" t="s">
        <v>66</v>
      </c>
      <c r="D4237" s="6" t="s">
        <v>11</v>
      </c>
      <c r="E4237" s="6" t="e"/>
    </row>
    <row r="4238" ht="33" customHeight="true" s="1" customFormat="true" hidden="true" outlineLevel="3">
      <c r="A4238" s="6" t="s">
        <v>4629</v>
      </c>
      <c r="B4238" s="6" t="e"/>
      <c r="C4238" s="6" t="s">
        <v>112</v>
      </c>
      <c r="D4238" s="6" t="s">
        <v>11</v>
      </c>
      <c r="E4238" s="6" t="e"/>
    </row>
    <row r="4239" ht="33" customHeight="true" s="1" customFormat="true" hidden="true" outlineLevel="3">
      <c r="A4239" s="6" t="s">
        <v>4630</v>
      </c>
      <c r="B4239" s="6" t="e"/>
      <c r="C4239" s="6" t="s">
        <v>112</v>
      </c>
      <c r="D4239" s="6" t="s">
        <v>11</v>
      </c>
      <c r="E4239" s="6" t="e"/>
    </row>
    <row r="4240" ht="33" customHeight="true" s="1" customFormat="true" hidden="true" outlineLevel="3">
      <c r="A4240" s="6" t="s">
        <v>4631</v>
      </c>
      <c r="B4240" s="6" t="e"/>
      <c r="C4240" s="6" t="s">
        <v>292</v>
      </c>
      <c r="D4240" s="6" t="s">
        <v>11</v>
      </c>
      <c r="E4240" s="6" t="e"/>
    </row>
    <row r="4241" ht="33" customHeight="true" s="1" customFormat="true" hidden="true" outlineLevel="3">
      <c r="A4241" s="6" t="s">
        <v>4632</v>
      </c>
      <c r="B4241" s="6" t="e"/>
      <c r="C4241" s="6" t="s">
        <v>292</v>
      </c>
      <c r="D4241" s="6" t="s">
        <v>11</v>
      </c>
      <c r="E4241" s="6" t="e"/>
    </row>
    <row r="4242" ht="33" customHeight="true" s="1" customFormat="true" hidden="true" outlineLevel="3">
      <c r="A4242" s="6" t="s">
        <v>4633</v>
      </c>
      <c r="B4242" s="6" t="e"/>
      <c r="C4242" s="6" t="s">
        <v>292</v>
      </c>
      <c r="D4242" s="6" t="s">
        <v>11</v>
      </c>
      <c r="E4242" s="6" t="e"/>
    </row>
    <row r="4243" ht="22" customHeight="true" s="1" customFormat="true" hidden="true" outlineLevel="3">
      <c r="A4243" s="6" t="s">
        <v>4634</v>
      </c>
      <c r="B4243" s="6" t="e"/>
      <c r="C4243" s="6" t="s">
        <v>126</v>
      </c>
      <c r="D4243" s="6" t="s">
        <v>26</v>
      </c>
      <c r="E4243" s="6" t="e"/>
    </row>
    <row r="4244" ht="22" customHeight="true" s="1" customFormat="true" hidden="true" outlineLevel="3">
      <c r="A4244" s="6" t="s">
        <v>4635</v>
      </c>
      <c r="B4244" s="6" t="e"/>
      <c r="C4244" s="6" t="s">
        <v>188</v>
      </c>
      <c r="D4244" s="6" t="s">
        <v>40</v>
      </c>
      <c r="E4244" s="6" t="e"/>
    </row>
    <row r="4245" ht="22" customHeight="true" s="1" customFormat="true" hidden="true" outlineLevel="3">
      <c r="A4245" s="6" t="s">
        <v>4636</v>
      </c>
      <c r="B4245" s="6" t="e"/>
      <c r="C4245" s="6" t="s">
        <v>188</v>
      </c>
      <c r="D4245" s="6" t="s">
        <v>11</v>
      </c>
      <c r="E4245" s="6" t="e"/>
    </row>
    <row r="4246" ht="22" customHeight="true" s="1" customFormat="true" hidden="true" outlineLevel="3">
      <c r="A4246" s="6" t="s">
        <v>4637</v>
      </c>
      <c r="B4246" s="6" t="e"/>
      <c r="C4246" s="6" t="s">
        <v>55</v>
      </c>
      <c r="D4246" s="6" t="s">
        <v>26</v>
      </c>
      <c r="E4246" s="6" t="e"/>
    </row>
    <row r="4247" ht="33" customHeight="true" s="1" customFormat="true" hidden="true" outlineLevel="3">
      <c r="A4247" s="6" t="s">
        <v>4638</v>
      </c>
      <c r="B4247" s="6" t="e"/>
      <c r="C4247" s="6" t="s">
        <v>126</v>
      </c>
      <c r="D4247" s="6" t="s">
        <v>15</v>
      </c>
      <c r="E4247" s="6" t="e"/>
    </row>
    <row r="4248" ht="22" customHeight="true" s="1" customFormat="true" hidden="true" outlineLevel="3">
      <c r="A4248" s="6" t="s">
        <v>4639</v>
      </c>
      <c r="B4248" s="6" t="e"/>
      <c r="C4248" s="6" t="s">
        <v>289</v>
      </c>
      <c r="D4248" s="6" t="s">
        <v>11</v>
      </c>
      <c r="E4248" s="6" t="e"/>
    </row>
    <row r="4249" ht="33" customHeight="true" s="1" customFormat="true" hidden="true" outlineLevel="3">
      <c r="A4249" s="6" t="s">
        <v>4640</v>
      </c>
      <c r="B4249" s="6" t="e"/>
      <c r="C4249" s="6" t="s">
        <v>149</v>
      </c>
      <c r="D4249" s="6" t="s">
        <v>11</v>
      </c>
      <c r="E4249" s="6" t="e"/>
    </row>
    <row r="4250" ht="22" customHeight="true" s="1" customFormat="true" hidden="true" outlineLevel="3">
      <c r="A4250" s="6" t="s">
        <v>4641</v>
      </c>
      <c r="B4250" s="6" t="e"/>
      <c r="C4250" s="6" t="s">
        <v>1214</v>
      </c>
      <c r="D4250" s="6" t="s">
        <v>11</v>
      </c>
      <c r="E4250" s="6" t="e"/>
    </row>
    <row r="4251" ht="22" customHeight="true" s="1" customFormat="true" hidden="true" outlineLevel="3">
      <c r="A4251" s="6" t="s">
        <v>4642</v>
      </c>
      <c r="B4251" s="6" t="e"/>
      <c r="C4251" s="6" t="s">
        <v>1214</v>
      </c>
      <c r="D4251" s="6" t="s">
        <v>11</v>
      </c>
      <c r="E4251" s="6" t="e"/>
    </row>
    <row r="4252" ht="22" customHeight="true" s="1" customFormat="true" hidden="true" outlineLevel="3">
      <c r="A4252" s="6" t="s">
        <v>4643</v>
      </c>
      <c r="B4252" s="6" t="e"/>
      <c r="C4252" s="6" t="s">
        <v>369</v>
      </c>
      <c r="D4252" s="6" t="s">
        <v>11</v>
      </c>
      <c r="E4252" s="6" t="e"/>
    </row>
    <row r="4253" ht="33" customHeight="true" s="1" customFormat="true" hidden="true" outlineLevel="3">
      <c r="A4253" s="6" t="s">
        <v>4644</v>
      </c>
      <c r="B4253" s="6" t="e"/>
      <c r="C4253" s="6" t="s">
        <v>155</v>
      </c>
      <c r="D4253" s="6" t="s">
        <v>11</v>
      </c>
      <c r="E4253" s="6" t="e"/>
    </row>
    <row r="4254" ht="33" customHeight="true" s="1" customFormat="true" hidden="true" outlineLevel="3">
      <c r="A4254" s="6" t="s">
        <v>4645</v>
      </c>
      <c r="B4254" s="6" t="e"/>
      <c r="C4254" s="6" t="s">
        <v>155</v>
      </c>
      <c r="D4254" s="6" t="s">
        <v>11</v>
      </c>
      <c r="E4254" s="6" t="e"/>
    </row>
    <row r="4255" ht="22" customHeight="true" s="1" customFormat="true" hidden="true" outlineLevel="3">
      <c r="A4255" s="6" t="s">
        <v>4646</v>
      </c>
      <c r="B4255" s="6" t="e"/>
      <c r="C4255" s="6" t="s">
        <v>2768</v>
      </c>
      <c r="D4255" s="6" t="s">
        <v>11</v>
      </c>
      <c r="E4255" s="6" t="e"/>
    </row>
    <row r="4256" ht="33" customHeight="true" s="1" customFormat="true" hidden="true" outlineLevel="3">
      <c r="A4256" s="6" t="s">
        <v>4647</v>
      </c>
      <c r="B4256" s="6" t="e"/>
      <c r="C4256" s="6" t="s">
        <v>188</v>
      </c>
      <c r="D4256" s="6" t="s">
        <v>26</v>
      </c>
      <c r="E4256" s="6" t="e"/>
    </row>
    <row r="4257" ht="22" customHeight="true" s="1" customFormat="true" hidden="true" outlineLevel="3">
      <c r="A4257" s="6" t="s">
        <v>4648</v>
      </c>
      <c r="B4257" s="6" t="e"/>
      <c r="C4257" s="6" t="s">
        <v>155</v>
      </c>
      <c r="D4257" s="6" t="s">
        <v>11</v>
      </c>
      <c r="E4257" s="6" t="e"/>
    </row>
    <row r="4258" ht="33" customHeight="true" s="1" customFormat="true" hidden="true" outlineLevel="3">
      <c r="A4258" s="6" t="s">
        <v>4649</v>
      </c>
      <c r="B4258" s="6" t="e"/>
      <c r="C4258" s="6" t="s">
        <v>155</v>
      </c>
      <c r="D4258" s="6" t="s">
        <v>11</v>
      </c>
      <c r="E4258" s="6" t="e"/>
    </row>
    <row r="4259" ht="44" customHeight="true" s="1" customFormat="true" hidden="true" outlineLevel="3">
      <c r="A4259" s="6" t="s">
        <v>4650</v>
      </c>
      <c r="B4259" s="6" t="e"/>
      <c r="C4259" s="6" t="s">
        <v>155</v>
      </c>
      <c r="D4259" s="6" t="s">
        <v>11</v>
      </c>
      <c r="E4259" s="6" t="e"/>
    </row>
    <row r="4260" ht="44" customHeight="true" s="1" customFormat="true" hidden="true" outlineLevel="3">
      <c r="A4260" s="6" t="s">
        <v>4651</v>
      </c>
      <c r="B4260" s="6" t="e"/>
      <c r="C4260" s="6" t="s">
        <v>155</v>
      </c>
      <c r="D4260" s="6" t="s">
        <v>11</v>
      </c>
      <c r="E4260" s="6" t="e"/>
    </row>
    <row r="4261" ht="33" customHeight="true" s="1" customFormat="true" hidden="true" outlineLevel="3">
      <c r="A4261" s="6" t="s">
        <v>4652</v>
      </c>
      <c r="B4261" s="6" t="e"/>
      <c r="C4261" s="6" t="s">
        <v>155</v>
      </c>
      <c r="D4261" s="6" t="s">
        <v>11</v>
      </c>
      <c r="E4261" s="6" t="e"/>
    </row>
    <row r="4262" ht="11" customHeight="true" s="1" customFormat="true" hidden="true" outlineLevel="3">
      <c r="A4262" s="6" t="s">
        <v>4653</v>
      </c>
      <c r="B4262" s="6" t="e"/>
      <c r="C4262" s="6" t="s">
        <v>219</v>
      </c>
      <c r="D4262" s="6" t="s">
        <v>11</v>
      </c>
      <c r="E4262" s="6" t="e"/>
    </row>
    <row r="4263" ht="33" customHeight="true" s="1" customFormat="true" hidden="true" outlineLevel="3">
      <c r="A4263" s="6" t="s">
        <v>4654</v>
      </c>
      <c r="B4263" s="6" t="e"/>
      <c r="C4263" s="6" t="s">
        <v>99</v>
      </c>
      <c r="D4263" s="6" t="s">
        <v>11</v>
      </c>
      <c r="E4263" s="6" t="e"/>
    </row>
    <row r="4264" ht="33" customHeight="true" s="1" customFormat="true" hidden="true" outlineLevel="3">
      <c r="A4264" s="6" t="s">
        <v>4655</v>
      </c>
      <c r="B4264" s="6" t="e"/>
      <c r="C4264" s="6" t="s">
        <v>155</v>
      </c>
      <c r="D4264" s="6" t="s">
        <v>11</v>
      </c>
      <c r="E4264" s="6" t="e"/>
    </row>
    <row r="4265" ht="33" customHeight="true" s="1" customFormat="true" hidden="true" outlineLevel="3">
      <c r="A4265" s="6" t="s">
        <v>4656</v>
      </c>
      <c r="B4265" s="6" t="e"/>
      <c r="C4265" s="6" t="s">
        <v>155</v>
      </c>
      <c r="D4265" s="6" t="s">
        <v>11</v>
      </c>
      <c r="E4265" s="6" t="e"/>
    </row>
    <row r="4266" ht="33" customHeight="true" s="1" customFormat="true" hidden="true" outlineLevel="3">
      <c r="A4266" s="6" t="s">
        <v>4657</v>
      </c>
      <c r="B4266" s="6" t="e"/>
      <c r="C4266" s="6" t="s">
        <v>155</v>
      </c>
      <c r="D4266" s="6" t="s">
        <v>11</v>
      </c>
      <c r="E4266" s="6" t="e"/>
    </row>
    <row r="4267" ht="33" customHeight="true" s="1" customFormat="true" hidden="true" outlineLevel="3">
      <c r="A4267" s="6" t="s">
        <v>4658</v>
      </c>
      <c r="B4267" s="6" t="e"/>
      <c r="C4267" s="6" t="s">
        <v>155</v>
      </c>
      <c r="D4267" s="6" t="s">
        <v>26</v>
      </c>
      <c r="E4267" s="6" t="e"/>
    </row>
    <row r="4268" ht="22" customHeight="true" s="1" customFormat="true" hidden="true" outlineLevel="3">
      <c r="A4268" s="6" t="s">
        <v>4659</v>
      </c>
      <c r="B4268" s="6" t="e"/>
      <c r="C4268" s="6" t="s">
        <v>126</v>
      </c>
      <c r="D4268" s="6" t="s">
        <v>26</v>
      </c>
      <c r="E4268" s="6" t="e"/>
    </row>
    <row r="4269" ht="33" customHeight="true" s="1" customFormat="true" hidden="true" outlineLevel="3">
      <c r="A4269" s="6" t="s">
        <v>4660</v>
      </c>
      <c r="B4269" s="6" t="e"/>
      <c r="C4269" s="6" t="s">
        <v>155</v>
      </c>
      <c r="D4269" s="6" t="s">
        <v>11</v>
      </c>
      <c r="E4269" s="6" t="e"/>
    </row>
    <row r="4270" ht="33" customHeight="true" s="1" customFormat="true" hidden="true" outlineLevel="3">
      <c r="A4270" s="6" t="s">
        <v>4661</v>
      </c>
      <c r="B4270" s="6" t="e"/>
      <c r="C4270" s="6" t="s">
        <v>155</v>
      </c>
      <c r="D4270" s="6" t="s">
        <v>11</v>
      </c>
      <c r="E4270" s="6" t="e"/>
    </row>
    <row r="4271" ht="33" customHeight="true" s="1" customFormat="true" hidden="true" outlineLevel="3">
      <c r="A4271" s="6" t="s">
        <v>4662</v>
      </c>
      <c r="B4271" s="6" t="e"/>
      <c r="C4271" s="6" t="s">
        <v>155</v>
      </c>
      <c r="D4271" s="6" t="s">
        <v>11</v>
      </c>
      <c r="E4271" s="6" t="e"/>
    </row>
    <row r="4272" ht="33" customHeight="true" s="1" customFormat="true" hidden="true" outlineLevel="3">
      <c r="A4272" s="6" t="s">
        <v>4663</v>
      </c>
      <c r="B4272" s="6" t="e"/>
      <c r="C4272" s="6" t="s">
        <v>126</v>
      </c>
      <c r="D4272" s="6" t="s">
        <v>11</v>
      </c>
      <c r="E4272" s="6" t="e"/>
    </row>
    <row r="4273" ht="22" customHeight="true" s="1" customFormat="true" hidden="true" outlineLevel="3">
      <c r="A4273" s="6" t="s">
        <v>4664</v>
      </c>
      <c r="B4273" s="6" t="e"/>
      <c r="C4273" s="6" t="s">
        <v>155</v>
      </c>
      <c r="D4273" s="6" t="s">
        <v>15</v>
      </c>
      <c r="E4273" s="6" t="e"/>
    </row>
    <row r="4274" ht="22" customHeight="true" s="1" customFormat="true" hidden="true" outlineLevel="3">
      <c r="A4274" s="6" t="s">
        <v>4665</v>
      </c>
      <c r="B4274" s="6" t="e"/>
      <c r="C4274" s="6" t="s">
        <v>155</v>
      </c>
      <c r="D4274" s="6" t="s">
        <v>40</v>
      </c>
      <c r="E4274" s="6" t="e"/>
    </row>
    <row r="4275" ht="22" customHeight="true" s="1" customFormat="true" hidden="true" outlineLevel="3">
      <c r="A4275" s="6" t="s">
        <v>4666</v>
      </c>
      <c r="B4275" s="6" t="e"/>
      <c r="C4275" s="6" t="s">
        <v>2768</v>
      </c>
      <c r="D4275" s="6" t="s">
        <v>11</v>
      </c>
      <c r="E4275" s="6" t="e"/>
    </row>
    <row r="4276" ht="22" customHeight="true" s="1" customFormat="true" hidden="true" outlineLevel="3">
      <c r="A4276" s="6" t="s">
        <v>4667</v>
      </c>
      <c r="B4276" s="6" t="e"/>
      <c r="C4276" s="6" t="s">
        <v>302</v>
      </c>
      <c r="D4276" s="6" t="s">
        <v>40</v>
      </c>
      <c r="E4276" s="6" t="e"/>
    </row>
    <row r="4277" ht="22" customHeight="true" s="1" customFormat="true" hidden="true" outlineLevel="3">
      <c r="A4277" s="6" t="s">
        <v>4668</v>
      </c>
      <c r="B4277" s="6" t="e"/>
      <c r="C4277" s="6" t="s">
        <v>302</v>
      </c>
      <c r="D4277" s="6" t="s">
        <v>11</v>
      </c>
      <c r="E4277" s="6" t="e"/>
    </row>
    <row r="4278" ht="22" customHeight="true" s="1" customFormat="true" hidden="true" outlineLevel="3">
      <c r="A4278" s="6" t="s">
        <v>4669</v>
      </c>
      <c r="B4278" s="6" t="e"/>
      <c r="C4278" s="6" t="s">
        <v>103</v>
      </c>
      <c r="D4278" s="6" t="s">
        <v>11</v>
      </c>
      <c r="E4278" s="6" t="e"/>
    </row>
    <row r="4279" ht="22" customHeight="true" s="1" customFormat="true" hidden="true" outlineLevel="3">
      <c r="A4279" s="6" t="s">
        <v>4670</v>
      </c>
      <c r="B4279" s="6" t="e"/>
      <c r="C4279" s="6" t="s">
        <v>219</v>
      </c>
      <c r="D4279" s="6" t="s">
        <v>11</v>
      </c>
      <c r="E4279" s="6" t="e"/>
    </row>
    <row r="4280" ht="22" customHeight="true" s="1" customFormat="true" hidden="true" outlineLevel="3">
      <c r="A4280" s="6" t="s">
        <v>4671</v>
      </c>
      <c r="B4280" s="6" t="e"/>
      <c r="C4280" s="6" t="s">
        <v>302</v>
      </c>
      <c r="D4280" s="6" t="s">
        <v>11</v>
      </c>
      <c r="E4280" s="6" t="e"/>
    </row>
    <row r="4281" ht="22" customHeight="true" s="1" customFormat="true" hidden="true" outlineLevel="3">
      <c r="A4281" s="6" t="s">
        <v>4672</v>
      </c>
      <c r="B4281" s="6" t="e"/>
      <c r="C4281" s="6" t="s">
        <v>155</v>
      </c>
      <c r="D4281" s="6" t="s">
        <v>40</v>
      </c>
      <c r="E4281" s="6" t="e"/>
    </row>
    <row r="4282" ht="22" customHeight="true" s="1" customFormat="true" hidden="true" outlineLevel="3">
      <c r="A4282" s="6" t="s">
        <v>4673</v>
      </c>
      <c r="B4282" s="6" t="e"/>
      <c r="C4282" s="6" t="s">
        <v>155</v>
      </c>
      <c r="D4282" s="6" t="s">
        <v>11</v>
      </c>
      <c r="E4282" s="6" t="e"/>
    </row>
    <row r="4283" ht="22" customHeight="true" s="1" customFormat="true" hidden="true" outlineLevel="3">
      <c r="A4283" s="6" t="s">
        <v>4674</v>
      </c>
      <c r="B4283" s="6" t="e"/>
      <c r="C4283" s="6" t="s">
        <v>55</v>
      </c>
      <c r="D4283" s="6" t="s">
        <v>40</v>
      </c>
      <c r="E4283" s="6" t="e"/>
    </row>
    <row r="4284" ht="22" customHeight="true" s="1" customFormat="true" hidden="true" outlineLevel="3">
      <c r="A4284" s="6" t="s">
        <v>4675</v>
      </c>
      <c r="B4284" s="6" t="e"/>
      <c r="C4284" s="6" t="s">
        <v>219</v>
      </c>
      <c r="D4284" s="6" t="s">
        <v>11</v>
      </c>
      <c r="E4284" s="6" t="e"/>
    </row>
    <row r="4285" ht="22" customHeight="true" s="1" customFormat="true" hidden="true" outlineLevel="3">
      <c r="A4285" s="6" t="s">
        <v>4676</v>
      </c>
      <c r="B4285" s="6" t="e"/>
      <c r="C4285" s="6" t="s">
        <v>219</v>
      </c>
      <c r="D4285" s="6" t="s">
        <v>11</v>
      </c>
      <c r="E4285" s="6" t="e"/>
    </row>
    <row r="4286" ht="22" customHeight="true" s="1" customFormat="true" hidden="true" outlineLevel="3">
      <c r="A4286" s="6" t="s">
        <v>4677</v>
      </c>
      <c r="B4286" s="6" t="e"/>
      <c r="C4286" s="6" t="s">
        <v>142</v>
      </c>
      <c r="D4286" s="6" t="s">
        <v>26</v>
      </c>
      <c r="E4286" s="6" t="e"/>
    </row>
    <row r="4287" ht="22" customHeight="true" s="1" customFormat="true" hidden="true" outlineLevel="3">
      <c r="A4287" s="6" t="s">
        <v>4678</v>
      </c>
      <c r="B4287" s="6" t="e"/>
      <c r="C4287" s="6" t="s">
        <v>155</v>
      </c>
      <c r="D4287" s="6" t="s">
        <v>11</v>
      </c>
      <c r="E4287" s="6" t="e"/>
    </row>
    <row r="4288" ht="22" customHeight="true" s="1" customFormat="true" hidden="true" outlineLevel="3">
      <c r="A4288" s="6" t="s">
        <v>4679</v>
      </c>
      <c r="B4288" s="6" t="e"/>
      <c r="C4288" s="6" t="s">
        <v>55</v>
      </c>
      <c r="D4288" s="6" t="s">
        <v>40</v>
      </c>
      <c r="E4288" s="6" t="e"/>
    </row>
    <row r="4289" ht="22" customHeight="true" s="1" customFormat="true" hidden="true" outlineLevel="3">
      <c r="A4289" s="6" t="s">
        <v>4680</v>
      </c>
      <c r="B4289" s="6" t="e"/>
      <c r="C4289" s="6" t="s">
        <v>155</v>
      </c>
      <c r="D4289" s="6" t="s">
        <v>11</v>
      </c>
      <c r="E4289" s="6" t="e"/>
    </row>
    <row r="4290" ht="33" customHeight="true" s="1" customFormat="true" hidden="true" outlineLevel="3">
      <c r="A4290" s="6" t="s">
        <v>4681</v>
      </c>
      <c r="B4290" s="6" t="e"/>
      <c r="C4290" s="6" t="s">
        <v>55</v>
      </c>
      <c r="D4290" s="6" t="s">
        <v>11</v>
      </c>
      <c r="E4290" s="6" t="e"/>
    </row>
    <row r="4291" ht="22" customHeight="true" s="1" customFormat="true" hidden="true" outlineLevel="3">
      <c r="A4291" s="6" t="s">
        <v>4682</v>
      </c>
      <c r="B4291" s="6" t="e"/>
      <c r="C4291" s="6" t="s">
        <v>50</v>
      </c>
      <c r="D4291" s="6" t="s">
        <v>11</v>
      </c>
      <c r="E4291" s="6" t="e"/>
    </row>
    <row r="4292" ht="22" customHeight="true" s="1" customFormat="true" hidden="true" outlineLevel="3">
      <c r="A4292" s="6" t="s">
        <v>4683</v>
      </c>
      <c r="B4292" s="6" t="e"/>
      <c r="C4292" s="6" t="s">
        <v>61</v>
      </c>
      <c r="D4292" s="6" t="s">
        <v>11</v>
      </c>
      <c r="E4292" s="6" t="e"/>
    </row>
    <row r="4293" ht="22" customHeight="true" s="1" customFormat="true" hidden="true" outlineLevel="3">
      <c r="A4293" s="6" t="s">
        <v>4684</v>
      </c>
      <c r="B4293" s="6" t="e"/>
      <c r="C4293" s="6" t="s">
        <v>55</v>
      </c>
      <c r="D4293" s="6" t="s">
        <v>26</v>
      </c>
      <c r="E4293" s="6" t="e"/>
    </row>
    <row r="4294" ht="22" customHeight="true" s="1" customFormat="true" hidden="true" outlineLevel="3">
      <c r="A4294" s="6" t="s">
        <v>4685</v>
      </c>
      <c r="B4294" s="6" t="e"/>
      <c r="C4294" s="6" t="s">
        <v>225</v>
      </c>
      <c r="D4294" s="6" t="s">
        <v>11</v>
      </c>
      <c r="E4294" s="6" t="e"/>
    </row>
    <row r="4295" ht="22" customHeight="true" s="1" customFormat="true" hidden="true" outlineLevel="3">
      <c r="A4295" s="6" t="s">
        <v>4686</v>
      </c>
      <c r="B4295" s="6" t="e"/>
      <c r="C4295" s="6" t="s">
        <v>253</v>
      </c>
      <c r="D4295" s="6" t="s">
        <v>11</v>
      </c>
      <c r="E4295" s="6" t="e"/>
    </row>
    <row r="4296" ht="22" customHeight="true" s="1" customFormat="true" hidden="true" outlineLevel="3">
      <c r="A4296" s="6" t="s">
        <v>4687</v>
      </c>
      <c r="B4296" s="6" t="e"/>
      <c r="C4296" s="6" t="s">
        <v>82</v>
      </c>
      <c r="D4296" s="6" t="s">
        <v>11</v>
      </c>
      <c r="E4296" s="6" t="e"/>
    </row>
    <row r="4297" ht="22" customHeight="true" s="1" customFormat="true" hidden="true" outlineLevel="3">
      <c r="A4297" s="6" t="s">
        <v>4688</v>
      </c>
      <c r="B4297" s="6" t="e"/>
      <c r="C4297" s="6" t="s">
        <v>126</v>
      </c>
      <c r="D4297" s="6" t="s">
        <v>11</v>
      </c>
      <c r="E4297" s="6" t="e"/>
    </row>
    <row r="4298" ht="22" customHeight="true" s="1" customFormat="true" hidden="true" outlineLevel="3">
      <c r="A4298" s="6" t="s">
        <v>4689</v>
      </c>
      <c r="B4298" s="6" t="e"/>
      <c r="C4298" s="6" t="s">
        <v>126</v>
      </c>
      <c r="D4298" s="6" t="s">
        <v>40</v>
      </c>
      <c r="E4298" s="6" t="e"/>
    </row>
    <row r="4299" ht="22" customHeight="true" s="1" customFormat="true" hidden="true" outlineLevel="3">
      <c r="A4299" s="6" t="s">
        <v>4690</v>
      </c>
      <c r="B4299" s="6" t="e"/>
      <c r="C4299" s="6" t="s">
        <v>149</v>
      </c>
      <c r="D4299" s="6" t="s">
        <v>11</v>
      </c>
      <c r="E4299" s="6" t="e"/>
    </row>
    <row r="4300" ht="22" customHeight="true" s="1" customFormat="true" hidden="true" outlineLevel="3">
      <c r="A4300" s="6" t="s">
        <v>4691</v>
      </c>
      <c r="B4300" s="6" t="e"/>
      <c r="C4300" s="6" t="s">
        <v>225</v>
      </c>
      <c r="D4300" s="6" t="s">
        <v>15</v>
      </c>
      <c r="E4300" s="6" t="e"/>
    </row>
    <row r="4301" ht="22" customHeight="true" s="1" customFormat="true" hidden="true" outlineLevel="3">
      <c r="A4301" s="6" t="s">
        <v>4692</v>
      </c>
      <c r="B4301" s="6" t="e"/>
      <c r="C4301" s="6" t="s">
        <v>126</v>
      </c>
      <c r="D4301" s="6" t="s">
        <v>11</v>
      </c>
      <c r="E4301" s="6" t="e"/>
    </row>
    <row r="4302" ht="22" customHeight="true" s="1" customFormat="true" hidden="true" collapsed="true" outlineLevel="3">
      <c r="A4302" s="6" t="s">
        <v>4693</v>
      </c>
      <c r="B4302" s="6" t="e"/>
      <c r="C4302" s="6" t="s">
        <v>126</v>
      </c>
      <c r="D4302" s="6" t="s">
        <v>26</v>
      </c>
      <c r="E4302" s="6" t="e"/>
    </row>
    <row r="4303" ht="11" customHeight="true" s="1" customFormat="true" hidden="true" collapsed="true" outlineLevel="2">
      <c r="A4303" s="5" t="s">
        <v>4694</v>
      </c>
      <c r="B4303" s="5" t="e"/>
      <c r="C4303" s="5" t="e"/>
      <c r="D4303" s="5" t="e"/>
      <c r="E4303" s="5" t="e"/>
    </row>
    <row r="4304" ht="44" customHeight="true" s="1" customFormat="true" hidden="true" outlineLevel="3">
      <c r="A4304" s="6" t="s">
        <v>4695</v>
      </c>
      <c r="B4304" s="6" t="e"/>
      <c r="C4304" s="6" t="s">
        <v>72</v>
      </c>
      <c r="D4304" s="6" t="s">
        <v>11</v>
      </c>
      <c r="E4304" s="6" t="e"/>
    </row>
    <row r="4305" ht="44" customHeight="true" s="1" customFormat="true" hidden="true" outlineLevel="3">
      <c r="A4305" s="6" t="s">
        <v>4696</v>
      </c>
      <c r="B4305" s="6" t="e"/>
      <c r="C4305" s="6" t="s">
        <v>72</v>
      </c>
      <c r="D4305" s="6" t="s">
        <v>11</v>
      </c>
      <c r="E4305" s="6" t="e"/>
    </row>
    <row r="4306" ht="44" customHeight="true" s="1" customFormat="true" hidden="true" outlineLevel="3">
      <c r="A4306" s="6" t="s">
        <v>4697</v>
      </c>
      <c r="B4306" s="6" t="e"/>
      <c r="C4306" s="6" t="s">
        <v>55</v>
      </c>
      <c r="D4306" s="6" t="s">
        <v>11</v>
      </c>
      <c r="E4306" s="6" t="e"/>
    </row>
    <row r="4307" ht="44" customHeight="true" s="1" customFormat="true" hidden="true" outlineLevel="3">
      <c r="A4307" s="6" t="s">
        <v>4698</v>
      </c>
      <c r="B4307" s="6" t="e"/>
      <c r="C4307" s="6" t="s">
        <v>219</v>
      </c>
      <c r="D4307" s="6" t="s">
        <v>40</v>
      </c>
      <c r="E4307" s="6" t="e"/>
    </row>
    <row r="4308" ht="44" customHeight="true" s="1" customFormat="true" hidden="true" outlineLevel="3">
      <c r="A4308" s="6" t="s">
        <v>4699</v>
      </c>
      <c r="B4308" s="6" t="e"/>
      <c r="C4308" s="6" t="s">
        <v>72</v>
      </c>
      <c r="D4308" s="6" t="s">
        <v>40</v>
      </c>
      <c r="E4308" s="6" t="e"/>
    </row>
    <row r="4309" ht="33" customHeight="true" s="1" customFormat="true" hidden="true" outlineLevel="3">
      <c r="A4309" s="6" t="s">
        <v>4700</v>
      </c>
      <c r="B4309" s="6" t="e"/>
      <c r="C4309" s="6" t="s">
        <v>51</v>
      </c>
      <c r="D4309" s="6" t="s">
        <v>11</v>
      </c>
      <c r="E4309" s="6" t="e"/>
    </row>
    <row r="4310" ht="44" customHeight="true" s="1" customFormat="true" hidden="true" outlineLevel="3">
      <c r="A4310" s="6" t="s">
        <v>4701</v>
      </c>
      <c r="B4310" s="6" t="e"/>
      <c r="C4310" s="6" t="s">
        <v>50</v>
      </c>
      <c r="D4310" s="6" t="s">
        <v>11</v>
      </c>
      <c r="E4310" s="6" t="e"/>
    </row>
    <row r="4311" ht="44" customHeight="true" s="1" customFormat="true" hidden="true" outlineLevel="3">
      <c r="A4311" s="6" t="s">
        <v>4702</v>
      </c>
      <c r="B4311" s="6" t="e"/>
      <c r="C4311" s="6" t="s">
        <v>127</v>
      </c>
      <c r="D4311" s="6" t="s">
        <v>11</v>
      </c>
      <c r="E4311" s="6" t="e"/>
    </row>
    <row r="4312" ht="44" customHeight="true" s="1" customFormat="true" hidden="true" outlineLevel="3">
      <c r="A4312" s="6" t="s">
        <v>4703</v>
      </c>
      <c r="B4312" s="6" t="e"/>
      <c r="C4312" s="6" t="s">
        <v>72</v>
      </c>
      <c r="D4312" s="6" t="s">
        <v>26</v>
      </c>
      <c r="E4312" s="6" t="e"/>
    </row>
    <row r="4313" ht="33" customHeight="true" s="1" customFormat="true" hidden="true" outlineLevel="3">
      <c r="A4313" s="6" t="s">
        <v>4704</v>
      </c>
      <c r="B4313" s="6" t="e"/>
      <c r="C4313" s="6" t="s">
        <v>219</v>
      </c>
      <c r="D4313" s="6" t="s">
        <v>11</v>
      </c>
      <c r="E4313" s="6" t="e"/>
    </row>
    <row r="4314" ht="33" customHeight="true" s="1" customFormat="true" hidden="true" outlineLevel="3">
      <c r="A4314" s="6" t="s">
        <v>4705</v>
      </c>
      <c r="B4314" s="6" t="e"/>
      <c r="C4314" s="6" t="s">
        <v>219</v>
      </c>
      <c r="D4314" s="6" t="s">
        <v>11</v>
      </c>
      <c r="E4314" s="6" t="e"/>
    </row>
    <row r="4315" ht="44" customHeight="true" s="1" customFormat="true" hidden="true" outlineLevel="3">
      <c r="A4315" s="6" t="s">
        <v>4706</v>
      </c>
      <c r="B4315" s="6" t="e"/>
      <c r="C4315" s="6" t="s">
        <v>219</v>
      </c>
      <c r="D4315" s="6" t="s">
        <v>11</v>
      </c>
      <c r="E4315" s="6" t="e"/>
    </row>
    <row r="4316" ht="44" customHeight="true" s="1" customFormat="true" hidden="true" outlineLevel="3">
      <c r="A4316" s="6" t="s">
        <v>4707</v>
      </c>
      <c r="B4316" s="6" t="e"/>
      <c r="C4316" s="6" t="s">
        <v>371</v>
      </c>
      <c r="D4316" s="6" t="s">
        <v>11</v>
      </c>
      <c r="E4316" s="6" t="e"/>
    </row>
    <row r="4317" ht="44" customHeight="true" s="1" customFormat="true" hidden="true" outlineLevel="3">
      <c r="A4317" s="6" t="s">
        <v>4708</v>
      </c>
      <c r="B4317" s="6" t="e"/>
      <c r="C4317" s="6" t="s">
        <v>219</v>
      </c>
      <c r="D4317" s="6" t="s">
        <v>11</v>
      </c>
      <c r="E4317" s="6" t="e"/>
    </row>
    <row r="4318" ht="44" customHeight="true" s="1" customFormat="true" hidden="true" outlineLevel="3">
      <c r="A4318" s="6" t="s">
        <v>4709</v>
      </c>
      <c r="B4318" s="6" t="e"/>
      <c r="C4318" s="6" t="s">
        <v>219</v>
      </c>
      <c r="D4318" s="6" t="s">
        <v>11</v>
      </c>
      <c r="E4318" s="6" t="e"/>
    </row>
    <row r="4319" ht="33" customHeight="true" s="1" customFormat="true" hidden="true" outlineLevel="3">
      <c r="A4319" s="6" t="s">
        <v>4710</v>
      </c>
      <c r="B4319" s="6" t="e"/>
      <c r="C4319" s="6" t="s">
        <v>219</v>
      </c>
      <c r="D4319" s="6" t="s">
        <v>26</v>
      </c>
      <c r="E4319" s="6" t="e"/>
    </row>
    <row r="4320" ht="33" customHeight="true" s="1" customFormat="true" hidden="true" outlineLevel="3">
      <c r="A4320" s="6" t="s">
        <v>4711</v>
      </c>
      <c r="B4320" s="6" t="e"/>
      <c r="C4320" s="6" t="s">
        <v>219</v>
      </c>
      <c r="D4320" s="6" t="s">
        <v>11</v>
      </c>
      <c r="E4320" s="6" t="e"/>
    </row>
    <row r="4321" ht="33" customHeight="true" s="1" customFormat="true" hidden="true" outlineLevel="3">
      <c r="A4321" s="6" t="s">
        <v>4712</v>
      </c>
      <c r="B4321" s="6" t="e"/>
      <c r="C4321" s="6" t="s">
        <v>219</v>
      </c>
      <c r="D4321" s="6" t="s">
        <v>11</v>
      </c>
      <c r="E4321" s="6" t="e"/>
    </row>
    <row r="4322" ht="33" customHeight="true" s="1" customFormat="true" hidden="true" outlineLevel="3">
      <c r="A4322" s="6" t="s">
        <v>4713</v>
      </c>
      <c r="B4322" s="6" t="e"/>
      <c r="C4322" s="6" t="s">
        <v>219</v>
      </c>
      <c r="D4322" s="6" t="s">
        <v>11</v>
      </c>
      <c r="E4322" s="6" t="e"/>
    </row>
    <row r="4323" ht="33" customHeight="true" s="1" customFormat="true" hidden="true" outlineLevel="3">
      <c r="A4323" s="6" t="s">
        <v>4714</v>
      </c>
      <c r="B4323" s="6" t="e"/>
      <c r="C4323" s="6" t="s">
        <v>219</v>
      </c>
      <c r="D4323" s="6" t="s">
        <v>11</v>
      </c>
      <c r="E4323" s="6" t="e"/>
    </row>
    <row r="4324" ht="33" customHeight="true" s="1" customFormat="true" hidden="true" outlineLevel="3">
      <c r="A4324" s="6" t="s">
        <v>4715</v>
      </c>
      <c r="B4324" s="6" t="e"/>
      <c r="C4324" s="6" t="s">
        <v>55</v>
      </c>
      <c r="D4324" s="6" t="s">
        <v>11</v>
      </c>
      <c r="E4324" s="6" t="e"/>
    </row>
    <row r="4325" ht="44" customHeight="true" s="1" customFormat="true" hidden="true" outlineLevel="3">
      <c r="A4325" s="6" t="s">
        <v>4716</v>
      </c>
      <c r="B4325" s="6" t="e"/>
      <c r="C4325" s="6" t="s">
        <v>219</v>
      </c>
      <c r="D4325" s="6" t="s">
        <v>11</v>
      </c>
      <c r="E4325" s="6" t="e"/>
    </row>
    <row r="4326" ht="44" customHeight="true" s="1" customFormat="true" hidden="true" outlineLevel="3">
      <c r="A4326" s="6" t="s">
        <v>4717</v>
      </c>
      <c r="B4326" s="6" t="e"/>
      <c r="C4326" s="6" t="s">
        <v>219</v>
      </c>
      <c r="D4326" s="6" t="s">
        <v>40</v>
      </c>
      <c r="E4326" s="6" t="e"/>
    </row>
    <row r="4327" ht="44" customHeight="true" s="1" customFormat="true" hidden="true" outlineLevel="3">
      <c r="A4327" s="6" t="s">
        <v>4718</v>
      </c>
      <c r="B4327" s="6" t="e"/>
      <c r="C4327" s="6" t="s">
        <v>219</v>
      </c>
      <c r="D4327" s="6" t="s">
        <v>11</v>
      </c>
      <c r="E4327" s="6" t="e"/>
    </row>
    <row r="4328" ht="44" customHeight="true" s="1" customFormat="true" hidden="true" outlineLevel="3">
      <c r="A4328" s="6" t="s">
        <v>4719</v>
      </c>
      <c r="B4328" s="6" t="e"/>
      <c r="C4328" s="6" t="s">
        <v>219</v>
      </c>
      <c r="D4328" s="6" t="s">
        <v>26</v>
      </c>
      <c r="E4328" s="6" t="e"/>
    </row>
    <row r="4329" ht="33" customHeight="true" s="1" customFormat="true" hidden="true" outlineLevel="3">
      <c r="A4329" s="6" t="s">
        <v>4720</v>
      </c>
      <c r="B4329" s="6" t="e"/>
      <c r="C4329" s="6" t="s">
        <v>219</v>
      </c>
      <c r="D4329" s="6" t="s">
        <v>11</v>
      </c>
      <c r="E4329" s="6" t="e"/>
    </row>
    <row r="4330" ht="44" customHeight="true" s="1" customFormat="true" hidden="true" outlineLevel="3">
      <c r="A4330" s="6" t="s">
        <v>4721</v>
      </c>
      <c r="B4330" s="6" t="e"/>
      <c r="C4330" s="6" t="s">
        <v>219</v>
      </c>
      <c r="D4330" s="6" t="s">
        <v>11</v>
      </c>
      <c r="E4330" s="6" t="e"/>
    </row>
    <row r="4331" ht="44" customHeight="true" s="1" customFormat="true" hidden="true" outlineLevel="3">
      <c r="A4331" s="6" t="s">
        <v>4722</v>
      </c>
      <c r="B4331" s="6" t="e"/>
      <c r="C4331" s="6" t="s">
        <v>219</v>
      </c>
      <c r="D4331" s="6" t="s">
        <v>11</v>
      </c>
      <c r="E4331" s="6" t="e"/>
    </row>
    <row r="4332" ht="44" customHeight="true" s="1" customFormat="true" hidden="true" outlineLevel="3">
      <c r="A4332" s="6" t="s">
        <v>4723</v>
      </c>
      <c r="B4332" s="6" t="e"/>
      <c r="C4332" s="6" t="s">
        <v>219</v>
      </c>
      <c r="D4332" s="6" t="s">
        <v>11</v>
      </c>
      <c r="E4332" s="6" t="e"/>
    </row>
    <row r="4333" ht="44" customHeight="true" s="1" customFormat="true" hidden="true" outlineLevel="3">
      <c r="A4333" s="6" t="s">
        <v>4724</v>
      </c>
      <c r="B4333" s="6" t="e"/>
      <c r="C4333" s="6" t="s">
        <v>219</v>
      </c>
      <c r="D4333" s="6" t="s">
        <v>11</v>
      </c>
      <c r="E4333" s="6" t="e"/>
    </row>
    <row r="4334" ht="56" customHeight="true" s="1" customFormat="true" hidden="true" outlineLevel="3">
      <c r="A4334" s="6" t="s">
        <v>4725</v>
      </c>
      <c r="B4334" s="6" t="e"/>
      <c r="C4334" s="6" t="s">
        <v>219</v>
      </c>
      <c r="D4334" s="6" t="s">
        <v>11</v>
      </c>
      <c r="E4334" s="6" t="e"/>
    </row>
    <row r="4335" ht="22" customHeight="true" s="1" customFormat="true" hidden="true" outlineLevel="3">
      <c r="A4335" s="6" t="s">
        <v>4726</v>
      </c>
      <c r="B4335" s="6" t="e"/>
      <c r="C4335" s="6" t="s">
        <v>55</v>
      </c>
      <c r="D4335" s="6" t="s">
        <v>11</v>
      </c>
      <c r="E4335" s="6" t="e"/>
    </row>
    <row r="4336" ht="22" customHeight="true" s="1" customFormat="true" hidden="true" outlineLevel="3">
      <c r="A4336" s="6" t="s">
        <v>4727</v>
      </c>
      <c r="B4336" s="6" t="e"/>
      <c r="C4336" s="6" t="s">
        <v>149</v>
      </c>
      <c r="D4336" s="6" t="s">
        <v>11</v>
      </c>
      <c r="E4336" s="6" t="e"/>
    </row>
    <row r="4337" ht="22" customHeight="true" s="1" customFormat="true" hidden="true" outlineLevel="3">
      <c r="A4337" s="6" t="s">
        <v>4728</v>
      </c>
      <c r="B4337" s="6" t="e"/>
      <c r="C4337" s="6" t="s">
        <v>225</v>
      </c>
      <c r="D4337" s="6" t="s">
        <v>11</v>
      </c>
      <c r="E4337" s="6" t="e"/>
    </row>
    <row r="4338" ht="22" customHeight="true" s="1" customFormat="true" hidden="true" outlineLevel="3">
      <c r="A4338" s="6" t="s">
        <v>4729</v>
      </c>
      <c r="B4338" s="6" t="e"/>
      <c r="C4338" s="6" t="s">
        <v>225</v>
      </c>
      <c r="D4338" s="6" t="s">
        <v>26</v>
      </c>
      <c r="E4338" s="6" t="e"/>
    </row>
    <row r="4339" ht="22" customHeight="true" s="1" customFormat="true" hidden="true" outlineLevel="3">
      <c r="A4339" s="6" t="s">
        <v>4730</v>
      </c>
      <c r="B4339" s="6" t="e"/>
      <c r="C4339" s="6" t="s">
        <v>149</v>
      </c>
      <c r="D4339" s="6" t="s">
        <v>11</v>
      </c>
      <c r="E4339" s="6" t="e"/>
    </row>
    <row r="4340" ht="22" customHeight="true" s="1" customFormat="true" hidden="true" outlineLevel="3">
      <c r="A4340" s="6" t="s">
        <v>4731</v>
      </c>
      <c r="B4340" s="6" t="e"/>
      <c r="C4340" s="6" t="s">
        <v>149</v>
      </c>
      <c r="D4340" s="6" t="s">
        <v>11</v>
      </c>
      <c r="E4340" s="6" t="e"/>
    </row>
    <row r="4341" ht="22" customHeight="true" s="1" customFormat="true" hidden="true" outlineLevel="3">
      <c r="A4341" s="6" t="s">
        <v>4732</v>
      </c>
      <c r="B4341" s="6" t="e"/>
      <c r="C4341" s="6" t="s">
        <v>225</v>
      </c>
      <c r="D4341" s="6" t="s">
        <v>26</v>
      </c>
      <c r="E4341" s="6" t="e"/>
    </row>
    <row r="4342" ht="22" customHeight="true" s="1" customFormat="true" hidden="true" outlineLevel="3">
      <c r="A4342" s="6" t="s">
        <v>4733</v>
      </c>
      <c r="B4342" s="6" t="e"/>
      <c r="C4342" s="6" t="s">
        <v>149</v>
      </c>
      <c r="D4342" s="6" t="s">
        <v>26</v>
      </c>
      <c r="E4342" s="6" t="e"/>
    </row>
    <row r="4343" ht="22" customHeight="true" s="1" customFormat="true" hidden="true" outlineLevel="3">
      <c r="A4343" s="6" t="s">
        <v>4734</v>
      </c>
      <c r="B4343" s="6" t="e"/>
      <c r="C4343" s="6" t="s">
        <v>126</v>
      </c>
      <c r="D4343" s="6" t="s">
        <v>11</v>
      </c>
      <c r="E4343" s="6" t="e"/>
    </row>
    <row r="4344" ht="22" customHeight="true" s="1" customFormat="true" hidden="true" outlineLevel="3">
      <c r="A4344" s="6" t="s">
        <v>4735</v>
      </c>
      <c r="B4344" s="6" t="e"/>
      <c r="C4344" s="6" t="s">
        <v>371</v>
      </c>
      <c r="D4344" s="6" t="s">
        <v>11</v>
      </c>
      <c r="E4344" s="6" t="e"/>
    </row>
    <row r="4345" ht="22" customHeight="true" s="1" customFormat="true" hidden="true" outlineLevel="3">
      <c r="A4345" s="6" t="s">
        <v>4736</v>
      </c>
      <c r="B4345" s="6" t="e"/>
      <c r="C4345" s="6" t="s">
        <v>103</v>
      </c>
      <c r="D4345" s="6" t="s">
        <v>11</v>
      </c>
      <c r="E4345" s="6" t="e"/>
    </row>
    <row r="4346" ht="22" customHeight="true" s="1" customFormat="true" hidden="true" outlineLevel="3">
      <c r="A4346" s="6" t="s">
        <v>4737</v>
      </c>
      <c r="B4346" s="6" t="e"/>
      <c r="C4346" s="6" t="s">
        <v>219</v>
      </c>
      <c r="D4346" s="6" t="s">
        <v>15</v>
      </c>
      <c r="E4346" s="6" t="e"/>
    </row>
    <row r="4347" ht="33" customHeight="true" s="1" customFormat="true" hidden="true" outlineLevel="3">
      <c r="A4347" s="6" t="s">
        <v>4738</v>
      </c>
      <c r="B4347" s="6" t="e"/>
      <c r="C4347" s="6" t="s">
        <v>391</v>
      </c>
      <c r="D4347" s="6" t="s">
        <v>11</v>
      </c>
      <c r="E4347" s="6" t="e"/>
    </row>
    <row r="4348" ht="22" customHeight="true" s="1" customFormat="true" hidden="true" outlineLevel="3">
      <c r="A4348" s="6" t="s">
        <v>4739</v>
      </c>
      <c r="B4348" s="6" t="e"/>
      <c r="C4348" s="6" t="s">
        <v>225</v>
      </c>
      <c r="D4348" s="6" t="s">
        <v>26</v>
      </c>
      <c r="E4348" s="6" t="e"/>
    </row>
    <row r="4349" ht="22" customHeight="true" s="1" customFormat="true" hidden="true" outlineLevel="3">
      <c r="A4349" s="6" t="s">
        <v>4740</v>
      </c>
      <c r="B4349" s="6" t="e"/>
      <c r="C4349" s="6" t="s">
        <v>149</v>
      </c>
      <c r="D4349" s="6" t="s">
        <v>11</v>
      </c>
      <c r="E4349" s="6" t="e"/>
    </row>
    <row r="4350" ht="22" customHeight="true" s="1" customFormat="true" hidden="true" outlineLevel="3">
      <c r="A4350" s="6" t="s">
        <v>4741</v>
      </c>
      <c r="B4350" s="6" t="e"/>
      <c r="C4350" s="6" t="s">
        <v>225</v>
      </c>
      <c r="D4350" s="6" t="s">
        <v>11</v>
      </c>
      <c r="E4350" s="6" t="e"/>
    </row>
    <row r="4351" ht="22" customHeight="true" s="1" customFormat="true" hidden="true" outlineLevel="3">
      <c r="A4351" s="6" t="s">
        <v>4742</v>
      </c>
      <c r="B4351" s="6" t="e"/>
      <c r="C4351" s="6" t="s">
        <v>136</v>
      </c>
      <c r="D4351" s="6" t="s">
        <v>26</v>
      </c>
      <c r="E4351" s="6" t="e"/>
    </row>
    <row r="4352" ht="22" customHeight="true" s="1" customFormat="true" hidden="true" outlineLevel="3">
      <c r="A4352" s="6" t="s">
        <v>4743</v>
      </c>
      <c r="B4352" s="6" t="e"/>
      <c r="C4352" s="6" t="s">
        <v>149</v>
      </c>
      <c r="D4352" s="6" t="s">
        <v>11</v>
      </c>
      <c r="E4352" s="6" t="e"/>
    </row>
    <row r="4353" ht="22" customHeight="true" s="1" customFormat="true" hidden="true" outlineLevel="3">
      <c r="A4353" s="6" t="s">
        <v>4744</v>
      </c>
      <c r="B4353" s="6" t="e"/>
      <c r="C4353" s="6" t="s">
        <v>149</v>
      </c>
      <c r="D4353" s="6" t="s">
        <v>26</v>
      </c>
      <c r="E4353" s="6" t="e"/>
    </row>
    <row r="4354" ht="22" customHeight="true" s="1" customFormat="true" hidden="true" outlineLevel="3">
      <c r="A4354" s="6" t="s">
        <v>4745</v>
      </c>
      <c r="B4354" s="6" t="e"/>
      <c r="C4354" s="6" t="s">
        <v>219</v>
      </c>
      <c r="D4354" s="6" t="s">
        <v>11</v>
      </c>
      <c r="E4354" s="6" t="e"/>
    </row>
    <row r="4355" ht="22" customHeight="true" s="1" customFormat="true" hidden="true" outlineLevel="3">
      <c r="A4355" s="6" t="s">
        <v>4746</v>
      </c>
      <c r="B4355" s="6" t="e"/>
      <c r="C4355" s="6" t="s">
        <v>219</v>
      </c>
      <c r="D4355" s="6" t="s">
        <v>26</v>
      </c>
      <c r="E4355" s="6" t="e"/>
    </row>
    <row r="4356" ht="22" customHeight="true" s="1" customFormat="true" hidden="true" outlineLevel="3">
      <c r="A4356" s="6" t="s">
        <v>4747</v>
      </c>
      <c r="B4356" s="6" t="e"/>
      <c r="C4356" s="6" t="s">
        <v>126</v>
      </c>
      <c r="D4356" s="6" t="s">
        <v>11</v>
      </c>
      <c r="E4356" s="6" t="e"/>
    </row>
    <row r="4357" ht="22" customHeight="true" s="1" customFormat="true" hidden="true" outlineLevel="3">
      <c r="A4357" s="6" t="s">
        <v>4748</v>
      </c>
      <c r="B4357" s="6" t="e"/>
      <c r="C4357" s="6" t="s">
        <v>188</v>
      </c>
      <c r="D4357" s="6" t="s">
        <v>11</v>
      </c>
      <c r="E4357" s="6" t="e"/>
    </row>
    <row r="4358" ht="22" customHeight="true" s="1" customFormat="true" hidden="true" outlineLevel="3">
      <c r="A4358" s="6" t="s">
        <v>4749</v>
      </c>
      <c r="B4358" s="6" t="e"/>
      <c r="C4358" s="6" t="s">
        <v>103</v>
      </c>
      <c r="D4358" s="6" t="s">
        <v>40</v>
      </c>
      <c r="E4358" s="6" t="e"/>
    </row>
    <row r="4359" ht="22" customHeight="true" s="1" customFormat="true" hidden="true" outlineLevel="3">
      <c r="A4359" s="6" t="s">
        <v>4750</v>
      </c>
      <c r="B4359" s="6" t="e"/>
      <c r="C4359" s="6" t="s">
        <v>188</v>
      </c>
      <c r="D4359" s="6" t="s">
        <v>11</v>
      </c>
      <c r="E4359" s="6" t="e"/>
    </row>
    <row r="4360" ht="22" customHeight="true" s="1" customFormat="true" hidden="true" outlineLevel="3">
      <c r="A4360" s="6" t="s">
        <v>4751</v>
      </c>
      <c r="B4360" s="6" t="e"/>
      <c r="C4360" s="6" t="s">
        <v>188</v>
      </c>
      <c r="D4360" s="6" t="s">
        <v>11</v>
      </c>
      <c r="E4360" s="6" t="e"/>
    </row>
    <row r="4361" ht="22" customHeight="true" s="1" customFormat="true" hidden="true" outlineLevel="3">
      <c r="A4361" s="6" t="s">
        <v>4752</v>
      </c>
      <c r="B4361" s="6" t="e"/>
      <c r="C4361" s="6" t="s">
        <v>155</v>
      </c>
      <c r="D4361" s="6" t="s">
        <v>11</v>
      </c>
      <c r="E4361" s="6" t="e"/>
    </row>
    <row r="4362" ht="22" customHeight="true" s="1" customFormat="true" hidden="true" outlineLevel="3">
      <c r="A4362" s="6" t="s">
        <v>4753</v>
      </c>
      <c r="B4362" s="6" t="e"/>
      <c r="C4362" s="6" t="s">
        <v>103</v>
      </c>
      <c r="D4362" s="6" t="s">
        <v>11</v>
      </c>
      <c r="E4362" s="6" t="e"/>
    </row>
    <row r="4363" ht="22" customHeight="true" s="1" customFormat="true" hidden="true" outlineLevel="3">
      <c r="A4363" s="6" t="s">
        <v>4754</v>
      </c>
      <c r="B4363" s="6" t="e"/>
      <c r="C4363" s="6" t="s">
        <v>55</v>
      </c>
      <c r="D4363" s="6" t="s">
        <v>26</v>
      </c>
      <c r="E4363" s="6" t="e"/>
    </row>
    <row r="4364" ht="22" customHeight="true" s="1" customFormat="true" hidden="true" outlineLevel="3">
      <c r="A4364" s="6" t="s">
        <v>4755</v>
      </c>
      <c r="B4364" s="6" t="e"/>
      <c r="C4364" s="6" t="s">
        <v>155</v>
      </c>
      <c r="D4364" s="6" t="s">
        <v>11</v>
      </c>
      <c r="E4364" s="6" t="e"/>
    </row>
    <row r="4365" ht="22" customHeight="true" s="1" customFormat="true" hidden="true" collapsed="true" outlineLevel="3">
      <c r="A4365" s="6" t="s">
        <v>4756</v>
      </c>
      <c r="B4365" s="6" t="e"/>
      <c r="C4365" s="6" t="s">
        <v>155</v>
      </c>
      <c r="D4365" s="6" t="s">
        <v>11</v>
      </c>
      <c r="E4365" s="6" t="e"/>
    </row>
    <row r="4366" ht="11" customHeight="true" s="1" customFormat="true" hidden="true" collapsed="true" outlineLevel="2">
      <c r="A4366" s="5" t="s">
        <v>4757</v>
      </c>
      <c r="B4366" s="5" t="e"/>
      <c r="C4366" s="5" t="e"/>
      <c r="D4366" s="5" t="e"/>
      <c r="E4366" s="5" t="e"/>
    </row>
    <row r="4367" ht="22" customHeight="true" s="1" customFormat="true" hidden="true" outlineLevel="3">
      <c r="A4367" s="6" t="s">
        <v>4758</v>
      </c>
      <c r="B4367" s="6" t="e"/>
      <c r="C4367" s="6" t="s">
        <v>72</v>
      </c>
      <c r="D4367" s="6" t="s">
        <v>11</v>
      </c>
      <c r="E4367" s="6" t="e"/>
    </row>
    <row r="4368" ht="22" customHeight="true" s="1" customFormat="true" hidden="true" outlineLevel="3">
      <c r="A4368" s="6" t="s">
        <v>4759</v>
      </c>
      <c r="B4368" s="6" t="e"/>
      <c r="C4368" s="6" t="s">
        <v>292</v>
      </c>
      <c r="D4368" s="6" t="s">
        <v>11</v>
      </c>
      <c r="E4368" s="6" t="e"/>
    </row>
    <row r="4369" ht="33" customHeight="true" s="1" customFormat="true" hidden="true" outlineLevel="3">
      <c r="A4369" s="6" t="s">
        <v>4760</v>
      </c>
      <c r="B4369" s="6" t="e"/>
      <c r="C4369" s="6" t="s">
        <v>82</v>
      </c>
      <c r="D4369" s="6" t="s">
        <v>11</v>
      </c>
      <c r="E4369" s="6" t="e"/>
    </row>
    <row r="4370" ht="11" customHeight="true" collapsed="true" outlineLevel="1">
      <c r="A4370" s="5" t="s">
        <v>4761</v>
      </c>
      <c r="B4370" s="5" t="e"/>
      <c r="C4370" s="5" t="e"/>
      <c r="D4370" s="5" t="e"/>
      <c r="E4370" s="5" t="e"/>
    </row>
    <row r="4371" ht="11" customHeight="true" s="1" customFormat="true" hidden="true" collapsed="true" outlineLevel="2">
      <c r="A4371" s="5" t="s">
        <v>4762</v>
      </c>
      <c r="B4371" s="5" t="e"/>
      <c r="C4371" s="5" t="e"/>
      <c r="D4371" s="5" t="e"/>
      <c r="E4371" s="5" t="e"/>
    </row>
    <row r="4372" ht="44" customHeight="true" s="1" customFormat="true" hidden="true" outlineLevel="3">
      <c r="A4372" s="6" t="s">
        <v>4763</v>
      </c>
      <c r="B4372" s="6" t="e"/>
      <c r="C4372" s="6" t="s">
        <v>155</v>
      </c>
      <c r="D4372" s="6" t="s">
        <v>11</v>
      </c>
      <c r="E4372" s="6" t="e"/>
    </row>
    <row r="4373" ht="33" customHeight="true" s="1" customFormat="true" hidden="true" outlineLevel="3">
      <c r="A4373" s="6" t="s">
        <v>4764</v>
      </c>
      <c r="B4373" s="6" t="e"/>
      <c r="C4373" s="6" t="s">
        <v>99</v>
      </c>
      <c r="D4373" s="6" t="s">
        <v>40</v>
      </c>
      <c r="E4373" s="6" t="e"/>
    </row>
    <row r="4374" ht="33" customHeight="true" s="1" customFormat="true" hidden="true" outlineLevel="3">
      <c r="A4374" s="6" t="s">
        <v>4765</v>
      </c>
      <c r="B4374" s="6" t="e"/>
      <c r="C4374" s="6" t="s">
        <v>55</v>
      </c>
      <c r="D4374" s="6" t="s">
        <v>26</v>
      </c>
      <c r="E4374" s="6" t="e"/>
    </row>
    <row r="4375" ht="22" customHeight="true" s="1" customFormat="true" hidden="true" outlineLevel="3">
      <c r="A4375" s="6" t="s">
        <v>4766</v>
      </c>
      <c r="B4375" s="6" t="e"/>
      <c r="C4375" s="6" t="s">
        <v>83</v>
      </c>
      <c r="D4375" s="6" t="s">
        <v>11</v>
      </c>
      <c r="E4375" s="6" t="e"/>
    </row>
    <row r="4376" ht="33" customHeight="true" s="1" customFormat="true" hidden="true" outlineLevel="3">
      <c r="A4376" s="6" t="s">
        <v>4767</v>
      </c>
      <c r="B4376" s="6" t="e"/>
      <c r="C4376" s="6" t="s">
        <v>55</v>
      </c>
      <c r="D4376" s="6" t="s">
        <v>26</v>
      </c>
      <c r="E4376" s="6" t="e"/>
    </row>
    <row r="4377" ht="44" customHeight="true" s="1" customFormat="true" hidden="true" outlineLevel="3">
      <c r="A4377" s="6" t="s">
        <v>4768</v>
      </c>
      <c r="B4377" s="6" t="e"/>
      <c r="C4377" s="6" t="s">
        <v>2768</v>
      </c>
      <c r="D4377" s="6" t="s">
        <v>26</v>
      </c>
      <c r="E4377" s="6" t="e"/>
    </row>
    <row r="4378" ht="33" customHeight="true" s="1" customFormat="true" hidden="true" outlineLevel="3">
      <c r="A4378" s="6" t="s">
        <v>4769</v>
      </c>
      <c r="B4378" s="6" t="e"/>
      <c r="C4378" s="6" t="s">
        <v>50</v>
      </c>
      <c r="D4378" s="6" t="s">
        <v>26</v>
      </c>
      <c r="E4378" s="6" t="e"/>
    </row>
    <row r="4379" ht="33" customHeight="true" s="1" customFormat="true" hidden="true" outlineLevel="3">
      <c r="A4379" s="6" t="s">
        <v>4770</v>
      </c>
      <c r="B4379" s="6" t="e"/>
      <c r="C4379" s="6" t="s">
        <v>99</v>
      </c>
      <c r="D4379" s="6" t="s">
        <v>40</v>
      </c>
      <c r="E4379" s="6" t="e"/>
    </row>
    <row r="4380" ht="44" customHeight="true" s="1" customFormat="true" hidden="true" outlineLevel="3">
      <c r="A4380" s="6" t="s">
        <v>4771</v>
      </c>
      <c r="B4380" s="6" t="e"/>
      <c r="C4380" s="6" t="s">
        <v>99</v>
      </c>
      <c r="D4380" s="6" t="s">
        <v>40</v>
      </c>
      <c r="E4380" s="6" t="e"/>
    </row>
    <row r="4381" ht="44" customHeight="true" s="1" customFormat="true" hidden="true" outlineLevel="3">
      <c r="A4381" s="6" t="s">
        <v>4772</v>
      </c>
      <c r="B4381" s="6" t="e"/>
      <c r="C4381" s="6" t="s">
        <v>219</v>
      </c>
      <c r="D4381" s="6" t="s">
        <v>26</v>
      </c>
      <c r="E4381" s="6" t="e"/>
    </row>
    <row r="4382" ht="44" customHeight="true" s="1" customFormat="true" hidden="true" outlineLevel="3">
      <c r="A4382" s="6" t="s">
        <v>4773</v>
      </c>
      <c r="B4382" s="6" t="e"/>
      <c r="C4382" s="6" t="s">
        <v>149</v>
      </c>
      <c r="D4382" s="6" t="s">
        <v>26</v>
      </c>
      <c r="E4382" s="6" t="e"/>
    </row>
    <row r="4383" ht="56" customHeight="true" s="1" customFormat="true" hidden="true" outlineLevel="3">
      <c r="A4383" s="6" t="s">
        <v>4774</v>
      </c>
      <c r="B4383" s="6" t="e"/>
      <c r="C4383" s="6" t="s">
        <v>219</v>
      </c>
      <c r="D4383" s="6" t="s">
        <v>11</v>
      </c>
      <c r="E4383" s="6" t="e"/>
    </row>
    <row r="4384" ht="33" customHeight="true" s="1" customFormat="true" hidden="true" outlineLevel="3">
      <c r="A4384" s="6" t="s">
        <v>4775</v>
      </c>
      <c r="B4384" s="6" t="e"/>
      <c r="C4384" s="6" t="s">
        <v>66</v>
      </c>
      <c r="D4384" s="6" t="s">
        <v>123</v>
      </c>
      <c r="E4384" s="6" t="e"/>
    </row>
    <row r="4385" ht="56" customHeight="true" s="1" customFormat="true" hidden="true" outlineLevel="3">
      <c r="A4385" s="6" t="s">
        <v>4776</v>
      </c>
      <c r="B4385" s="6" t="e"/>
      <c r="C4385" s="6" t="s">
        <v>149</v>
      </c>
      <c r="D4385" s="6" t="s">
        <v>57</v>
      </c>
      <c r="E4385" s="6" t="e"/>
    </row>
    <row r="4386" ht="44" customHeight="true" s="1" customFormat="true" hidden="true" outlineLevel="3">
      <c r="A4386" s="6" t="s">
        <v>4777</v>
      </c>
      <c r="B4386" s="6" t="e"/>
      <c r="C4386" s="6" t="s">
        <v>112</v>
      </c>
      <c r="D4386" s="6" t="s">
        <v>11</v>
      </c>
      <c r="E4386" s="6" t="e"/>
    </row>
    <row r="4387" ht="33" customHeight="true" s="1" customFormat="true" hidden="true" outlineLevel="3">
      <c r="A4387" s="6" t="s">
        <v>4778</v>
      </c>
      <c r="B4387" s="6" t="e"/>
      <c r="C4387" s="6" t="s">
        <v>149</v>
      </c>
      <c r="D4387" s="6" t="s">
        <v>26</v>
      </c>
      <c r="E4387" s="6" t="e"/>
    </row>
    <row r="4388" ht="33" customHeight="true" s="1" customFormat="true" hidden="true" outlineLevel="3">
      <c r="A4388" s="6" t="s">
        <v>4779</v>
      </c>
      <c r="B4388" s="6" t="e"/>
      <c r="C4388" s="6" t="s">
        <v>155</v>
      </c>
      <c r="D4388" s="6" t="s">
        <v>26</v>
      </c>
      <c r="E4388" s="6" t="e"/>
    </row>
    <row r="4389" ht="44" customHeight="true" s="1" customFormat="true" hidden="true" outlineLevel="3">
      <c r="A4389" s="6" t="s">
        <v>4780</v>
      </c>
      <c r="B4389" s="6" t="e"/>
      <c r="C4389" s="6" t="s">
        <v>149</v>
      </c>
      <c r="D4389" s="6" t="s">
        <v>26</v>
      </c>
      <c r="E4389" s="6" t="e"/>
    </row>
    <row r="4390" ht="33" customHeight="true" s="1" customFormat="true" hidden="true" outlineLevel="3">
      <c r="A4390" s="6" t="s">
        <v>4781</v>
      </c>
      <c r="B4390" s="6" t="e"/>
      <c r="C4390" s="6" t="s">
        <v>219</v>
      </c>
      <c r="D4390" s="6" t="s">
        <v>11</v>
      </c>
      <c r="E4390" s="6" t="e"/>
    </row>
    <row r="4391" ht="33" customHeight="true" s="1" customFormat="true" hidden="true" outlineLevel="3">
      <c r="A4391" s="6" t="s">
        <v>4782</v>
      </c>
      <c r="B4391" s="6" t="e"/>
      <c r="C4391" s="6" t="s">
        <v>83</v>
      </c>
      <c r="D4391" s="6" t="s">
        <v>11</v>
      </c>
      <c r="E4391" s="6" t="e"/>
    </row>
    <row r="4392" ht="33" customHeight="true" s="1" customFormat="true" hidden="true" outlineLevel="3">
      <c r="A4392" s="6" t="s">
        <v>4783</v>
      </c>
      <c r="B4392" s="6" t="e"/>
      <c r="C4392" s="6" t="s">
        <v>2768</v>
      </c>
      <c r="D4392" s="6" t="s">
        <v>11</v>
      </c>
      <c r="E4392" s="6" t="e"/>
    </row>
    <row r="4393" ht="33" customHeight="true" s="1" customFormat="true" hidden="true" outlineLevel="3">
      <c r="A4393" s="6" t="s">
        <v>4784</v>
      </c>
      <c r="B4393" s="6" t="e"/>
      <c r="C4393" s="6" t="s">
        <v>292</v>
      </c>
      <c r="D4393" s="6" t="s">
        <v>11</v>
      </c>
      <c r="E4393" s="6" t="e"/>
    </row>
    <row r="4394" ht="44" customHeight="true" s="1" customFormat="true" hidden="true" outlineLevel="3">
      <c r="A4394" s="6" t="s">
        <v>4785</v>
      </c>
      <c r="B4394" s="6" t="e"/>
      <c r="C4394" s="6" t="s">
        <v>66</v>
      </c>
      <c r="D4394" s="6" t="s">
        <v>68</v>
      </c>
      <c r="E4394" s="6" t="e"/>
    </row>
    <row r="4395" ht="44" customHeight="true" s="1" customFormat="true" hidden="true" outlineLevel="3">
      <c r="A4395" s="6" t="s">
        <v>4786</v>
      </c>
      <c r="B4395" s="6" t="e"/>
      <c r="C4395" s="6" t="s">
        <v>55</v>
      </c>
      <c r="D4395" s="6" t="s">
        <v>11</v>
      </c>
      <c r="E4395" s="6" t="e"/>
    </row>
    <row r="4396" ht="33" customHeight="true" s="1" customFormat="true" hidden="true" outlineLevel="3">
      <c r="A4396" s="6" t="s">
        <v>4787</v>
      </c>
      <c r="B4396" s="6" t="e"/>
      <c r="C4396" s="6" t="s">
        <v>219</v>
      </c>
      <c r="D4396" s="6" t="s">
        <v>40</v>
      </c>
      <c r="E4396" s="6" t="e"/>
    </row>
    <row r="4397" ht="33" customHeight="true" s="1" customFormat="true" hidden="true" outlineLevel="3">
      <c r="A4397" s="6" t="s">
        <v>4788</v>
      </c>
      <c r="B4397" s="6" t="e"/>
      <c r="C4397" s="6" t="s">
        <v>1700</v>
      </c>
      <c r="D4397" s="6" t="s">
        <v>11</v>
      </c>
      <c r="E4397" s="6" t="e"/>
    </row>
    <row r="4398" ht="44" customHeight="true" s="1" customFormat="true" hidden="true" outlineLevel="3">
      <c r="A4398" s="6" t="s">
        <v>4789</v>
      </c>
      <c r="B4398" s="6" t="e"/>
      <c r="C4398" s="6" t="s">
        <v>55</v>
      </c>
      <c r="D4398" s="6" t="s">
        <v>26</v>
      </c>
      <c r="E4398" s="6" t="e"/>
    </row>
    <row r="4399" ht="44" customHeight="true" s="1" customFormat="true" hidden="true" outlineLevel="3">
      <c r="A4399" s="6" t="s">
        <v>4790</v>
      </c>
      <c r="B4399" s="6" t="e"/>
      <c r="C4399" s="6" t="s">
        <v>55</v>
      </c>
      <c r="D4399" s="6" t="s">
        <v>26</v>
      </c>
      <c r="E4399" s="6" t="e"/>
    </row>
    <row r="4400" ht="56" customHeight="true" s="1" customFormat="true" hidden="true" outlineLevel="3">
      <c r="A4400" s="6" t="s">
        <v>4791</v>
      </c>
      <c r="B4400" s="6" t="e"/>
      <c r="C4400" s="6" t="s">
        <v>219</v>
      </c>
      <c r="D4400" s="6" t="s">
        <v>26</v>
      </c>
      <c r="E4400" s="6" t="e"/>
    </row>
    <row r="4401" ht="33" customHeight="true" s="1" customFormat="true" hidden="true" outlineLevel="3">
      <c r="A4401" s="6" t="s">
        <v>4792</v>
      </c>
      <c r="B4401" s="6" t="e"/>
      <c r="C4401" s="6" t="s">
        <v>112</v>
      </c>
      <c r="D4401" s="6" t="s">
        <v>26</v>
      </c>
      <c r="E4401" s="6" t="e"/>
    </row>
    <row r="4402" ht="56" customHeight="true" s="1" customFormat="true" hidden="true" outlineLevel="3">
      <c r="A4402" s="6" t="s">
        <v>4793</v>
      </c>
      <c r="B4402" s="6" t="e"/>
      <c r="C4402" s="6" t="s">
        <v>55</v>
      </c>
      <c r="D4402" s="6" t="s">
        <v>15</v>
      </c>
      <c r="E4402" s="6" t="e"/>
    </row>
    <row r="4403" ht="44" customHeight="true" s="1" customFormat="true" hidden="true" outlineLevel="3">
      <c r="A4403" s="6" t="s">
        <v>4794</v>
      </c>
      <c r="B4403" s="6" t="e"/>
      <c r="C4403" s="6" t="s">
        <v>391</v>
      </c>
      <c r="D4403" s="6" t="s">
        <v>26</v>
      </c>
      <c r="E4403" s="6" t="e"/>
    </row>
    <row r="4404" ht="56" customHeight="true" s="1" customFormat="true" hidden="true" outlineLevel="3">
      <c r="A4404" s="6" t="s">
        <v>4795</v>
      </c>
      <c r="B4404" s="6" t="e"/>
      <c r="C4404" s="6" t="s">
        <v>219</v>
      </c>
      <c r="D4404" s="6" t="s">
        <v>26</v>
      </c>
      <c r="E4404" s="6" t="e"/>
    </row>
    <row r="4405" ht="56" customHeight="true" s="1" customFormat="true" hidden="true" outlineLevel="3">
      <c r="A4405" s="6" t="s">
        <v>4796</v>
      </c>
      <c r="B4405" s="6" t="e"/>
      <c r="C4405" s="6" t="s">
        <v>112</v>
      </c>
      <c r="D4405" s="6" t="s">
        <v>11</v>
      </c>
      <c r="E4405" s="6" t="e"/>
    </row>
    <row r="4406" ht="56" customHeight="true" s="1" customFormat="true" hidden="true" outlineLevel="3">
      <c r="A4406" s="6" t="s">
        <v>4797</v>
      </c>
      <c r="B4406" s="6" t="e"/>
      <c r="C4406" s="6" t="s">
        <v>55</v>
      </c>
      <c r="D4406" s="6" t="s">
        <v>11</v>
      </c>
      <c r="E4406" s="6" t="e"/>
    </row>
    <row r="4407" ht="56" customHeight="true" s="1" customFormat="true" hidden="true" outlineLevel="3">
      <c r="A4407" s="6" t="s">
        <v>4798</v>
      </c>
      <c r="B4407" s="6" t="e"/>
      <c r="C4407" s="6" t="s">
        <v>289</v>
      </c>
      <c r="D4407" s="6" t="s">
        <v>40</v>
      </c>
      <c r="E4407" s="6" t="e"/>
    </row>
    <row r="4408" ht="33" customHeight="true" s="1" customFormat="true" hidden="true" outlineLevel="3">
      <c r="A4408" s="6" t="s">
        <v>4799</v>
      </c>
      <c r="B4408" s="6" t="e"/>
      <c r="C4408" s="6" t="s">
        <v>225</v>
      </c>
      <c r="D4408" s="6" t="s">
        <v>40</v>
      </c>
      <c r="E4408" s="6" t="e"/>
    </row>
    <row r="4409" ht="44" customHeight="true" s="1" customFormat="true" hidden="true" outlineLevel="3">
      <c r="A4409" s="6" t="s">
        <v>4800</v>
      </c>
      <c r="B4409" s="6" t="e"/>
      <c r="C4409" s="6" t="s">
        <v>149</v>
      </c>
      <c r="D4409" s="6" t="s">
        <v>11</v>
      </c>
      <c r="E4409" s="6" t="e"/>
    </row>
    <row r="4410" ht="44" customHeight="true" s="1" customFormat="true" hidden="true" outlineLevel="3">
      <c r="A4410" s="6" t="s">
        <v>4801</v>
      </c>
      <c r="B4410" s="6" t="e"/>
      <c r="C4410" s="6" t="s">
        <v>149</v>
      </c>
      <c r="D4410" s="6" t="s">
        <v>26</v>
      </c>
      <c r="E4410" s="6" t="e"/>
    </row>
    <row r="4411" ht="44" customHeight="true" s="1" customFormat="true" hidden="true" outlineLevel="3">
      <c r="A4411" s="6" t="s">
        <v>4802</v>
      </c>
      <c r="B4411" s="6" t="e"/>
      <c r="C4411" s="6" t="s">
        <v>149</v>
      </c>
      <c r="D4411" s="6" t="s">
        <v>26</v>
      </c>
      <c r="E4411" s="6" t="e"/>
    </row>
    <row r="4412" ht="44" customHeight="true" s="1" customFormat="true" hidden="true" outlineLevel="3">
      <c r="A4412" s="6" t="s">
        <v>4803</v>
      </c>
      <c r="B4412" s="6" t="e"/>
      <c r="C4412" s="6" t="s">
        <v>149</v>
      </c>
      <c r="D4412" s="6" t="s">
        <v>26</v>
      </c>
      <c r="E4412" s="6" t="e"/>
    </row>
    <row r="4413" ht="33" customHeight="true" s="1" customFormat="true" hidden="true" outlineLevel="3">
      <c r="A4413" s="6" t="s">
        <v>4804</v>
      </c>
      <c r="B4413" s="6" t="e"/>
      <c r="C4413" s="6" t="s">
        <v>242</v>
      </c>
      <c r="D4413" s="6" t="s">
        <v>15</v>
      </c>
      <c r="E4413" s="6" t="e"/>
    </row>
    <row r="4414" ht="33" customHeight="true" s="1" customFormat="true" hidden="true" outlineLevel="3">
      <c r="A4414" s="6" t="s">
        <v>4805</v>
      </c>
      <c r="B4414" s="6" t="e"/>
      <c r="C4414" s="6" t="s">
        <v>242</v>
      </c>
      <c r="D4414" s="6" t="s">
        <v>15</v>
      </c>
      <c r="E4414" s="6" t="e"/>
    </row>
    <row r="4415" ht="33" customHeight="true" s="1" customFormat="true" hidden="true" outlineLevel="3">
      <c r="A4415" s="6" t="s">
        <v>4806</v>
      </c>
      <c r="B4415" s="6" t="e"/>
      <c r="C4415" s="6" t="s">
        <v>242</v>
      </c>
      <c r="D4415" s="6" t="s">
        <v>26</v>
      </c>
      <c r="E4415" s="6" t="e"/>
    </row>
    <row r="4416" ht="44" customHeight="true" s="1" customFormat="true" hidden="true" outlineLevel="3">
      <c r="A4416" s="6" t="s">
        <v>4807</v>
      </c>
      <c r="B4416" s="6" t="e"/>
      <c r="C4416" s="6" t="s">
        <v>112</v>
      </c>
      <c r="D4416" s="6" t="s">
        <v>40</v>
      </c>
      <c r="E4416" s="6" t="e"/>
    </row>
    <row r="4417" ht="44" customHeight="true" s="1" customFormat="true" hidden="true" outlineLevel="3">
      <c r="A4417" s="6" t="s">
        <v>4808</v>
      </c>
      <c r="B4417" s="6" t="e"/>
      <c r="C4417" s="6" t="s">
        <v>219</v>
      </c>
      <c r="D4417" s="6" t="s">
        <v>11</v>
      </c>
      <c r="E4417" s="6" t="e"/>
    </row>
    <row r="4418" ht="33" customHeight="true" s="1" customFormat="true" hidden="true" outlineLevel="3">
      <c r="A4418" s="6" t="s">
        <v>4809</v>
      </c>
      <c r="B4418" s="6" t="e"/>
      <c r="C4418" s="6" t="s">
        <v>219</v>
      </c>
      <c r="D4418" s="6" t="s">
        <v>11</v>
      </c>
      <c r="E4418" s="6" t="e"/>
    </row>
    <row r="4419" ht="33" customHeight="true" s="1" customFormat="true" hidden="true" outlineLevel="3">
      <c r="A4419" s="6" t="s">
        <v>4810</v>
      </c>
      <c r="B4419" s="6" t="e"/>
      <c r="C4419" s="6" t="s">
        <v>219</v>
      </c>
      <c r="D4419" s="6" t="s">
        <v>11</v>
      </c>
      <c r="E4419" s="6" t="e"/>
    </row>
    <row r="4420" ht="33" customHeight="true" s="1" customFormat="true" hidden="true" outlineLevel="3">
      <c r="A4420" s="6" t="s">
        <v>4811</v>
      </c>
      <c r="B4420" s="6" t="e"/>
      <c r="C4420" s="6" t="s">
        <v>155</v>
      </c>
      <c r="D4420" s="6" t="s">
        <v>26</v>
      </c>
      <c r="E4420" s="6" t="e"/>
    </row>
    <row r="4421" ht="56" customHeight="true" s="1" customFormat="true" hidden="true" outlineLevel="3">
      <c r="A4421" s="6" t="s">
        <v>4812</v>
      </c>
      <c r="B4421" s="6" t="e"/>
      <c r="C4421" s="6" t="s">
        <v>167</v>
      </c>
      <c r="D4421" s="6" t="s">
        <v>100</v>
      </c>
      <c r="E4421" s="6" t="e"/>
    </row>
    <row r="4422" ht="56" customHeight="true" s="1" customFormat="true" hidden="true" outlineLevel="3">
      <c r="A4422" s="6" t="s">
        <v>4813</v>
      </c>
      <c r="B4422" s="6" t="e"/>
      <c r="C4422" s="6" t="s">
        <v>242</v>
      </c>
      <c r="D4422" s="6" t="s">
        <v>674</v>
      </c>
      <c r="E4422" s="6" t="e"/>
    </row>
    <row r="4423" ht="67" customHeight="true" s="1" customFormat="true" hidden="true" outlineLevel="3">
      <c r="A4423" s="6" t="s">
        <v>4814</v>
      </c>
      <c r="B4423" s="6" t="e"/>
      <c r="C4423" s="6" t="s">
        <v>242</v>
      </c>
      <c r="D4423" s="6" t="s">
        <v>400</v>
      </c>
      <c r="E4423" s="6" t="e"/>
    </row>
    <row r="4424" ht="67" customHeight="true" s="1" customFormat="true" hidden="true" outlineLevel="3">
      <c r="A4424" s="6" t="s">
        <v>4815</v>
      </c>
      <c r="B4424" s="6" t="e"/>
      <c r="C4424" s="6" t="s">
        <v>225</v>
      </c>
      <c r="D4424" s="6" t="s">
        <v>100</v>
      </c>
      <c r="E4424" s="6" t="e"/>
    </row>
    <row r="4425" ht="11" customHeight="true" collapsed="true" outlineLevel="1">
      <c r="A4425" s="5" t="s">
        <v>4816</v>
      </c>
      <c r="B4425" s="5" t="e"/>
      <c r="C4425" s="5" t="e"/>
      <c r="D4425" s="5" t="e"/>
      <c r="E4425" s="5" t="e"/>
    </row>
    <row r="4426" ht="11" customHeight="true" s="1" customFormat="true" hidden="true" collapsed="true" outlineLevel="2">
      <c r="A4426" s="5" t="s">
        <v>4817</v>
      </c>
      <c r="B4426" s="5" t="e"/>
      <c r="C4426" s="5" t="e"/>
      <c r="D4426" s="5" t="e"/>
      <c r="E4426" s="5" t="e"/>
    </row>
    <row r="4427" ht="22" customHeight="true" s="1" customFormat="true" hidden="true" outlineLevel="3">
      <c r="A4427" s="6" t="s">
        <v>4818</v>
      </c>
      <c r="B4427" s="6" t="e"/>
      <c r="C4427" s="6" t="s">
        <v>296</v>
      </c>
      <c r="D4427" s="6" t="s">
        <v>11</v>
      </c>
      <c r="E4427" s="6" t="e"/>
    </row>
    <row r="4428" ht="22" customHeight="true" s="1" customFormat="true" hidden="true" collapsed="true" outlineLevel="3">
      <c r="A4428" s="6" t="s">
        <v>4819</v>
      </c>
      <c r="B4428" s="6" t="e"/>
      <c r="C4428" s="6" t="s">
        <v>296</v>
      </c>
      <c r="D4428" s="6" t="s">
        <v>57</v>
      </c>
      <c r="E4428" s="6" t="e"/>
    </row>
    <row r="4429" ht="11" customHeight="true" s="1" customFormat="true" hidden="true" collapsed="true" outlineLevel="2">
      <c r="A4429" s="5" t="s">
        <v>4820</v>
      </c>
      <c r="B4429" s="5" t="e"/>
      <c r="C4429" s="5" t="e"/>
      <c r="D4429" s="5" t="e"/>
      <c r="E4429" s="5" t="e"/>
    </row>
    <row r="4430" ht="44" customHeight="true" s="1" customFormat="true" hidden="true" outlineLevel="3">
      <c r="A4430" s="6" t="s">
        <v>4821</v>
      </c>
      <c r="B4430" s="6" t="e"/>
      <c r="C4430" s="6" t="s">
        <v>296</v>
      </c>
      <c r="D4430" s="6" t="s">
        <v>11</v>
      </c>
      <c r="E4430" s="6" t="e"/>
    </row>
    <row r="4431" ht="33" customHeight="true" s="1" customFormat="true" hidden="true" collapsed="true" outlineLevel="3">
      <c r="A4431" s="6" t="s">
        <v>4822</v>
      </c>
      <c r="B4431" s="6" t="e"/>
      <c r="C4431" s="6" t="s">
        <v>225</v>
      </c>
      <c r="D4431" s="6" t="s">
        <v>40</v>
      </c>
      <c r="E4431" s="6" t="e"/>
    </row>
    <row r="4432" ht="11" customHeight="true" s="1" customFormat="true" hidden="true" collapsed="true" outlineLevel="2">
      <c r="A4432" s="5" t="s">
        <v>4823</v>
      </c>
      <c r="B4432" s="5" t="e"/>
      <c r="C4432" s="5" t="e"/>
      <c r="D4432" s="5" t="e"/>
      <c r="E4432" s="5" t="e"/>
    </row>
    <row r="4433" ht="44" customHeight="true" s="1" customFormat="true" hidden="true" outlineLevel="3">
      <c r="A4433" s="6" t="s">
        <v>4824</v>
      </c>
      <c r="B4433" s="6" t="e"/>
      <c r="C4433" s="6" t="s">
        <v>225</v>
      </c>
      <c r="D4433" s="6" t="s">
        <v>40</v>
      </c>
      <c r="E4433" s="6" t="e"/>
    </row>
    <row r="4434" ht="33" customHeight="true" s="1" customFormat="true" hidden="true" collapsed="true" outlineLevel="3">
      <c r="A4434" s="6" t="s">
        <v>4825</v>
      </c>
      <c r="B4434" s="6" t="e"/>
      <c r="C4434" s="6" t="s">
        <v>296</v>
      </c>
      <c r="D4434" s="6" t="s">
        <v>40</v>
      </c>
      <c r="E4434" s="6" t="e"/>
    </row>
    <row r="4435" ht="11" customHeight="true" s="1" customFormat="true" hidden="true" collapsed="true" outlineLevel="2">
      <c r="A4435" s="5" t="s">
        <v>4826</v>
      </c>
      <c r="B4435" s="5" t="e"/>
      <c r="C4435" s="5" t="e"/>
      <c r="D4435" s="5" t="e"/>
      <c r="E4435" s="5" t="e"/>
    </row>
    <row r="4436" ht="11" customHeight="true" s="1" customFormat="true" hidden="true" outlineLevel="3">
      <c r="A4436" s="6" t="s">
        <v>4827</v>
      </c>
      <c r="B4436" s="6" t="e"/>
      <c r="C4436" s="6" t="s">
        <v>296</v>
      </c>
      <c r="D4436" s="6" t="s">
        <v>11</v>
      </c>
      <c r="E4436" s="6" t="e"/>
    </row>
    <row r="4437" ht="22" customHeight="true" s="1" customFormat="true" hidden="true" collapsed="true" outlineLevel="3">
      <c r="A4437" s="6" t="s">
        <v>4828</v>
      </c>
      <c r="B4437" s="6" t="e"/>
      <c r="C4437" s="6" t="s">
        <v>296</v>
      </c>
      <c r="D4437" s="6" t="s">
        <v>11</v>
      </c>
      <c r="E4437" s="6" t="e"/>
    </row>
    <row r="4438" ht="11" customHeight="true" s="1" customFormat="true" hidden="true" collapsed="true" outlineLevel="2">
      <c r="A4438" s="5" t="s">
        <v>4829</v>
      </c>
      <c r="B4438" s="5" t="e"/>
      <c r="C4438" s="5" t="e"/>
      <c r="D4438" s="5" t="e"/>
      <c r="E4438" s="5" t="e"/>
    </row>
    <row r="4439" ht="22" customHeight="true" s="1" customFormat="true" hidden="true" outlineLevel="3">
      <c r="A4439" s="6" t="s">
        <v>4830</v>
      </c>
      <c r="B4439" s="6" t="e"/>
      <c r="C4439" s="6" t="s">
        <v>242</v>
      </c>
      <c r="D4439" s="6" t="s">
        <v>11</v>
      </c>
      <c r="E4439" s="6" t="e"/>
    </row>
    <row r="4440" ht="44" customHeight="true" s="1" customFormat="true" hidden="true" outlineLevel="3">
      <c r="A4440" s="6" t="s">
        <v>4831</v>
      </c>
      <c r="B4440" s="6" t="e"/>
      <c r="C4440" s="6" t="s">
        <v>296</v>
      </c>
      <c r="D4440" s="6" t="s">
        <v>26</v>
      </c>
      <c r="E4440" s="6" t="e"/>
    </row>
    <row r="4441" ht="44" customHeight="true" s="1" customFormat="true" hidden="true" outlineLevel="3">
      <c r="A4441" s="6" t="s">
        <v>4832</v>
      </c>
      <c r="B4441" s="6" t="e"/>
      <c r="C4441" s="6" t="s">
        <v>242</v>
      </c>
      <c r="D4441" s="6" t="s">
        <v>644</v>
      </c>
      <c r="E4441" s="6" t="e"/>
    </row>
    <row r="4442" ht="44" customHeight="true" s="1" customFormat="true" hidden="true" outlineLevel="3">
      <c r="A4442" s="6" t="s">
        <v>4833</v>
      </c>
      <c r="B4442" s="6" t="e"/>
      <c r="C4442" s="6" t="s">
        <v>149</v>
      </c>
      <c r="D4442" s="6" t="s">
        <v>26</v>
      </c>
      <c r="E4442" s="6" t="e"/>
    </row>
    <row r="4443" ht="56" customHeight="true" s="1" customFormat="true" hidden="true" outlineLevel="3">
      <c r="A4443" s="6" t="s">
        <v>4834</v>
      </c>
      <c r="B4443" s="6" t="e"/>
      <c r="C4443" s="6" t="s">
        <v>242</v>
      </c>
      <c r="D4443" s="6" t="s">
        <v>165</v>
      </c>
      <c r="E4443" s="6" t="e"/>
    </row>
    <row r="4444" ht="33" customHeight="true" s="1" customFormat="true" hidden="true" outlineLevel="3">
      <c r="A4444" s="6" t="s">
        <v>4835</v>
      </c>
      <c r="B4444" s="6" t="e"/>
      <c r="C4444" s="6" t="s">
        <v>242</v>
      </c>
      <c r="D4444" s="6" t="s">
        <v>15</v>
      </c>
      <c r="E4444" s="6" t="e"/>
    </row>
    <row r="4445" ht="56" customHeight="true" s="1" customFormat="true" hidden="true" outlineLevel="3">
      <c r="A4445" s="6" t="s">
        <v>4836</v>
      </c>
      <c r="B4445" s="6" t="e"/>
      <c r="C4445" s="6" t="s">
        <v>167</v>
      </c>
      <c r="D4445" s="6" t="s">
        <v>26</v>
      </c>
      <c r="E4445" s="6" t="e"/>
    </row>
    <row r="4446" ht="22" customHeight="true" s="1" customFormat="true" hidden="true" outlineLevel="3">
      <c r="A4446" s="6" t="s">
        <v>4837</v>
      </c>
      <c r="B4446" s="6" t="e"/>
      <c r="C4446" s="6" t="s">
        <v>167</v>
      </c>
      <c r="D4446" s="6" t="s">
        <v>68</v>
      </c>
      <c r="E4446" s="6" t="e"/>
    </row>
    <row r="4447" ht="33" customHeight="true" s="1" customFormat="true" hidden="true" collapsed="true" outlineLevel="3">
      <c r="A4447" s="6" t="s">
        <v>4838</v>
      </c>
      <c r="B4447" s="6" t="e"/>
      <c r="C4447" s="6" t="s">
        <v>574</v>
      </c>
      <c r="D4447" s="6" t="s">
        <v>123</v>
      </c>
      <c r="E4447" s="6" t="e"/>
    </row>
    <row r="4448" ht="11" customHeight="true" s="1" customFormat="true" hidden="true" collapsed="true" outlineLevel="2">
      <c r="A4448" s="5" t="s">
        <v>4839</v>
      </c>
      <c r="B4448" s="5" t="e"/>
      <c r="C4448" s="5" t="e"/>
      <c r="D4448" s="5" t="e"/>
      <c r="E4448" s="5" t="e"/>
    </row>
    <row r="4449" ht="22" customHeight="true" s="1" customFormat="true" hidden="true" outlineLevel="3">
      <c r="A4449" s="6" t="s">
        <v>4840</v>
      </c>
      <c r="B4449" s="6" t="e"/>
      <c r="C4449" s="6" t="s">
        <v>225</v>
      </c>
      <c r="D4449" s="6" t="s">
        <v>57</v>
      </c>
      <c r="E4449" s="6" t="e"/>
    </row>
    <row r="4450" ht="22" customHeight="true" s="1" customFormat="true" hidden="true" outlineLevel="3">
      <c r="A4450" s="6" t="s">
        <v>4841</v>
      </c>
      <c r="B4450" s="6" t="e"/>
      <c r="C4450" s="6" t="s">
        <v>99</v>
      </c>
      <c r="D4450" s="6" t="s">
        <v>11</v>
      </c>
      <c r="E4450" s="6" t="e"/>
    </row>
    <row r="4451" ht="22" customHeight="true" s="1" customFormat="true" hidden="true" outlineLevel="3">
      <c r="A4451" s="6" t="s">
        <v>4842</v>
      </c>
      <c r="B4451" s="6" t="e"/>
      <c r="C4451" s="6" t="s">
        <v>99</v>
      </c>
      <c r="D4451" s="6" t="s">
        <v>11</v>
      </c>
      <c r="E4451" s="6" t="e"/>
    </row>
    <row r="4452" ht="33" customHeight="true" s="1" customFormat="true" hidden="true" outlineLevel="3">
      <c r="A4452" s="6" t="s">
        <v>4843</v>
      </c>
      <c r="B4452" s="6" t="e"/>
      <c r="C4452" s="6" t="s">
        <v>99</v>
      </c>
      <c r="D4452" s="6" t="s">
        <v>123</v>
      </c>
      <c r="E4452" s="6" t="e"/>
    </row>
    <row r="4453" ht="33" customHeight="true" s="1" customFormat="true" hidden="true" outlineLevel="3">
      <c r="A4453" s="6" t="s">
        <v>4844</v>
      </c>
      <c r="B4453" s="6" t="e"/>
      <c r="C4453" s="6" t="s">
        <v>167</v>
      </c>
      <c r="D4453" s="6" t="s">
        <v>11</v>
      </c>
      <c r="E4453" s="6" t="e"/>
    </row>
    <row r="4454" ht="33" customHeight="true" s="1" customFormat="true" hidden="true" outlineLevel="3">
      <c r="A4454" s="6" t="s">
        <v>4845</v>
      </c>
      <c r="B4454" s="6" t="e"/>
      <c r="C4454" s="6" t="s">
        <v>242</v>
      </c>
      <c r="D4454" s="6" t="s">
        <v>400</v>
      </c>
      <c r="E4454" s="6" t="e"/>
    </row>
    <row r="4455" ht="33" customHeight="true" s="1" customFormat="true" hidden="true" outlineLevel="3">
      <c r="A4455" s="6" t="s">
        <v>4846</v>
      </c>
      <c r="B4455" s="6" t="e"/>
      <c r="C4455" s="6" t="s">
        <v>225</v>
      </c>
      <c r="D4455" s="6" t="s">
        <v>184</v>
      </c>
      <c r="E4455" s="6" t="e"/>
    </row>
    <row r="4456" ht="44" customHeight="true" s="1" customFormat="true" hidden="true" outlineLevel="3">
      <c r="A4456" s="6" t="s">
        <v>4847</v>
      </c>
      <c r="B4456" s="6" t="e"/>
      <c r="C4456" s="6" t="s">
        <v>574</v>
      </c>
      <c r="D4456" s="6" t="s">
        <v>68</v>
      </c>
      <c r="E4456" s="6" t="e"/>
    </row>
    <row r="4457" ht="22" customHeight="true" s="1" customFormat="true" hidden="true" outlineLevel="3">
      <c r="A4457" s="6" t="s">
        <v>4848</v>
      </c>
      <c r="B4457" s="6" t="e"/>
      <c r="C4457" s="6" t="s">
        <v>149</v>
      </c>
      <c r="D4457" s="6" t="s">
        <v>11</v>
      </c>
      <c r="E4457" s="6" t="e"/>
    </row>
    <row r="4458" ht="56" customHeight="true" s="1" customFormat="true" hidden="true" outlineLevel="3">
      <c r="A4458" s="6" t="s">
        <v>4849</v>
      </c>
      <c r="B4458" s="6" t="e"/>
      <c r="C4458" s="6" t="s">
        <v>242</v>
      </c>
      <c r="D4458" s="6" t="s">
        <v>57</v>
      </c>
      <c r="E4458" s="6" t="e"/>
    </row>
    <row r="4459" ht="56" customHeight="true" s="1" customFormat="true" hidden="true" collapsed="true" outlineLevel="3">
      <c r="A4459" s="6" t="s">
        <v>4850</v>
      </c>
      <c r="B4459" s="6" t="e"/>
      <c r="C4459" s="6" t="s">
        <v>296</v>
      </c>
      <c r="D4459" s="6" t="s">
        <v>26</v>
      </c>
      <c r="E4459" s="6" t="e"/>
    </row>
    <row r="4460" ht="11" customHeight="true" s="1" customFormat="true" hidden="true" collapsed="true" outlineLevel="2">
      <c r="A4460" s="5" t="s">
        <v>4851</v>
      </c>
      <c r="B4460" s="5" t="e"/>
      <c r="C4460" s="5" t="e"/>
      <c r="D4460" s="5" t="e"/>
      <c r="E4460" s="5" t="e"/>
    </row>
    <row r="4461" ht="44" customHeight="true" s="1" customFormat="true" hidden="true" outlineLevel="3">
      <c r="A4461" s="6" t="s">
        <v>4852</v>
      </c>
      <c r="B4461" s="6" t="e"/>
      <c r="C4461" s="6" t="s">
        <v>296</v>
      </c>
      <c r="D4461" s="6" t="s">
        <v>674</v>
      </c>
      <c r="E4461" s="6" t="e"/>
    </row>
    <row r="4462" ht="33" customHeight="true" s="1" customFormat="true" hidden="true" outlineLevel="3">
      <c r="A4462" s="6" t="s">
        <v>4853</v>
      </c>
      <c r="B4462" s="6" t="e"/>
      <c r="C4462" s="6" t="s">
        <v>296</v>
      </c>
      <c r="D4462" s="6" t="s">
        <v>276</v>
      </c>
      <c r="E4462" s="6" t="e"/>
    </row>
    <row r="4463" ht="33" customHeight="true" s="1" customFormat="true" hidden="true" outlineLevel="3">
      <c r="A4463" s="6" t="s">
        <v>4854</v>
      </c>
      <c r="B4463" s="6" t="e"/>
      <c r="C4463" s="6" t="s">
        <v>167</v>
      </c>
      <c r="D4463" s="6" t="s">
        <v>11</v>
      </c>
      <c r="E4463" s="6" t="e"/>
    </row>
    <row r="4464" ht="33" customHeight="true" s="1" customFormat="true" hidden="true" outlineLevel="3">
      <c r="A4464" s="6" t="s">
        <v>4855</v>
      </c>
      <c r="B4464" s="6" t="e"/>
      <c r="C4464" s="6" t="s">
        <v>149</v>
      </c>
      <c r="D4464" s="6" t="s">
        <v>15</v>
      </c>
      <c r="E4464" s="6" t="e"/>
    </row>
    <row r="4465" ht="22" customHeight="true" s="1" customFormat="true" hidden="true" outlineLevel="3">
      <c r="A4465" s="6" t="s">
        <v>4856</v>
      </c>
      <c r="B4465" s="6" t="e"/>
      <c r="C4465" s="6" t="s">
        <v>141</v>
      </c>
      <c r="D4465" s="6" t="s">
        <v>184</v>
      </c>
      <c r="E4465" s="6" t="e"/>
    </row>
    <row r="4466" ht="33" customHeight="true" s="1" customFormat="true" hidden="true" collapsed="true" outlineLevel="3">
      <c r="A4466" s="6" t="s">
        <v>4857</v>
      </c>
      <c r="B4466" s="6" t="e"/>
      <c r="C4466" s="6" t="s">
        <v>225</v>
      </c>
      <c r="D4466" s="6" t="s">
        <v>184</v>
      </c>
      <c r="E4466" s="6" t="e"/>
    </row>
    <row r="4467" ht="11" customHeight="true" s="1" customFormat="true" hidden="true" collapsed="true" outlineLevel="2">
      <c r="A4467" s="5" t="s">
        <v>4858</v>
      </c>
      <c r="B4467" s="5" t="e"/>
      <c r="C4467" s="5" t="e"/>
      <c r="D4467" s="5" t="e"/>
      <c r="E4467" s="5" t="e"/>
    </row>
    <row r="4468" ht="56" customHeight="true" s="1" customFormat="true" hidden="true" outlineLevel="3">
      <c r="A4468" s="6" t="s">
        <v>4859</v>
      </c>
      <c r="B4468" s="6" t="e"/>
      <c r="C4468" s="6" t="s">
        <v>225</v>
      </c>
      <c r="D4468" s="6" t="s">
        <v>40</v>
      </c>
      <c r="E4468" s="6" t="e"/>
    </row>
    <row r="4469" ht="44" customHeight="true" s="1" customFormat="true" hidden="true" outlineLevel="3">
      <c r="A4469" s="6" t="s">
        <v>4860</v>
      </c>
      <c r="B4469" s="6" t="e"/>
      <c r="C4469" s="6" t="s">
        <v>242</v>
      </c>
      <c r="D4469" s="6" t="s">
        <v>57</v>
      </c>
      <c r="E4469" s="6" t="e"/>
    </row>
    <row r="4470" ht="33" customHeight="true" s="1" customFormat="true" hidden="true" outlineLevel="3">
      <c r="A4470" s="6" t="s">
        <v>4861</v>
      </c>
      <c r="B4470" s="6" t="e"/>
      <c r="C4470" s="6" t="s">
        <v>302</v>
      </c>
      <c r="D4470" s="6" t="s">
        <v>26</v>
      </c>
      <c r="E4470" s="6" t="e"/>
    </row>
    <row r="4471" ht="33" customHeight="true" s="1" customFormat="true" hidden="true" outlineLevel="3">
      <c r="A4471" s="6" t="s">
        <v>4862</v>
      </c>
      <c r="B4471" s="6" t="e"/>
      <c r="C4471" s="6" t="s">
        <v>167</v>
      </c>
      <c r="D4471" s="6" t="s">
        <v>40</v>
      </c>
      <c r="E4471" s="6" t="e"/>
    </row>
    <row r="4472" ht="33" customHeight="true" s="1" customFormat="true" hidden="true" outlineLevel="3">
      <c r="A4472" s="6" t="s">
        <v>4863</v>
      </c>
      <c r="B4472" s="6" t="e"/>
      <c r="C4472" s="6" t="s">
        <v>167</v>
      </c>
      <c r="D4472" s="6" t="s">
        <v>123</v>
      </c>
      <c r="E4472" s="6" t="e"/>
    </row>
    <row r="4473" ht="33" customHeight="true" s="1" customFormat="true" hidden="true" outlineLevel="3">
      <c r="A4473" s="6" t="s">
        <v>4864</v>
      </c>
      <c r="B4473" s="6" t="e"/>
      <c r="C4473" s="6" t="s">
        <v>574</v>
      </c>
      <c r="D4473" s="6" t="s">
        <v>184</v>
      </c>
      <c r="E4473" s="6" t="e"/>
    </row>
    <row r="4474" ht="11" customHeight="true" collapsed="true" outlineLevel="1">
      <c r="A4474" s="5" t="s">
        <v>4865</v>
      </c>
      <c r="B4474" s="5" t="e"/>
      <c r="C4474" s="5" t="e"/>
      <c r="D4474" s="5" t="e"/>
      <c r="E4474" s="5" t="e"/>
    </row>
    <row r="4475" ht="11" customHeight="true" s="1" customFormat="true" hidden="true" collapsed="true" outlineLevel="2">
      <c r="A4475" s="5" t="s">
        <v>4866</v>
      </c>
      <c r="B4475" s="5" t="e"/>
      <c r="C4475" s="5" t="e"/>
      <c r="D4475" s="5" t="e"/>
      <c r="E4475" s="5" t="e"/>
    </row>
    <row r="4476" ht="44" customHeight="true" s="1" customFormat="true" hidden="true" outlineLevel="3">
      <c r="A4476" s="6" t="s">
        <v>4867</v>
      </c>
      <c r="B4476" s="6" t="s">
        <v>36</v>
      </c>
      <c r="C4476" s="6" t="s">
        <v>4868</v>
      </c>
      <c r="D4476" s="6" t="s">
        <v>11</v>
      </c>
      <c r="E4476" s="6" t="e"/>
    </row>
    <row r="4477" ht="56" customHeight="true" s="1" customFormat="true" hidden="true" outlineLevel="3">
      <c r="A4477" s="6" t="s">
        <v>4869</v>
      </c>
      <c r="B4477" s="6" t="s">
        <v>316</v>
      </c>
      <c r="C4477" s="6" t="s">
        <v>2253</v>
      </c>
      <c r="D4477" s="6" t="s">
        <v>26</v>
      </c>
      <c r="E4477" s="6" t="e"/>
    </row>
    <row r="4478" ht="44" customHeight="true" s="1" customFormat="true" hidden="true" collapsed="true" outlineLevel="3">
      <c r="A4478" s="6" t="s">
        <v>4870</v>
      </c>
      <c r="B4478" s="6" t="e"/>
      <c r="C4478" s="6" t="s">
        <v>42</v>
      </c>
      <c r="D4478" s="6" t="s">
        <v>11</v>
      </c>
      <c r="E4478" s="6" t="e"/>
    </row>
    <row r="4479" ht="11" customHeight="true" s="1" customFormat="true" hidden="true" collapsed="true" outlineLevel="2">
      <c r="A4479" s="5" t="s">
        <v>4871</v>
      </c>
      <c r="B4479" s="5" t="e"/>
      <c r="C4479" s="5" t="e"/>
      <c r="D4479" s="5" t="e"/>
      <c r="E4479" s="5" t="e"/>
    </row>
    <row r="4480" ht="56" customHeight="true" s="1" customFormat="true" hidden="true" outlineLevel="3">
      <c r="A4480" s="6" t="s">
        <v>4872</v>
      </c>
      <c r="B4480" s="6" t="s">
        <v>62</v>
      </c>
      <c r="C4480" s="6" t="s">
        <v>83</v>
      </c>
      <c r="D4480" s="6" t="s">
        <v>11</v>
      </c>
      <c r="E4480" s="6" t="e"/>
    </row>
    <row r="4481" ht="33" customHeight="true" s="1" customFormat="true" hidden="true" outlineLevel="3">
      <c r="A4481" s="6" t="s">
        <v>4873</v>
      </c>
      <c r="B4481" s="6" t="e"/>
      <c r="C4481" s="6" t="s">
        <v>290</v>
      </c>
      <c r="D4481" s="6" t="s">
        <v>11</v>
      </c>
      <c r="E4481" s="6" t="e"/>
    </row>
    <row r="4482" ht="33" customHeight="true" s="1" customFormat="true" hidden="true" outlineLevel="3">
      <c r="A4482" s="6" t="s">
        <v>4874</v>
      </c>
      <c r="B4482" s="6" t="e"/>
      <c r="C4482" s="6" t="s">
        <v>235</v>
      </c>
      <c r="D4482" s="6" t="s">
        <v>11</v>
      </c>
      <c r="E4482" s="6" t="e"/>
    </row>
    <row r="4483" ht="33" customHeight="true" s="1" customFormat="true" hidden="true" collapsed="true" outlineLevel="3">
      <c r="A4483" s="6" t="s">
        <v>4875</v>
      </c>
      <c r="B4483" s="6" t="e"/>
      <c r="C4483" s="6" t="s">
        <v>51</v>
      </c>
      <c r="D4483" s="6" t="s">
        <v>11</v>
      </c>
      <c r="E4483" s="6" t="e"/>
    </row>
    <row r="4484" ht="11" customHeight="true" s="1" customFormat="true" hidden="true" collapsed="true" outlineLevel="2">
      <c r="A4484" s="5" t="s">
        <v>4876</v>
      </c>
      <c r="B4484" s="5" t="e"/>
      <c r="C4484" s="5" t="e"/>
      <c r="D4484" s="5" t="e"/>
      <c r="E4484" s="5" t="e"/>
    </row>
    <row r="4485" ht="33" customHeight="true" s="1" customFormat="true" hidden="true" outlineLevel="3">
      <c r="A4485" s="6" t="s">
        <v>4877</v>
      </c>
      <c r="B4485" s="6" t="e"/>
      <c r="C4485" s="6" t="s">
        <v>1187</v>
      </c>
      <c r="D4485" s="6" t="s">
        <v>11</v>
      </c>
      <c r="E4485" s="6" t="e"/>
    </row>
    <row r="4486" ht="56" customHeight="true" s="1" customFormat="true" hidden="true" outlineLevel="3">
      <c r="A4486" s="6" t="s">
        <v>4878</v>
      </c>
      <c r="B4486" s="6" t="e"/>
      <c r="C4486" s="6" t="s">
        <v>1187</v>
      </c>
      <c r="D4486" s="6" t="s">
        <v>11</v>
      </c>
      <c r="E4486" s="6" t="e"/>
    </row>
    <row r="4487" ht="56" customHeight="true" s="1" customFormat="true" hidden="true" outlineLevel="3">
      <c r="A4487" s="6" t="s">
        <v>4879</v>
      </c>
      <c r="B4487" s="6" t="e"/>
      <c r="C4487" s="6" t="s">
        <v>430</v>
      </c>
      <c r="D4487" s="6" t="s">
        <v>11</v>
      </c>
      <c r="E4487" s="6" t="e"/>
    </row>
    <row r="4488" ht="56" customHeight="true" s="1" customFormat="true" hidden="true" outlineLevel="3">
      <c r="A4488" s="6" t="s">
        <v>4880</v>
      </c>
      <c r="B4488" s="6" t="e"/>
      <c r="C4488" s="6" t="s">
        <v>1187</v>
      </c>
      <c r="D4488" s="6" t="s">
        <v>11</v>
      </c>
      <c r="E4488" s="6" t="e"/>
    </row>
    <row r="4489" ht="56" customHeight="true" s="1" customFormat="true" hidden="true" outlineLevel="3">
      <c r="A4489" s="6" t="s">
        <v>4881</v>
      </c>
      <c r="B4489" s="6" t="e"/>
      <c r="C4489" s="6" t="s">
        <v>421</v>
      </c>
      <c r="D4489" s="6" t="s">
        <v>26</v>
      </c>
      <c r="E4489" s="6" t="e"/>
    </row>
    <row r="4490" ht="44" customHeight="true" s="1" customFormat="true" hidden="true" outlineLevel="3">
      <c r="A4490" s="6" t="s">
        <v>4882</v>
      </c>
      <c r="B4490" s="6" t="e"/>
      <c r="C4490" s="6" t="s">
        <v>421</v>
      </c>
      <c r="D4490" s="6" t="s">
        <v>11</v>
      </c>
      <c r="E4490" s="6" t="e"/>
    </row>
    <row r="4491" ht="33" customHeight="true" s="1" customFormat="true" hidden="true" outlineLevel="3">
      <c r="A4491" s="6" t="s">
        <v>4883</v>
      </c>
      <c r="B4491" s="6" t="e"/>
      <c r="C4491" s="6" t="s">
        <v>1187</v>
      </c>
      <c r="D4491" s="6" t="s">
        <v>11</v>
      </c>
      <c r="E4491" s="6" t="e"/>
    </row>
    <row r="4492" ht="56" customHeight="true" s="1" customFormat="true" hidden="true" outlineLevel="3">
      <c r="A4492" s="6" t="s">
        <v>4884</v>
      </c>
      <c r="B4492" s="6" t="e"/>
      <c r="C4492" s="6" t="s">
        <v>47</v>
      </c>
      <c r="D4492" s="6" t="s">
        <v>26</v>
      </c>
      <c r="E4492" s="6" t="e"/>
    </row>
    <row r="4493" ht="44" customHeight="true" s="1" customFormat="true" hidden="true" outlineLevel="3">
      <c r="A4493" s="6" t="s">
        <v>4885</v>
      </c>
      <c r="B4493" s="6" t="e"/>
      <c r="C4493" s="6" t="s">
        <v>421</v>
      </c>
      <c r="D4493" s="6" t="s">
        <v>11</v>
      </c>
      <c r="E4493" s="6" t="e"/>
    </row>
    <row r="4494" ht="44" customHeight="true" s="1" customFormat="true" hidden="true" outlineLevel="3">
      <c r="A4494" s="6" t="s">
        <v>4886</v>
      </c>
      <c r="B4494" s="6" t="e"/>
      <c r="C4494" s="6" t="s">
        <v>1187</v>
      </c>
      <c r="D4494" s="6" t="s">
        <v>11</v>
      </c>
      <c r="E4494" s="6" t="e"/>
    </row>
    <row r="4495" ht="44" customHeight="true" s="1" customFormat="true" hidden="true" outlineLevel="3">
      <c r="A4495" s="6" t="s">
        <v>4887</v>
      </c>
      <c r="B4495" s="6" t="e"/>
      <c r="C4495" s="6" t="s">
        <v>421</v>
      </c>
      <c r="D4495" s="6" t="s">
        <v>11</v>
      </c>
      <c r="E4495" s="6" t="e"/>
    </row>
    <row r="4496" ht="44" customHeight="true" s="1" customFormat="true" hidden="true" outlineLevel="3">
      <c r="A4496" s="6" t="s">
        <v>4888</v>
      </c>
      <c r="B4496" s="6" t="e"/>
      <c r="C4496" s="6" t="s">
        <v>421</v>
      </c>
      <c r="D4496" s="6" t="s">
        <v>26</v>
      </c>
      <c r="E4496" s="6" t="e"/>
    </row>
    <row r="4497" ht="33" customHeight="true" s="1" customFormat="true" hidden="true" outlineLevel="3">
      <c r="A4497" s="6" t="s">
        <v>4889</v>
      </c>
      <c r="B4497" s="6" t="e"/>
      <c r="C4497" s="6" t="s">
        <v>1187</v>
      </c>
      <c r="D4497" s="6" t="s">
        <v>11</v>
      </c>
      <c r="E4497" s="6" t="e"/>
    </row>
    <row r="4498" ht="33" customHeight="true" s="1" customFormat="true" hidden="true" outlineLevel="3">
      <c r="A4498" s="6" t="s">
        <v>4890</v>
      </c>
      <c r="B4498" s="6" t="e"/>
      <c r="C4498" s="6" t="s">
        <v>1187</v>
      </c>
      <c r="D4498" s="6" t="s">
        <v>11</v>
      </c>
      <c r="E4498" s="6" t="e"/>
    </row>
    <row r="4499" ht="33" customHeight="true" s="1" customFormat="true" hidden="true" outlineLevel="3">
      <c r="A4499" s="6" t="s">
        <v>4891</v>
      </c>
      <c r="B4499" s="6" t="e"/>
      <c r="C4499" s="6" t="s">
        <v>421</v>
      </c>
      <c r="D4499" s="6" t="s">
        <v>11</v>
      </c>
      <c r="E4499" s="6" t="e"/>
    </row>
    <row r="4500" ht="56" customHeight="true" s="1" customFormat="true" hidden="true" collapsed="true" outlineLevel="3">
      <c r="A4500" s="6" t="s">
        <v>4892</v>
      </c>
      <c r="B4500" s="6" t="e"/>
      <c r="C4500" s="6" t="s">
        <v>430</v>
      </c>
      <c r="D4500" s="6" t="s">
        <v>26</v>
      </c>
      <c r="E4500" s="6" t="e"/>
    </row>
    <row r="4501" ht="11" customHeight="true" s="1" customFormat="true" hidden="true" collapsed="true" outlineLevel="2">
      <c r="A4501" s="5" t="s">
        <v>4893</v>
      </c>
      <c r="B4501" s="5" t="e"/>
      <c r="C4501" s="5" t="e"/>
      <c r="D4501" s="5" t="e"/>
      <c r="E4501" s="5" t="e"/>
    </row>
    <row r="4502" ht="44" customHeight="true" s="1" customFormat="true" hidden="true" outlineLevel="3">
      <c r="A4502" s="6" t="s">
        <v>4894</v>
      </c>
      <c r="B4502" s="6" t="e"/>
      <c r="C4502" s="6" t="s">
        <v>421</v>
      </c>
      <c r="D4502" s="6" t="s">
        <v>11</v>
      </c>
      <c r="E4502" s="6" t="e"/>
    </row>
    <row r="4503" ht="56" customHeight="true" s="1" customFormat="true" hidden="true" outlineLevel="3">
      <c r="A4503" s="6" t="s">
        <v>4895</v>
      </c>
      <c r="B4503" s="6" t="e"/>
      <c r="C4503" s="6" t="s">
        <v>1187</v>
      </c>
      <c r="D4503" s="6" t="s">
        <v>26</v>
      </c>
      <c r="E4503" s="6" t="e"/>
    </row>
    <row r="4504" ht="44" customHeight="true" s="1" customFormat="true" hidden="true" outlineLevel="3">
      <c r="A4504" s="6" t="s">
        <v>4896</v>
      </c>
      <c r="B4504" s="6" t="e"/>
      <c r="C4504" s="6" t="s">
        <v>421</v>
      </c>
      <c r="D4504" s="6" t="s">
        <v>11</v>
      </c>
      <c r="E4504" s="6" t="e"/>
    </row>
    <row r="4505" ht="67" customHeight="true" s="1" customFormat="true" hidden="true" outlineLevel="3">
      <c r="A4505" s="6" t="s">
        <v>4897</v>
      </c>
      <c r="B4505" s="6" t="e"/>
      <c r="C4505" s="6" t="s">
        <v>1187</v>
      </c>
      <c r="D4505" s="6" t="s">
        <v>11</v>
      </c>
      <c r="E4505" s="6" t="e"/>
    </row>
    <row r="4506" ht="44" customHeight="true" s="1" customFormat="true" hidden="true" outlineLevel="3">
      <c r="A4506" s="6" t="s">
        <v>4898</v>
      </c>
      <c r="B4506" s="6" t="e"/>
      <c r="C4506" s="6" t="s">
        <v>421</v>
      </c>
      <c r="D4506" s="6" t="s">
        <v>26</v>
      </c>
      <c r="E4506" s="6" t="e"/>
    </row>
    <row r="4507" ht="33" customHeight="true" s="1" customFormat="true" hidden="true" outlineLevel="3">
      <c r="A4507" s="6" t="s">
        <v>4899</v>
      </c>
      <c r="B4507" s="6" t="e"/>
      <c r="C4507" s="6" t="s">
        <v>421</v>
      </c>
      <c r="D4507" s="6" t="s">
        <v>11</v>
      </c>
      <c r="E4507" s="6" t="e"/>
    </row>
    <row r="4508" ht="33" customHeight="true" s="1" customFormat="true" hidden="true" outlineLevel="3">
      <c r="A4508" s="6" t="s">
        <v>4900</v>
      </c>
      <c r="B4508" s="6" t="e"/>
      <c r="C4508" s="6" t="s">
        <v>421</v>
      </c>
      <c r="D4508" s="6" t="s">
        <v>26</v>
      </c>
      <c r="E4508" s="6" t="e"/>
    </row>
    <row r="4509" ht="44" customHeight="true" s="1" customFormat="true" hidden="true" outlineLevel="3">
      <c r="A4509" s="6" t="s">
        <v>4901</v>
      </c>
      <c r="B4509" s="6" t="e"/>
      <c r="C4509" s="6" t="s">
        <v>1187</v>
      </c>
      <c r="D4509" s="6" t="s">
        <v>26</v>
      </c>
      <c r="E4509" s="6" t="e"/>
    </row>
    <row r="4510" ht="56" customHeight="true" s="1" customFormat="true" hidden="true" outlineLevel="3">
      <c r="A4510" s="6" t="s">
        <v>4902</v>
      </c>
      <c r="B4510" s="6" t="e"/>
      <c r="C4510" s="6" t="s">
        <v>1187</v>
      </c>
      <c r="D4510" s="6" t="s">
        <v>11</v>
      </c>
      <c r="E4510" s="6" t="e"/>
    </row>
    <row r="4511" ht="22" customHeight="true" s="1" customFormat="true" hidden="true" outlineLevel="3">
      <c r="A4511" s="6" t="s">
        <v>4903</v>
      </c>
      <c r="B4511" s="6" t="e"/>
      <c r="C4511" s="6" t="s">
        <v>421</v>
      </c>
      <c r="D4511" s="6" t="s">
        <v>11</v>
      </c>
      <c r="E4511" s="6" t="e"/>
    </row>
    <row r="4512" ht="44" customHeight="true" s="1" customFormat="true" hidden="true" outlineLevel="3">
      <c r="A4512" s="6" t="s">
        <v>4904</v>
      </c>
      <c r="B4512" s="6" t="e"/>
      <c r="C4512" s="6" t="s">
        <v>421</v>
      </c>
      <c r="D4512" s="6" t="s">
        <v>11</v>
      </c>
      <c r="E4512" s="6" t="e"/>
    </row>
    <row r="4513" ht="56" customHeight="true" s="1" customFormat="true" hidden="true" outlineLevel="3">
      <c r="A4513" s="6" t="s">
        <v>4905</v>
      </c>
      <c r="B4513" s="6" t="e"/>
      <c r="C4513" s="6" t="s">
        <v>421</v>
      </c>
      <c r="D4513" s="6" t="s">
        <v>26</v>
      </c>
      <c r="E4513" s="6" t="e"/>
    </row>
    <row r="4514" ht="56" customHeight="true" s="1" customFormat="true" hidden="true" outlineLevel="3">
      <c r="A4514" s="6" t="s">
        <v>4906</v>
      </c>
      <c r="B4514" s="6" t="e"/>
      <c r="C4514" s="6" t="s">
        <v>421</v>
      </c>
      <c r="D4514" s="6" t="s">
        <v>11</v>
      </c>
      <c r="E4514" s="6" t="e"/>
    </row>
    <row r="4515" ht="67" customHeight="true" s="1" customFormat="true" hidden="true" outlineLevel="3">
      <c r="A4515" s="6" t="s">
        <v>4907</v>
      </c>
      <c r="B4515" s="6" t="e"/>
      <c r="C4515" s="6" t="s">
        <v>421</v>
      </c>
      <c r="D4515" s="6" t="s">
        <v>11</v>
      </c>
      <c r="E4515" s="6" t="e"/>
    </row>
    <row r="4516" ht="33" customHeight="true" s="1" customFormat="true" hidden="true" outlineLevel="3">
      <c r="A4516" s="6" t="s">
        <v>4908</v>
      </c>
      <c r="B4516" s="6" t="e"/>
      <c r="C4516" s="6" t="s">
        <v>935</v>
      </c>
      <c r="D4516" s="6" t="s">
        <v>11</v>
      </c>
      <c r="E4516" s="6" t="e"/>
    </row>
    <row r="4517" ht="56" customHeight="true" s="1" customFormat="true" hidden="true" outlineLevel="3">
      <c r="A4517" s="6" t="s">
        <v>4909</v>
      </c>
      <c r="B4517" s="6" t="e"/>
      <c r="C4517" s="6" t="s">
        <v>1187</v>
      </c>
      <c r="D4517" s="6" t="s">
        <v>11</v>
      </c>
      <c r="E4517" s="6" t="e"/>
    </row>
    <row r="4518" ht="33" customHeight="true" s="1" customFormat="true" hidden="true" outlineLevel="3">
      <c r="A4518" s="6" t="s">
        <v>4910</v>
      </c>
      <c r="B4518" s="6" t="e"/>
      <c r="C4518" s="6" t="s">
        <v>1187</v>
      </c>
      <c r="D4518" s="6" t="s">
        <v>11</v>
      </c>
      <c r="E4518" s="6" t="e"/>
    </row>
    <row r="4519" ht="33" customHeight="true" s="1" customFormat="true" hidden="true" outlineLevel="3">
      <c r="A4519" s="6" t="s">
        <v>4911</v>
      </c>
      <c r="B4519" s="6" t="e"/>
      <c r="C4519" s="6" t="s">
        <v>1187</v>
      </c>
      <c r="D4519" s="6" t="s">
        <v>11</v>
      </c>
      <c r="E4519" s="6" t="e"/>
    </row>
    <row r="4520" ht="56" customHeight="true" s="1" customFormat="true" hidden="true" outlineLevel="3">
      <c r="A4520" s="6" t="s">
        <v>4912</v>
      </c>
      <c r="B4520" s="6" t="e"/>
      <c r="C4520" s="6" t="s">
        <v>279</v>
      </c>
      <c r="D4520" s="6" t="s">
        <v>11</v>
      </c>
      <c r="E4520" s="6" t="e"/>
    </row>
    <row r="4521" ht="33" customHeight="true" s="1" customFormat="true" hidden="true" outlineLevel="3">
      <c r="A4521" s="6" t="s">
        <v>4913</v>
      </c>
      <c r="B4521" s="6" t="e"/>
      <c r="C4521" s="6" t="s">
        <v>1187</v>
      </c>
      <c r="D4521" s="6" t="s">
        <v>11</v>
      </c>
      <c r="E4521" s="6" t="e"/>
    </row>
    <row r="4522" ht="67" customHeight="true" s="1" customFormat="true" hidden="true" outlineLevel="3">
      <c r="A4522" s="6" t="s">
        <v>4914</v>
      </c>
      <c r="B4522" s="6" t="e"/>
      <c r="C4522" s="6" t="s">
        <v>1285</v>
      </c>
      <c r="D4522" s="6" t="s">
        <v>11</v>
      </c>
      <c r="E4522" s="6" t="e"/>
    </row>
    <row r="4523" ht="67" customHeight="true" s="1" customFormat="true" hidden="true" outlineLevel="3">
      <c r="A4523" s="6" t="s">
        <v>4915</v>
      </c>
      <c r="B4523" s="6" t="e"/>
      <c r="C4523" s="6" t="s">
        <v>421</v>
      </c>
      <c r="D4523" s="6" t="s">
        <v>11</v>
      </c>
      <c r="E4523" s="6" t="e"/>
    </row>
    <row r="4524" ht="33" customHeight="true" s="1" customFormat="true" hidden="true" outlineLevel="3">
      <c r="A4524" s="6" t="s">
        <v>4916</v>
      </c>
      <c r="B4524" s="6" t="e"/>
      <c r="C4524" s="6" t="s">
        <v>421</v>
      </c>
      <c r="D4524" s="6" t="s">
        <v>11</v>
      </c>
      <c r="E4524" s="6" t="e"/>
    </row>
    <row r="4525" ht="33" customHeight="true" s="1" customFormat="true" hidden="true" outlineLevel="3">
      <c r="A4525" s="6" t="s">
        <v>4917</v>
      </c>
      <c r="B4525" s="6" t="e"/>
      <c r="C4525" s="6" t="s">
        <v>421</v>
      </c>
      <c r="D4525" s="6" t="s">
        <v>11</v>
      </c>
      <c r="E4525" s="6" t="e"/>
    </row>
    <row r="4526" ht="33" customHeight="true" s="1" customFormat="true" hidden="true" outlineLevel="3">
      <c r="A4526" s="6" t="s">
        <v>4918</v>
      </c>
      <c r="B4526" s="6" t="e"/>
      <c r="C4526" s="6" t="s">
        <v>1187</v>
      </c>
      <c r="D4526" s="6" t="s">
        <v>11</v>
      </c>
      <c r="E4526" s="6" t="e"/>
    </row>
    <row r="4527" ht="33" customHeight="true" s="1" customFormat="true" hidden="true" outlineLevel="3">
      <c r="A4527" s="6" t="s">
        <v>4919</v>
      </c>
      <c r="B4527" s="6" t="e"/>
      <c r="C4527" s="6" t="s">
        <v>430</v>
      </c>
      <c r="D4527" s="6" t="s">
        <v>11</v>
      </c>
      <c r="E4527" s="6" t="e"/>
    </row>
    <row r="4528" ht="33" customHeight="true" s="1" customFormat="true" hidden="true" outlineLevel="3">
      <c r="A4528" s="6" t="s">
        <v>4920</v>
      </c>
      <c r="B4528" s="6" t="e"/>
      <c r="C4528" s="6" t="s">
        <v>421</v>
      </c>
      <c r="D4528" s="6" t="s">
        <v>11</v>
      </c>
      <c r="E4528" s="6" t="e"/>
    </row>
    <row r="4529" ht="33" customHeight="true" s="1" customFormat="true" hidden="true" collapsed="true" outlineLevel="3">
      <c r="A4529" s="6" t="s">
        <v>4921</v>
      </c>
      <c r="B4529" s="6" t="e"/>
      <c r="C4529" s="6" t="s">
        <v>325</v>
      </c>
      <c r="D4529" s="6" t="s">
        <v>11</v>
      </c>
      <c r="E4529" s="6" t="e"/>
    </row>
    <row r="4530" ht="11" customHeight="true" s="1" customFormat="true" hidden="true" collapsed="true" outlineLevel="2">
      <c r="A4530" s="5" t="s">
        <v>4922</v>
      </c>
      <c r="B4530" s="5" t="e"/>
      <c r="C4530" s="5" t="e"/>
      <c r="D4530" s="5" t="e"/>
      <c r="E4530" s="5" t="e"/>
    </row>
    <row r="4531" ht="44" customHeight="true" s="1" customFormat="true" hidden="true" outlineLevel="3">
      <c r="A4531" s="6" t="s">
        <v>4923</v>
      </c>
      <c r="B4531" s="6" t="e"/>
      <c r="C4531" s="6" t="s">
        <v>421</v>
      </c>
      <c r="D4531" s="6" t="s">
        <v>11</v>
      </c>
      <c r="E4531" s="6" t="e"/>
    </row>
    <row r="4532" ht="44" customHeight="true" s="1" customFormat="true" hidden="true" outlineLevel="3">
      <c r="A4532" s="6" t="s">
        <v>4924</v>
      </c>
      <c r="B4532" s="6" t="e"/>
      <c r="C4532" s="6" t="s">
        <v>2000</v>
      </c>
      <c r="D4532" s="6" t="s">
        <v>11</v>
      </c>
      <c r="E4532" s="6" t="e"/>
    </row>
    <row r="4533" ht="33" customHeight="true" s="1" customFormat="true" hidden="true" outlineLevel="3">
      <c r="A4533" s="6" t="s">
        <v>4925</v>
      </c>
      <c r="B4533" s="6" t="e"/>
      <c r="C4533" s="6" t="s">
        <v>1187</v>
      </c>
      <c r="D4533" s="6" t="s">
        <v>11</v>
      </c>
      <c r="E4533" s="6" t="e"/>
    </row>
    <row r="4534" ht="33" customHeight="true" s="1" customFormat="true" hidden="true" outlineLevel="3">
      <c r="A4534" s="6" t="s">
        <v>4926</v>
      </c>
      <c r="B4534" s="6" t="e"/>
      <c r="C4534" s="6" t="s">
        <v>1187</v>
      </c>
      <c r="D4534" s="6" t="s">
        <v>11</v>
      </c>
      <c r="E4534" s="6" t="e"/>
    </row>
    <row r="4535" ht="33" customHeight="true" s="1" customFormat="true" hidden="true" outlineLevel="3">
      <c r="A4535" s="6" t="s">
        <v>4927</v>
      </c>
      <c r="B4535" s="6" t="e"/>
      <c r="C4535" s="6" t="s">
        <v>1187</v>
      </c>
      <c r="D4535" s="6" t="s">
        <v>11</v>
      </c>
      <c r="E4535" s="6" t="e"/>
    </row>
    <row r="4536" ht="22" customHeight="true" s="1" customFormat="true" hidden="true" outlineLevel="3">
      <c r="A4536" s="6" t="s">
        <v>4928</v>
      </c>
      <c r="B4536" s="6" t="e"/>
      <c r="C4536" s="6" t="s">
        <v>1187</v>
      </c>
      <c r="D4536" s="6" t="s">
        <v>11</v>
      </c>
      <c r="E4536" s="6" t="e"/>
    </row>
    <row r="4537" ht="33" customHeight="true" s="1" customFormat="true" hidden="true" collapsed="true" outlineLevel="3">
      <c r="A4537" s="6" t="s">
        <v>4929</v>
      </c>
      <c r="B4537" s="6" t="e"/>
      <c r="C4537" s="6" t="s">
        <v>1187</v>
      </c>
      <c r="D4537" s="6" t="s">
        <v>11</v>
      </c>
      <c r="E4537" s="6" t="e"/>
    </row>
    <row r="4538" ht="11" customHeight="true" s="1" customFormat="true" hidden="true" collapsed="true" outlineLevel="2">
      <c r="A4538" s="5" t="s">
        <v>4930</v>
      </c>
      <c r="B4538" s="5" t="e"/>
      <c r="C4538" s="5" t="e"/>
      <c r="D4538" s="5" t="e"/>
      <c r="E4538" s="5" t="e"/>
    </row>
    <row r="4539" ht="67" customHeight="true" s="1" customFormat="true" hidden="true" outlineLevel="3">
      <c r="A4539" s="6" t="s">
        <v>4931</v>
      </c>
      <c r="B4539" s="6" t="e"/>
      <c r="C4539" s="6" t="s">
        <v>1187</v>
      </c>
      <c r="D4539" s="6" t="s">
        <v>11</v>
      </c>
      <c r="E4539" s="6" t="e"/>
    </row>
    <row r="4540" ht="44" customHeight="true" s="1" customFormat="true" hidden="true" collapsed="true" outlineLevel="3">
      <c r="A4540" s="6" t="s">
        <v>4932</v>
      </c>
      <c r="B4540" s="6" t="e"/>
      <c r="C4540" s="6" t="s">
        <v>1187</v>
      </c>
      <c r="D4540" s="6" t="s">
        <v>11</v>
      </c>
      <c r="E4540" s="6" t="e"/>
    </row>
    <row r="4541" ht="11" customHeight="true" s="1" customFormat="true" hidden="true" collapsed="true" outlineLevel="2">
      <c r="A4541" s="5" t="s">
        <v>4933</v>
      </c>
      <c r="B4541" s="5" t="e"/>
      <c r="C4541" s="5" t="e"/>
      <c r="D4541" s="5" t="e"/>
      <c r="E4541" s="5" t="e"/>
    </row>
    <row r="4542" ht="33" customHeight="true" s="1" customFormat="true" hidden="true" outlineLevel="3">
      <c r="A4542" s="6" t="s">
        <v>4934</v>
      </c>
      <c r="B4542" s="6" t="e"/>
      <c r="C4542" s="6" t="s">
        <v>1187</v>
      </c>
      <c r="D4542" s="6" t="s">
        <v>11</v>
      </c>
      <c r="E4542" s="6" t="e"/>
    </row>
    <row r="4543" ht="56" customHeight="true" s="1" customFormat="true" hidden="true" outlineLevel="3">
      <c r="A4543" s="6" t="s">
        <v>4935</v>
      </c>
      <c r="B4543" s="6" t="e"/>
      <c r="C4543" s="6" t="s">
        <v>1187</v>
      </c>
      <c r="D4543" s="6" t="s">
        <v>11</v>
      </c>
      <c r="E4543" s="6" t="e"/>
    </row>
    <row r="4544" ht="56" customHeight="true" s="1" customFormat="true" hidden="true" outlineLevel="3">
      <c r="A4544" s="6" t="s">
        <v>4936</v>
      </c>
      <c r="B4544" s="6" t="e"/>
      <c r="C4544" s="6" t="s">
        <v>430</v>
      </c>
      <c r="D4544" s="6" t="s">
        <v>11</v>
      </c>
      <c r="E4544" s="6" t="e"/>
    </row>
    <row r="4545" ht="44" customHeight="true" s="1" customFormat="true" hidden="true" outlineLevel="3">
      <c r="A4545" s="6" t="s">
        <v>4937</v>
      </c>
      <c r="B4545" s="6" t="e"/>
      <c r="C4545" s="6" t="s">
        <v>430</v>
      </c>
      <c r="D4545" s="6" t="s">
        <v>11</v>
      </c>
      <c r="E4545" s="6" t="e"/>
    </row>
    <row r="4546" ht="44" customHeight="true" s="1" customFormat="true" hidden="true" outlineLevel="3">
      <c r="A4546" s="6" t="s">
        <v>4938</v>
      </c>
      <c r="B4546" s="6" t="e"/>
      <c r="C4546" s="6" t="s">
        <v>279</v>
      </c>
      <c r="D4546" s="6" t="s">
        <v>11</v>
      </c>
      <c r="E4546" s="6" t="e"/>
    </row>
    <row r="4547" ht="44" customHeight="true" s="1" customFormat="true" hidden="true" outlineLevel="3">
      <c r="A4547" s="6" t="s">
        <v>4939</v>
      </c>
      <c r="B4547" s="6" t="e"/>
      <c r="C4547" s="6" t="s">
        <v>28</v>
      </c>
      <c r="D4547" s="6" t="s">
        <v>26</v>
      </c>
      <c r="E4547" s="6" t="e"/>
    </row>
    <row r="4548" ht="33" customHeight="true" s="1" customFormat="true" hidden="true" collapsed="true" outlineLevel="3">
      <c r="A4548" s="6" t="s">
        <v>4940</v>
      </c>
      <c r="B4548" s="6" t="e"/>
      <c r="C4548" s="6" t="s">
        <v>430</v>
      </c>
      <c r="D4548" s="6" t="s">
        <v>11</v>
      </c>
      <c r="E4548" s="6" t="e"/>
    </row>
    <row r="4549" ht="11" customHeight="true" s="1" customFormat="true" hidden="true" collapsed="true" outlineLevel="2">
      <c r="A4549" s="5" t="s">
        <v>4941</v>
      </c>
      <c r="B4549" s="5" t="e"/>
      <c r="C4549" s="5" t="e"/>
      <c r="D4549" s="5" t="e"/>
      <c r="E4549" s="5" t="e"/>
    </row>
    <row r="4550" ht="33" customHeight="true" s="1" customFormat="true" hidden="true" outlineLevel="3">
      <c r="A4550" s="6" t="s">
        <v>4942</v>
      </c>
      <c r="B4550" s="6" t="e"/>
      <c r="C4550" s="6" t="s">
        <v>14</v>
      </c>
      <c r="D4550" s="6" t="s">
        <v>11</v>
      </c>
      <c r="E4550" s="6" t="e"/>
    </row>
    <row r="4551" ht="56" customHeight="true" s="1" customFormat="true" hidden="true" outlineLevel="3">
      <c r="A4551" s="6" t="s">
        <v>4943</v>
      </c>
      <c r="B4551" s="6" t="e"/>
      <c r="C4551" s="6" t="s">
        <v>421</v>
      </c>
      <c r="D4551" s="6" t="s">
        <v>11</v>
      </c>
      <c r="E4551" s="6" t="e"/>
    </row>
    <row r="4552" ht="44" customHeight="true" s="1" customFormat="true" hidden="true" outlineLevel="3">
      <c r="A4552" s="6" t="s">
        <v>4944</v>
      </c>
      <c r="B4552" s="6" t="e"/>
      <c r="C4552" s="6" t="s">
        <v>421</v>
      </c>
      <c r="D4552" s="6" t="s">
        <v>11</v>
      </c>
      <c r="E4552" s="6" t="e"/>
    </row>
    <row r="4553" ht="44" customHeight="true" s="1" customFormat="true" hidden="true" outlineLevel="3">
      <c r="A4553" s="6" t="s">
        <v>4945</v>
      </c>
      <c r="B4553" s="6" t="e"/>
      <c r="C4553" s="6" t="s">
        <v>279</v>
      </c>
      <c r="D4553" s="6" t="s">
        <v>26</v>
      </c>
      <c r="E4553" s="6" t="e"/>
    </row>
    <row r="4554" ht="56" customHeight="true" s="1" customFormat="true" hidden="true" outlineLevel="3">
      <c r="A4554" s="6" t="s">
        <v>4946</v>
      </c>
      <c r="B4554" s="6" t="e"/>
      <c r="C4554" s="6" t="s">
        <v>14</v>
      </c>
      <c r="D4554" s="6" t="s">
        <v>11</v>
      </c>
      <c r="E4554" s="6" t="e"/>
    </row>
    <row r="4555" ht="44" customHeight="true" s="1" customFormat="true" hidden="true" outlineLevel="3">
      <c r="A4555" s="6" t="s">
        <v>4947</v>
      </c>
      <c r="B4555" s="6" t="e"/>
      <c r="C4555" s="6" t="s">
        <v>430</v>
      </c>
      <c r="D4555" s="6" t="s">
        <v>26</v>
      </c>
      <c r="E4555" s="6" t="e"/>
    </row>
    <row r="4556" ht="56" customHeight="true" s="1" customFormat="true" hidden="true" outlineLevel="3">
      <c r="A4556" s="6" t="s">
        <v>4948</v>
      </c>
      <c r="B4556" s="6" t="e"/>
      <c r="C4556" s="6" t="s">
        <v>1187</v>
      </c>
      <c r="D4556" s="6" t="s">
        <v>11</v>
      </c>
      <c r="E4556" s="6" t="e"/>
    </row>
    <row r="4557" ht="22" customHeight="true" s="1" customFormat="true" hidden="true" collapsed="true" outlineLevel="3">
      <c r="A4557" s="6" t="s">
        <v>4949</v>
      </c>
      <c r="B4557" s="6" t="e"/>
      <c r="C4557" s="6" t="s">
        <v>430</v>
      </c>
      <c r="D4557" s="6" t="s">
        <v>11</v>
      </c>
      <c r="E4557" s="6" t="e"/>
    </row>
    <row r="4558" ht="11" customHeight="true" s="1" customFormat="true" hidden="true" collapsed="true" outlineLevel="2">
      <c r="A4558" s="5" t="s">
        <v>4950</v>
      </c>
      <c r="B4558" s="5" t="e"/>
      <c r="C4558" s="5" t="e"/>
      <c r="D4558" s="5" t="e"/>
      <c r="E4558" s="5" t="e"/>
    </row>
    <row r="4559" ht="22" customHeight="true" s="1" customFormat="true" hidden="true" outlineLevel="3">
      <c r="A4559" s="6" t="s">
        <v>4951</v>
      </c>
      <c r="B4559" s="6" t="e"/>
      <c r="C4559" s="6" t="s">
        <v>10</v>
      </c>
      <c r="D4559" s="6" t="s">
        <v>11</v>
      </c>
      <c r="E4559" s="6" t="e"/>
    </row>
    <row r="4560" ht="33" customHeight="true" s="1" customFormat="true" hidden="true" outlineLevel="3">
      <c r="A4560" s="6" t="s">
        <v>4952</v>
      </c>
      <c r="B4560" s="6" t="e"/>
      <c r="C4560" s="6" t="s">
        <v>421</v>
      </c>
      <c r="D4560" s="6" t="s">
        <v>11</v>
      </c>
      <c r="E4560" s="6" t="e"/>
    </row>
    <row r="4561" ht="44" customHeight="true" s="1" customFormat="true" hidden="true" outlineLevel="3">
      <c r="A4561" s="6" t="s">
        <v>4953</v>
      </c>
      <c r="B4561" s="6" t="e"/>
      <c r="C4561" s="6" t="s">
        <v>421</v>
      </c>
      <c r="D4561" s="6" t="s">
        <v>11</v>
      </c>
      <c r="E4561" s="6" t="e"/>
    </row>
    <row r="4562" ht="33" customHeight="true" s="1" customFormat="true" hidden="true" collapsed="true" outlineLevel="3">
      <c r="A4562" s="6" t="s">
        <v>4954</v>
      </c>
      <c r="B4562" s="6" t="e"/>
      <c r="C4562" s="6" t="s">
        <v>1187</v>
      </c>
      <c r="D4562" s="6" t="s">
        <v>11</v>
      </c>
      <c r="E4562" s="6" t="e"/>
    </row>
    <row r="4563" ht="11" customHeight="true" s="1" customFormat="true" hidden="true" collapsed="true" outlineLevel="2">
      <c r="A4563" s="5" t="s">
        <v>4955</v>
      </c>
      <c r="B4563" s="5" t="e"/>
      <c r="C4563" s="5" t="e"/>
      <c r="D4563" s="5" t="e"/>
      <c r="E4563" s="5" t="e"/>
    </row>
    <row r="4564" ht="56" customHeight="true" s="1" customFormat="true" hidden="true" collapsed="true" outlineLevel="3">
      <c r="A4564" s="6" t="s">
        <v>4956</v>
      </c>
      <c r="B4564" s="6" t="e"/>
      <c r="C4564" s="6" t="s">
        <v>421</v>
      </c>
      <c r="D4564" s="6" t="s">
        <v>11</v>
      </c>
      <c r="E4564" s="6" t="e"/>
    </row>
    <row r="4565" ht="11" customHeight="true" s="1" customFormat="true" hidden="true" collapsed="true" outlineLevel="2">
      <c r="A4565" s="5" t="s">
        <v>4957</v>
      </c>
      <c r="B4565" s="5" t="e"/>
      <c r="C4565" s="5" t="e"/>
      <c r="D4565" s="5" t="e"/>
      <c r="E4565" s="5" t="e"/>
    </row>
    <row r="4566" ht="44" customHeight="true" s="1" customFormat="true" hidden="true" outlineLevel="3">
      <c r="A4566" s="6" t="s">
        <v>4958</v>
      </c>
      <c r="B4566" s="6" t="e"/>
      <c r="C4566" s="6" t="s">
        <v>1187</v>
      </c>
      <c r="D4566" s="6" t="s">
        <v>11</v>
      </c>
      <c r="E4566" s="6" t="e"/>
    </row>
    <row r="4567" ht="33" customHeight="true" s="1" customFormat="true" hidden="true" outlineLevel="3">
      <c r="A4567" s="6" t="s">
        <v>4959</v>
      </c>
      <c r="B4567" s="6" t="e"/>
      <c r="C4567" s="6" t="s">
        <v>1187</v>
      </c>
      <c r="D4567" s="6" t="s">
        <v>11</v>
      </c>
      <c r="E4567" s="6" t="e"/>
    </row>
    <row r="4568" ht="44" customHeight="true" s="1" customFormat="true" hidden="true" outlineLevel="3">
      <c r="A4568" s="6" t="s">
        <v>4960</v>
      </c>
      <c r="B4568" s="6" t="e"/>
      <c r="C4568" s="6" t="s">
        <v>14</v>
      </c>
      <c r="D4568" s="6" t="s">
        <v>26</v>
      </c>
      <c r="E4568" s="6" t="e"/>
    </row>
    <row r="4569" ht="67" customHeight="true" s="1" customFormat="true" hidden="true" outlineLevel="3">
      <c r="A4569" s="6" t="s">
        <v>4961</v>
      </c>
      <c r="B4569" s="6" t="e"/>
      <c r="C4569" s="6" t="s">
        <v>2000</v>
      </c>
      <c r="D4569" s="6" t="s">
        <v>11</v>
      </c>
      <c r="E4569" s="6" t="e"/>
    </row>
    <row r="4570" ht="44" customHeight="true" s="1" customFormat="true" hidden="true" outlineLevel="3">
      <c r="A4570" s="6" t="s">
        <v>4962</v>
      </c>
      <c r="B4570" s="6" t="e"/>
      <c r="C4570" s="6" t="s">
        <v>14</v>
      </c>
      <c r="D4570" s="6" t="s">
        <v>11</v>
      </c>
      <c r="E4570" s="6" t="e"/>
    </row>
    <row r="4571" ht="56" customHeight="true" s="1" customFormat="true" hidden="true" outlineLevel="3">
      <c r="A4571" s="6" t="s">
        <v>4963</v>
      </c>
      <c r="B4571" s="6" t="e"/>
      <c r="C4571" s="6" t="s">
        <v>2000</v>
      </c>
      <c r="D4571" s="6" t="s">
        <v>11</v>
      </c>
      <c r="E4571" s="6" t="e"/>
    </row>
    <row r="4572" ht="33" customHeight="true" s="1" customFormat="true" hidden="true" outlineLevel="3">
      <c r="A4572" s="6" t="s">
        <v>4964</v>
      </c>
      <c r="B4572" s="6" t="e"/>
      <c r="C4572" s="6" t="s">
        <v>1285</v>
      </c>
      <c r="D4572" s="6" t="s">
        <v>11</v>
      </c>
      <c r="E4572" s="6" t="e"/>
    </row>
    <row r="4573" ht="33" customHeight="true" s="1" customFormat="true" hidden="true" collapsed="true" outlineLevel="3">
      <c r="A4573" s="6" t="s">
        <v>4965</v>
      </c>
      <c r="B4573" s="6" t="e"/>
      <c r="C4573" s="6" t="s">
        <v>36</v>
      </c>
      <c r="D4573" s="6" t="s">
        <v>11</v>
      </c>
      <c r="E4573" s="6" t="e"/>
    </row>
    <row r="4574" ht="11" customHeight="true" s="1" customFormat="true" hidden="true" collapsed="true" outlineLevel="2">
      <c r="A4574" s="5" t="s">
        <v>4966</v>
      </c>
      <c r="B4574" s="5" t="e"/>
      <c r="C4574" s="5" t="e"/>
      <c r="D4574" s="5" t="e"/>
      <c r="E4574" s="5" t="e"/>
    </row>
    <row r="4575" ht="33" customHeight="true" s="1" customFormat="true" hidden="true" outlineLevel="3">
      <c r="A4575" s="6" t="s">
        <v>4967</v>
      </c>
      <c r="B4575" s="6" t="e"/>
      <c r="C4575" s="6" t="s">
        <v>103</v>
      </c>
      <c r="D4575" s="6" t="s">
        <v>40</v>
      </c>
      <c r="E4575" s="6" t="e"/>
    </row>
    <row r="4576" ht="44" customHeight="true" s="1" customFormat="true" hidden="true" outlineLevel="3">
      <c r="A4576" s="6" t="s">
        <v>4968</v>
      </c>
      <c r="B4576" s="6" t="e"/>
      <c r="C4576" s="6" t="s">
        <v>99</v>
      </c>
      <c r="D4576" s="6" t="s">
        <v>15</v>
      </c>
      <c r="E4576" s="6" t="e"/>
    </row>
    <row r="4577" ht="56" customHeight="true" s="1" customFormat="true" hidden="true" outlineLevel="3">
      <c r="A4577" s="6" t="s">
        <v>4969</v>
      </c>
      <c r="B4577" s="6" t="e"/>
      <c r="C4577" s="6" t="s">
        <v>103</v>
      </c>
      <c r="D4577" s="6" t="s">
        <v>26</v>
      </c>
      <c r="E4577" s="6" t="e"/>
    </row>
    <row r="4578" ht="22" customHeight="true" s="1" customFormat="true" hidden="true" outlineLevel="3">
      <c r="A4578" s="6" t="s">
        <v>4970</v>
      </c>
      <c r="B4578" s="6" t="e"/>
      <c r="C4578" s="6" t="s">
        <v>103</v>
      </c>
      <c r="D4578" s="6" t="s">
        <v>40</v>
      </c>
      <c r="E4578" s="6" t="e"/>
    </row>
    <row r="4579" ht="22" customHeight="true" s="1" customFormat="true" hidden="true" outlineLevel="3">
      <c r="A4579" s="6" t="s">
        <v>4971</v>
      </c>
      <c r="B4579" s="6" t="e"/>
      <c r="C4579" s="6" t="s">
        <v>155</v>
      </c>
      <c r="D4579" s="6" t="s">
        <v>26</v>
      </c>
      <c r="E4579" s="6" t="e"/>
    </row>
    <row r="4580" ht="33" customHeight="true" s="1" customFormat="true" hidden="true" outlineLevel="3">
      <c r="A4580" s="6" t="s">
        <v>4972</v>
      </c>
      <c r="B4580" s="6" t="e"/>
      <c r="C4580" s="6" t="s">
        <v>219</v>
      </c>
      <c r="D4580" s="6" t="s">
        <v>26</v>
      </c>
      <c r="E4580" s="6" t="e"/>
    </row>
    <row r="4581" ht="44" customHeight="true" s="1" customFormat="true" hidden="true" outlineLevel="3">
      <c r="A4581" s="6" t="s">
        <v>4973</v>
      </c>
      <c r="B4581" s="6" t="e"/>
      <c r="C4581" s="6" t="s">
        <v>55</v>
      </c>
      <c r="D4581" s="6" t="s">
        <v>26</v>
      </c>
      <c r="E4581" s="6" t="e"/>
    </row>
    <row r="4582" ht="44" customHeight="true" s="1" customFormat="true" hidden="true" outlineLevel="3">
      <c r="A4582" s="6" t="s">
        <v>4974</v>
      </c>
      <c r="B4582" s="6" t="e"/>
      <c r="C4582" s="6" t="s">
        <v>103</v>
      </c>
      <c r="D4582" s="6" t="s">
        <v>11</v>
      </c>
      <c r="E4582" s="6" t="e"/>
    </row>
    <row r="4583" ht="56" customHeight="true" s="1" customFormat="true" hidden="true" outlineLevel="3">
      <c r="A4583" s="6" t="s">
        <v>4975</v>
      </c>
      <c r="B4583" s="6" t="e"/>
      <c r="C4583" s="6" t="s">
        <v>219</v>
      </c>
      <c r="D4583" s="6" t="s">
        <v>11</v>
      </c>
      <c r="E4583" s="6" t="e"/>
    </row>
    <row r="4584" ht="44" customHeight="true" s="1" customFormat="true" hidden="true" outlineLevel="3">
      <c r="A4584" s="6" t="s">
        <v>4976</v>
      </c>
      <c r="B4584" s="6" t="e"/>
      <c r="C4584" s="6" t="s">
        <v>289</v>
      </c>
      <c r="D4584" s="6" t="s">
        <v>11</v>
      </c>
      <c r="E4584" s="6" t="e"/>
    </row>
    <row r="4585" ht="33" customHeight="true" s="1" customFormat="true" hidden="true" outlineLevel="3">
      <c r="A4585" s="6" t="s">
        <v>4977</v>
      </c>
      <c r="B4585" s="6" t="e"/>
      <c r="C4585" s="6" t="s">
        <v>103</v>
      </c>
      <c r="D4585" s="6" t="s">
        <v>40</v>
      </c>
      <c r="E4585" s="6" t="e"/>
    </row>
    <row r="4586" ht="56" customHeight="true" s="1" customFormat="true" hidden="true" outlineLevel="3">
      <c r="A4586" s="6" t="s">
        <v>4978</v>
      </c>
      <c r="B4586" s="6" t="e"/>
      <c r="C4586" s="6" t="s">
        <v>66</v>
      </c>
      <c r="D4586" s="6" t="s">
        <v>11</v>
      </c>
      <c r="E4586" s="6" t="e"/>
    </row>
    <row r="4587" ht="44" customHeight="true" s="1" customFormat="true" hidden="true" outlineLevel="3">
      <c r="A4587" s="6" t="s">
        <v>4979</v>
      </c>
      <c r="B4587" s="6" t="e"/>
      <c r="C4587" s="6" t="s">
        <v>188</v>
      </c>
      <c r="D4587" s="6" t="s">
        <v>40</v>
      </c>
      <c r="E4587" s="6" t="e"/>
    </row>
    <row r="4588" ht="33" customHeight="true" s="1" customFormat="true" hidden="true" outlineLevel="3">
      <c r="A4588" s="6" t="s">
        <v>4980</v>
      </c>
      <c r="B4588" s="6" t="e"/>
      <c r="C4588" s="6" t="s">
        <v>77</v>
      </c>
      <c r="D4588" s="6" t="s">
        <v>11</v>
      </c>
      <c r="E4588" s="6" t="e"/>
    </row>
    <row r="4589" ht="22" customHeight="true" s="1" customFormat="true" hidden="true" outlineLevel="3">
      <c r="A4589" s="6" t="s">
        <v>4981</v>
      </c>
      <c r="B4589" s="6" t="e"/>
      <c r="C4589" s="6" t="s">
        <v>50</v>
      </c>
      <c r="D4589" s="6" t="s">
        <v>11</v>
      </c>
      <c r="E4589" s="6" t="e"/>
    </row>
    <row r="4590" ht="44" customHeight="true" s="1" customFormat="true" hidden="true" outlineLevel="3">
      <c r="A4590" s="6" t="s">
        <v>4982</v>
      </c>
      <c r="B4590" s="6" t="e"/>
      <c r="C4590" s="6" t="s">
        <v>50</v>
      </c>
      <c r="D4590" s="6" t="s">
        <v>26</v>
      </c>
      <c r="E4590" s="6" t="e"/>
    </row>
    <row r="4591" ht="33" customHeight="true" s="1" customFormat="true" hidden="true" outlineLevel="3">
      <c r="A4591" s="6" t="s">
        <v>4983</v>
      </c>
      <c r="B4591" s="6" t="e"/>
      <c r="C4591" s="6" t="s">
        <v>50</v>
      </c>
      <c r="D4591" s="6" t="s">
        <v>11</v>
      </c>
      <c r="E4591" s="6" t="e"/>
    </row>
    <row r="4592" ht="56" customHeight="true" s="1" customFormat="true" hidden="true" outlineLevel="3">
      <c r="A4592" s="6" t="s">
        <v>4984</v>
      </c>
      <c r="B4592" s="6" t="e"/>
      <c r="C4592" s="6" t="s">
        <v>66</v>
      </c>
      <c r="D4592" s="6" t="s">
        <v>11</v>
      </c>
      <c r="E4592" s="6" t="e"/>
    </row>
    <row r="4593" ht="33" customHeight="true" s="1" customFormat="true" hidden="true" outlineLevel="3">
      <c r="A4593" s="6" t="s">
        <v>4985</v>
      </c>
      <c r="B4593" s="6" t="e"/>
      <c r="C4593" s="6" t="s">
        <v>103</v>
      </c>
      <c r="D4593" s="6" t="s">
        <v>11</v>
      </c>
      <c r="E4593" s="6" t="e"/>
    </row>
    <row r="4594" ht="44" customHeight="true" s="1" customFormat="true" hidden="true" outlineLevel="3">
      <c r="A4594" s="6" t="s">
        <v>4986</v>
      </c>
      <c r="B4594" s="6" t="e"/>
      <c r="C4594" s="6" t="s">
        <v>66</v>
      </c>
      <c r="D4594" s="6" t="s">
        <v>11</v>
      </c>
      <c r="E4594" s="6" t="e"/>
    </row>
    <row r="4595" ht="44" customHeight="true" s="1" customFormat="true" hidden="true" outlineLevel="3">
      <c r="A4595" s="6" t="s">
        <v>4987</v>
      </c>
      <c r="B4595" s="6" t="e"/>
      <c r="C4595" s="6" t="s">
        <v>66</v>
      </c>
      <c r="D4595" s="6" t="s">
        <v>11</v>
      </c>
      <c r="E4595" s="6" t="e"/>
    </row>
    <row r="4596" ht="44" customHeight="true" s="1" customFormat="true" hidden="true" outlineLevel="3">
      <c r="A4596" s="6" t="s">
        <v>4988</v>
      </c>
      <c r="B4596" s="6" t="e"/>
      <c r="C4596" s="6" t="s">
        <v>62</v>
      </c>
      <c r="D4596" s="6" t="s">
        <v>11</v>
      </c>
      <c r="E4596" s="6" t="e"/>
    </row>
    <row r="4597" ht="44" customHeight="true" s="1" customFormat="true" hidden="true" outlineLevel="3">
      <c r="A4597" s="6" t="s">
        <v>4989</v>
      </c>
      <c r="B4597" s="6" t="e"/>
      <c r="C4597" s="6" t="s">
        <v>2768</v>
      </c>
      <c r="D4597" s="6" t="s">
        <v>11</v>
      </c>
      <c r="E4597" s="6" t="e"/>
    </row>
    <row r="4598" ht="44" customHeight="true" s="1" customFormat="true" hidden="true" outlineLevel="3">
      <c r="A4598" s="6" t="s">
        <v>4990</v>
      </c>
      <c r="B4598" s="6" t="e"/>
      <c r="C4598" s="6" t="s">
        <v>2768</v>
      </c>
      <c r="D4598" s="6" t="s">
        <v>11</v>
      </c>
      <c r="E4598" s="6" t="e"/>
    </row>
    <row r="4599" ht="22" customHeight="true" s="1" customFormat="true" hidden="true" outlineLevel="3">
      <c r="A4599" s="6" t="s">
        <v>4991</v>
      </c>
      <c r="B4599" s="6" t="e"/>
      <c r="C4599" s="6" t="s">
        <v>127</v>
      </c>
      <c r="D4599" s="6" t="s">
        <v>11</v>
      </c>
      <c r="E4599" s="6" t="e"/>
    </row>
    <row r="4600" ht="44" customHeight="true" s="1" customFormat="true" hidden="true" outlineLevel="3">
      <c r="A4600" s="6" t="s">
        <v>4992</v>
      </c>
      <c r="B4600" s="6" t="e"/>
      <c r="C4600" s="6" t="s">
        <v>66</v>
      </c>
      <c r="D4600" s="6" t="s">
        <v>26</v>
      </c>
      <c r="E4600" s="6" t="e"/>
    </row>
    <row r="4601" ht="33" customHeight="true" s="1" customFormat="true" hidden="true" outlineLevel="3">
      <c r="A4601" s="6" t="s">
        <v>4993</v>
      </c>
      <c r="B4601" s="6" t="e"/>
      <c r="C4601" s="6" t="s">
        <v>127</v>
      </c>
      <c r="D4601" s="6" t="s">
        <v>26</v>
      </c>
      <c r="E4601" s="6" t="e"/>
    </row>
    <row r="4602" ht="44" customHeight="true" s="1" customFormat="true" hidden="true" outlineLevel="3">
      <c r="A4602" s="6" t="s">
        <v>4994</v>
      </c>
      <c r="B4602" s="6" t="e"/>
      <c r="C4602" s="6" t="s">
        <v>127</v>
      </c>
      <c r="D4602" s="6" t="s">
        <v>26</v>
      </c>
      <c r="E4602" s="6" t="e"/>
    </row>
    <row r="4603" ht="56" customHeight="true" s="1" customFormat="true" hidden="true" outlineLevel="3">
      <c r="A4603" s="6" t="s">
        <v>4995</v>
      </c>
      <c r="B4603" s="6" t="e"/>
      <c r="C4603" s="6" t="s">
        <v>2768</v>
      </c>
      <c r="D4603" s="6" t="s">
        <v>11</v>
      </c>
      <c r="E4603" s="6" t="e"/>
    </row>
    <row r="4604" ht="33" customHeight="true" s="1" customFormat="true" hidden="true" outlineLevel="3">
      <c r="A4604" s="6" t="s">
        <v>4996</v>
      </c>
      <c r="B4604" s="6" t="e"/>
      <c r="C4604" s="6" t="s">
        <v>103</v>
      </c>
      <c r="D4604" s="6" t="s">
        <v>26</v>
      </c>
      <c r="E4604" s="6" t="e"/>
    </row>
    <row r="4605" ht="56" customHeight="true" s="1" customFormat="true" hidden="true" outlineLevel="3">
      <c r="A4605" s="6" t="s">
        <v>4997</v>
      </c>
      <c r="B4605" s="6" t="e"/>
      <c r="C4605" s="6" t="s">
        <v>219</v>
      </c>
      <c r="D4605" s="6" t="s">
        <v>11</v>
      </c>
      <c r="E4605" s="6" t="e"/>
    </row>
    <row r="4606" ht="33" customHeight="true" s="1" customFormat="true" hidden="true" outlineLevel="3">
      <c r="A4606" s="6" t="s">
        <v>4998</v>
      </c>
      <c r="B4606" s="6" t="e"/>
      <c r="C4606" s="6" t="s">
        <v>110</v>
      </c>
      <c r="D4606" s="6" t="s">
        <v>11</v>
      </c>
      <c r="E4606" s="6" t="e"/>
    </row>
    <row r="4607" ht="44" customHeight="true" s="1" customFormat="true" hidden="true" outlineLevel="3">
      <c r="A4607" s="6" t="s">
        <v>4999</v>
      </c>
      <c r="B4607" s="6" t="e"/>
      <c r="C4607" s="6" t="s">
        <v>103</v>
      </c>
      <c r="D4607" s="6" t="s">
        <v>15</v>
      </c>
      <c r="E4607" s="6" t="e"/>
    </row>
    <row r="4608" ht="33" customHeight="true" s="1" customFormat="true" hidden="true" outlineLevel="3">
      <c r="A4608" s="6" t="s">
        <v>5000</v>
      </c>
      <c r="B4608" s="6" t="e"/>
      <c r="C4608" s="6" t="s">
        <v>103</v>
      </c>
      <c r="D4608" s="6" t="s">
        <v>11</v>
      </c>
      <c r="E4608" s="6" t="e"/>
    </row>
    <row r="4609" ht="44" customHeight="true" s="1" customFormat="true" hidden="true" outlineLevel="3">
      <c r="A4609" s="6" t="s">
        <v>5001</v>
      </c>
      <c r="B4609" s="6" t="e"/>
      <c r="C4609" s="6" t="s">
        <v>62</v>
      </c>
      <c r="D4609" s="6" t="s">
        <v>11</v>
      </c>
      <c r="E4609" s="6" t="e"/>
    </row>
    <row r="4610" ht="44" customHeight="true" s="1" customFormat="true" hidden="true" outlineLevel="3">
      <c r="A4610" s="6" t="s">
        <v>5002</v>
      </c>
      <c r="B4610" s="6" t="e"/>
      <c r="C4610" s="6" t="s">
        <v>99</v>
      </c>
      <c r="D4610" s="6" t="s">
        <v>40</v>
      </c>
      <c r="E4610" s="6" t="e"/>
    </row>
    <row r="4611" ht="44" customHeight="true" s="1" customFormat="true" hidden="true" outlineLevel="3">
      <c r="A4611" s="6" t="s">
        <v>5003</v>
      </c>
      <c r="B4611" s="6" t="e"/>
      <c r="C4611" s="6" t="s">
        <v>219</v>
      </c>
      <c r="D4611" s="6" t="s">
        <v>11</v>
      </c>
      <c r="E4611" s="6" t="e"/>
    </row>
    <row r="4612" ht="44" customHeight="true" s="1" customFormat="true" hidden="true" outlineLevel="3">
      <c r="A4612" s="6" t="s">
        <v>5004</v>
      </c>
      <c r="B4612" s="6" t="e"/>
      <c r="C4612" s="6" t="s">
        <v>1181</v>
      </c>
      <c r="D4612" s="6" t="s">
        <v>11</v>
      </c>
      <c r="E4612" s="6" t="e"/>
    </row>
    <row r="4613" ht="33" customHeight="true" s="1" customFormat="true" hidden="true" outlineLevel="3">
      <c r="A4613" s="6" t="s">
        <v>5005</v>
      </c>
      <c r="B4613" s="6" t="e"/>
      <c r="C4613" s="6" t="s">
        <v>127</v>
      </c>
      <c r="D4613" s="6" t="s">
        <v>11</v>
      </c>
      <c r="E4613" s="6" t="e"/>
    </row>
    <row r="4614" ht="44" customHeight="true" s="1" customFormat="true" hidden="true" outlineLevel="3">
      <c r="A4614" s="6" t="s">
        <v>5006</v>
      </c>
      <c r="B4614" s="6" t="e"/>
      <c r="C4614" s="6" t="s">
        <v>142</v>
      </c>
      <c r="D4614" s="6" t="s">
        <v>40</v>
      </c>
      <c r="E4614" s="6" t="e"/>
    </row>
    <row r="4615" ht="33" customHeight="true" s="1" customFormat="true" hidden="true" outlineLevel="3">
      <c r="A4615" s="6" t="s">
        <v>5007</v>
      </c>
      <c r="B4615" s="6" t="e"/>
      <c r="C4615" s="6" t="s">
        <v>127</v>
      </c>
      <c r="D4615" s="6" t="s">
        <v>11</v>
      </c>
      <c r="E4615" s="6" t="e"/>
    </row>
    <row r="4616" ht="33" customHeight="true" s="1" customFormat="true" hidden="true" outlineLevel="3">
      <c r="A4616" s="6" t="s">
        <v>5008</v>
      </c>
      <c r="B4616" s="6" t="e"/>
      <c r="C4616" s="6" t="s">
        <v>127</v>
      </c>
      <c r="D4616" s="6" t="s">
        <v>11</v>
      </c>
      <c r="E4616" s="6" t="e"/>
    </row>
    <row r="4617" ht="67" customHeight="true" s="1" customFormat="true" hidden="true" outlineLevel="3">
      <c r="A4617" s="6" t="s">
        <v>5009</v>
      </c>
      <c r="B4617" s="6" t="e"/>
      <c r="C4617" s="6" t="s">
        <v>103</v>
      </c>
      <c r="D4617" s="6" t="s">
        <v>40</v>
      </c>
      <c r="E4617" s="6" t="e"/>
    </row>
    <row r="4618" ht="56" customHeight="true" s="1" customFormat="true" hidden="true" outlineLevel="3">
      <c r="A4618" s="6" t="s">
        <v>5010</v>
      </c>
      <c r="B4618" s="6" t="e"/>
      <c r="C4618" s="6" t="s">
        <v>62</v>
      </c>
      <c r="D4618" s="6" t="s">
        <v>11</v>
      </c>
      <c r="E4618" s="6" t="e"/>
    </row>
    <row r="4619" ht="22" customHeight="true" s="1" customFormat="true" hidden="true" outlineLevel="3">
      <c r="A4619" s="6" t="s">
        <v>5011</v>
      </c>
      <c r="B4619" s="6" t="e"/>
      <c r="C4619" s="6" t="s">
        <v>72</v>
      </c>
      <c r="D4619" s="6" t="s">
        <v>11</v>
      </c>
      <c r="E4619" s="6" t="e"/>
    </row>
    <row r="4620" ht="33" customHeight="true" s="1" customFormat="true" hidden="true" outlineLevel="3">
      <c r="A4620" s="6" t="s">
        <v>5012</v>
      </c>
      <c r="B4620" s="6" t="e"/>
      <c r="C4620" s="6" t="s">
        <v>219</v>
      </c>
      <c r="D4620" s="6" t="s">
        <v>40</v>
      </c>
      <c r="E4620" s="6" t="e"/>
    </row>
    <row r="4621" ht="33" customHeight="true" s="1" customFormat="true" hidden="true" outlineLevel="3">
      <c r="A4621" s="6" t="s">
        <v>5013</v>
      </c>
      <c r="B4621" s="6" t="e"/>
      <c r="C4621" s="6" t="s">
        <v>2768</v>
      </c>
      <c r="D4621" s="6" t="s">
        <v>11</v>
      </c>
      <c r="E4621" s="6" t="e"/>
    </row>
    <row r="4622" ht="56" customHeight="true" s="1" customFormat="true" hidden="true" outlineLevel="3">
      <c r="A4622" s="6" t="s">
        <v>5014</v>
      </c>
      <c r="B4622" s="6" t="e"/>
      <c r="C4622" s="6" t="s">
        <v>219</v>
      </c>
      <c r="D4622" s="6" t="s">
        <v>40</v>
      </c>
      <c r="E4622" s="6" t="e"/>
    </row>
    <row r="4623" ht="33" customHeight="true" s="1" customFormat="true" hidden="true" outlineLevel="3">
      <c r="A4623" s="6" t="s">
        <v>5015</v>
      </c>
      <c r="B4623" s="6" t="e"/>
      <c r="C4623" s="6" t="s">
        <v>103</v>
      </c>
      <c r="D4623" s="6" t="s">
        <v>11</v>
      </c>
      <c r="E4623" s="6" t="e"/>
    </row>
    <row r="4624" ht="33" customHeight="true" s="1" customFormat="true" hidden="true" outlineLevel="3">
      <c r="A4624" s="6" t="s">
        <v>5016</v>
      </c>
      <c r="B4624" s="6" t="e"/>
      <c r="C4624" s="6" t="s">
        <v>1181</v>
      </c>
      <c r="D4624" s="6" t="s">
        <v>11</v>
      </c>
      <c r="E4624" s="6" t="e"/>
    </row>
    <row r="4625" ht="44" customHeight="true" s="1" customFormat="true" hidden="true" outlineLevel="3">
      <c r="A4625" s="6" t="s">
        <v>5017</v>
      </c>
      <c r="B4625" s="6" t="e"/>
      <c r="C4625" s="6" t="s">
        <v>1181</v>
      </c>
      <c r="D4625" s="6" t="s">
        <v>11</v>
      </c>
      <c r="E4625" s="6" t="e"/>
    </row>
    <row r="4626" ht="44" customHeight="true" s="1" customFormat="true" hidden="true" outlineLevel="3">
      <c r="A4626" s="6" t="s">
        <v>5018</v>
      </c>
      <c r="B4626" s="6" t="e"/>
      <c r="C4626" s="6" t="s">
        <v>127</v>
      </c>
      <c r="D4626" s="6" t="s">
        <v>11</v>
      </c>
      <c r="E4626" s="6" t="e"/>
    </row>
    <row r="4627" ht="33" customHeight="true" s="1" customFormat="true" hidden="true" outlineLevel="3">
      <c r="A4627" s="6" t="s">
        <v>5019</v>
      </c>
      <c r="B4627" s="6" t="e"/>
      <c r="C4627" s="6" t="s">
        <v>62</v>
      </c>
      <c r="D4627" s="6" t="s">
        <v>11</v>
      </c>
      <c r="E4627" s="6" t="e"/>
    </row>
    <row r="4628" ht="56" customHeight="true" s="1" customFormat="true" hidden="true" outlineLevel="3">
      <c r="A4628" s="6" t="s">
        <v>5020</v>
      </c>
      <c r="B4628" s="6" t="e"/>
      <c r="C4628" s="6" t="s">
        <v>55</v>
      </c>
      <c r="D4628" s="6" t="s">
        <v>11</v>
      </c>
      <c r="E4628" s="6" t="e"/>
    </row>
    <row r="4629" ht="67" customHeight="true" s="1" customFormat="true" hidden="true" outlineLevel="3">
      <c r="A4629" s="6" t="s">
        <v>5021</v>
      </c>
      <c r="B4629" s="6" t="e"/>
      <c r="C4629" s="6" t="s">
        <v>51</v>
      </c>
      <c r="D4629" s="6" t="s">
        <v>26</v>
      </c>
      <c r="E4629" s="6" t="e"/>
    </row>
    <row r="4630" ht="56" customHeight="true" s="1" customFormat="true" hidden="true" outlineLevel="3">
      <c r="A4630" s="6" t="s">
        <v>5022</v>
      </c>
      <c r="B4630" s="6" t="e"/>
      <c r="C4630" s="6" t="s">
        <v>2768</v>
      </c>
      <c r="D4630" s="6" t="s">
        <v>11</v>
      </c>
      <c r="E4630" s="6" t="e"/>
    </row>
    <row r="4631" ht="44" customHeight="true" s="1" customFormat="true" hidden="true" outlineLevel="3">
      <c r="A4631" s="6" t="s">
        <v>5023</v>
      </c>
      <c r="B4631" s="6" t="e"/>
      <c r="C4631" s="6" t="s">
        <v>1181</v>
      </c>
      <c r="D4631" s="6" t="s">
        <v>11</v>
      </c>
      <c r="E4631" s="6" t="e"/>
    </row>
    <row r="4632" ht="33" customHeight="true" s="1" customFormat="true" hidden="true" outlineLevel="3">
      <c r="A4632" s="6" t="s">
        <v>5024</v>
      </c>
      <c r="B4632" s="6" t="e"/>
      <c r="C4632" s="6" t="s">
        <v>2768</v>
      </c>
      <c r="D4632" s="6" t="s">
        <v>11</v>
      </c>
      <c r="E4632" s="6" t="e"/>
    </row>
    <row r="4633" ht="56" customHeight="true" s="1" customFormat="true" hidden="true" outlineLevel="3">
      <c r="A4633" s="6" t="s">
        <v>5025</v>
      </c>
      <c r="B4633" s="6" t="e"/>
      <c r="C4633" s="6" t="s">
        <v>50</v>
      </c>
      <c r="D4633" s="6" t="s">
        <v>26</v>
      </c>
      <c r="E4633" s="6" t="e"/>
    </row>
    <row r="4634" ht="33" customHeight="true" s="1" customFormat="true" hidden="true" outlineLevel="3">
      <c r="A4634" s="6" t="s">
        <v>5026</v>
      </c>
      <c r="B4634" s="6" t="e"/>
      <c r="C4634" s="6" t="s">
        <v>103</v>
      </c>
      <c r="D4634" s="6" t="s">
        <v>57</v>
      </c>
      <c r="E4634" s="6" t="e"/>
    </row>
    <row r="4635" ht="22" customHeight="true" s="1" customFormat="true" hidden="true" outlineLevel="3">
      <c r="A4635" s="6" t="s">
        <v>5027</v>
      </c>
      <c r="B4635" s="6" t="e"/>
      <c r="C4635" s="6" t="s">
        <v>292</v>
      </c>
      <c r="D4635" s="6" t="s">
        <v>40</v>
      </c>
      <c r="E4635" s="6" t="e"/>
    </row>
    <row r="4636" ht="67" customHeight="true" s="1" customFormat="true" hidden="true" outlineLevel="3">
      <c r="A4636" s="6" t="s">
        <v>5028</v>
      </c>
      <c r="B4636" s="6" t="e"/>
      <c r="C4636" s="6" t="s">
        <v>103</v>
      </c>
      <c r="D4636" s="6" t="s">
        <v>11</v>
      </c>
      <c r="E4636" s="6" t="e"/>
    </row>
    <row r="4637" ht="56" customHeight="true" s="1" customFormat="true" hidden="true" outlineLevel="3">
      <c r="A4637" s="6" t="s">
        <v>5029</v>
      </c>
      <c r="B4637" s="6" t="e"/>
      <c r="C4637" s="6" t="s">
        <v>391</v>
      </c>
      <c r="D4637" s="6" t="s">
        <v>11</v>
      </c>
      <c r="E4637" s="6" t="e"/>
    </row>
    <row r="4638" ht="44" customHeight="true" s="1" customFormat="true" hidden="true" outlineLevel="3">
      <c r="A4638" s="6" t="s">
        <v>5030</v>
      </c>
      <c r="B4638" s="6" t="e"/>
      <c r="C4638" s="6" t="s">
        <v>127</v>
      </c>
      <c r="D4638" s="6" t="s">
        <v>26</v>
      </c>
      <c r="E4638" s="6" t="e"/>
    </row>
    <row r="4639" ht="67" customHeight="true" s="1" customFormat="true" hidden="true" outlineLevel="3">
      <c r="A4639" s="6" t="s">
        <v>5031</v>
      </c>
      <c r="B4639" s="6" t="e"/>
      <c r="C4639" s="6" t="s">
        <v>103</v>
      </c>
      <c r="D4639" s="6" t="s">
        <v>15</v>
      </c>
      <c r="E4639" s="6" t="e"/>
    </row>
    <row r="4640" ht="44" customHeight="true" s="1" customFormat="true" hidden="true" outlineLevel="3">
      <c r="A4640" s="6" t="s">
        <v>5032</v>
      </c>
      <c r="B4640" s="6" t="e"/>
      <c r="C4640" s="6" t="s">
        <v>127</v>
      </c>
      <c r="D4640" s="6" t="s">
        <v>11</v>
      </c>
      <c r="E4640" s="6" t="e"/>
    </row>
    <row r="4641" ht="33" customHeight="true" s="1" customFormat="true" hidden="true" outlineLevel="3">
      <c r="A4641" s="6" t="s">
        <v>5033</v>
      </c>
      <c r="B4641" s="6" t="e"/>
      <c r="C4641" s="6" t="s">
        <v>62</v>
      </c>
      <c r="D4641" s="6" t="s">
        <v>11</v>
      </c>
      <c r="E4641" s="6" t="e"/>
    </row>
    <row r="4642" ht="22" customHeight="true" s="1" customFormat="true" hidden="true" outlineLevel="3">
      <c r="A4642" s="6" t="s">
        <v>5034</v>
      </c>
      <c r="B4642" s="6" t="e"/>
      <c r="C4642" s="6" t="s">
        <v>62</v>
      </c>
      <c r="D4642" s="6" t="s">
        <v>11</v>
      </c>
      <c r="E4642" s="6" t="e"/>
    </row>
    <row r="4643" ht="22" customHeight="true" s="1" customFormat="true" hidden="true" outlineLevel="3">
      <c r="A4643" s="6" t="s">
        <v>5035</v>
      </c>
      <c r="B4643" s="6" t="e"/>
      <c r="C4643" s="6" t="s">
        <v>62</v>
      </c>
      <c r="D4643" s="6" t="s">
        <v>11</v>
      </c>
      <c r="E4643" s="6" t="e"/>
    </row>
    <row r="4644" ht="44" customHeight="true" s="1" customFormat="true" hidden="true" outlineLevel="3">
      <c r="A4644" s="6" t="s">
        <v>5036</v>
      </c>
      <c r="B4644" s="6" t="e"/>
      <c r="C4644" s="6" t="s">
        <v>2768</v>
      </c>
      <c r="D4644" s="6" t="s">
        <v>11</v>
      </c>
      <c r="E4644" s="6" t="e"/>
    </row>
    <row r="4645" ht="33" customHeight="true" s="1" customFormat="true" hidden="true" outlineLevel="3">
      <c r="A4645" s="6" t="s">
        <v>5037</v>
      </c>
      <c r="B4645" s="6" t="e"/>
      <c r="C4645" s="6" t="s">
        <v>62</v>
      </c>
      <c r="D4645" s="6" t="s">
        <v>11</v>
      </c>
      <c r="E4645" s="6" t="e"/>
    </row>
    <row r="4646" ht="44" customHeight="true" s="1" customFormat="true" hidden="true" outlineLevel="3">
      <c r="A4646" s="6" t="s">
        <v>5038</v>
      </c>
      <c r="B4646" s="6" t="e"/>
      <c r="C4646" s="6" t="s">
        <v>2768</v>
      </c>
      <c r="D4646" s="6" t="s">
        <v>11</v>
      </c>
      <c r="E4646" s="6" t="e"/>
    </row>
    <row r="4647" ht="33" customHeight="true" s="1" customFormat="true" hidden="true" outlineLevel="3">
      <c r="A4647" s="6" t="s">
        <v>5039</v>
      </c>
      <c r="B4647" s="6" t="e"/>
      <c r="C4647" s="6" t="s">
        <v>62</v>
      </c>
      <c r="D4647" s="6" t="s">
        <v>11</v>
      </c>
      <c r="E4647" s="6" t="e"/>
    </row>
    <row r="4648" ht="33" customHeight="true" s="1" customFormat="true" hidden="true" outlineLevel="3">
      <c r="A4648" s="6" t="s">
        <v>5040</v>
      </c>
      <c r="B4648" s="6" t="e"/>
      <c r="C4648" s="6" t="s">
        <v>66</v>
      </c>
      <c r="D4648" s="6" t="s">
        <v>11</v>
      </c>
      <c r="E4648" s="6" t="e"/>
    </row>
    <row r="4649" ht="22" customHeight="true" s="1" customFormat="true" hidden="true" collapsed="true" outlineLevel="3">
      <c r="A4649" s="6" t="s">
        <v>5041</v>
      </c>
      <c r="B4649" s="6" t="e"/>
      <c r="C4649" s="6" t="s">
        <v>62</v>
      </c>
      <c r="D4649" s="6" t="s">
        <v>11</v>
      </c>
      <c r="E4649" s="6" t="e"/>
    </row>
    <row r="4650" ht="11" customHeight="true" s="1" customFormat="true" hidden="true" collapsed="true" outlineLevel="2">
      <c r="A4650" s="5" t="s">
        <v>5042</v>
      </c>
      <c r="B4650" s="5" t="e"/>
      <c r="C4650" s="5" t="e"/>
      <c r="D4650" s="5" t="e"/>
      <c r="E4650" s="5" t="e"/>
    </row>
    <row r="4651" ht="44" customHeight="true" s="1" customFormat="true" hidden="true" outlineLevel="3">
      <c r="A4651" s="6" t="s">
        <v>5043</v>
      </c>
      <c r="B4651" s="6" t="s">
        <v>80</v>
      </c>
      <c r="C4651" s="6" t="s">
        <v>47</v>
      </c>
      <c r="D4651" s="6" t="s">
        <v>11</v>
      </c>
      <c r="E4651" s="6" t="e"/>
    </row>
    <row r="4652" ht="33" customHeight="true" s="1" customFormat="true" hidden="true" outlineLevel="3">
      <c r="A4652" s="6" t="s">
        <v>5044</v>
      </c>
      <c r="B4652" s="6" t="s">
        <v>80</v>
      </c>
      <c r="C4652" s="6" t="s">
        <v>14</v>
      </c>
      <c r="D4652" s="6" t="s">
        <v>11</v>
      </c>
      <c r="E4652" s="6" t="e"/>
    </row>
    <row r="4653" ht="44" customHeight="true" s="1" customFormat="true" hidden="true" outlineLevel="3">
      <c r="A4653" s="6" t="s">
        <v>5045</v>
      </c>
      <c r="B4653" s="6" t="s">
        <v>80</v>
      </c>
      <c r="C4653" s="6" t="s">
        <v>421</v>
      </c>
      <c r="D4653" s="6" t="s">
        <v>11</v>
      </c>
      <c r="E4653" s="6" t="e"/>
    </row>
    <row r="4654" ht="33" customHeight="true" s="1" customFormat="true" hidden="true" outlineLevel="3">
      <c r="A4654" s="6" t="s">
        <v>5046</v>
      </c>
      <c r="B4654" s="6" t="s">
        <v>290</v>
      </c>
      <c r="C4654" s="6" t="s">
        <v>14</v>
      </c>
      <c r="D4654" s="6" t="s">
        <v>11</v>
      </c>
      <c r="E4654" s="6" t="e"/>
    </row>
    <row r="4655" ht="33" customHeight="true" s="1" customFormat="true" hidden="true" outlineLevel="3">
      <c r="A4655" s="6" t="s">
        <v>5047</v>
      </c>
      <c r="B4655" s="6" t="s">
        <v>47</v>
      </c>
      <c r="C4655" s="6" t="s">
        <v>36</v>
      </c>
      <c r="D4655" s="6" t="s">
        <v>11</v>
      </c>
      <c r="E4655" s="6" t="e"/>
    </row>
    <row r="4656" ht="33" customHeight="true" s="1" customFormat="true" hidden="true" outlineLevel="3">
      <c r="A4656" s="6" t="s">
        <v>5048</v>
      </c>
      <c r="B4656" s="6" t="s">
        <v>83</v>
      </c>
      <c r="C4656" s="6" t="s">
        <v>279</v>
      </c>
      <c r="D4656" s="6" t="s">
        <v>26</v>
      </c>
      <c r="E4656" s="6" t="e"/>
    </row>
    <row r="4657" ht="33" customHeight="true" s="1" customFormat="true" hidden="true" outlineLevel="3">
      <c r="A4657" s="6" t="s">
        <v>5049</v>
      </c>
      <c r="B4657" s="6" t="s">
        <v>83</v>
      </c>
      <c r="C4657" s="6" t="s">
        <v>279</v>
      </c>
      <c r="D4657" s="6" t="s">
        <v>11</v>
      </c>
      <c r="E4657" s="6" t="e"/>
    </row>
    <row r="4658" ht="44" customHeight="true" s="1" customFormat="true" hidden="true" outlineLevel="3">
      <c r="A4658" s="6" t="s">
        <v>5050</v>
      </c>
      <c r="B4658" s="6" t="s">
        <v>290</v>
      </c>
      <c r="C4658" s="6" t="s">
        <v>14</v>
      </c>
      <c r="D4658" s="6" t="s">
        <v>11</v>
      </c>
      <c r="E4658" s="6" t="e"/>
    </row>
    <row r="4659" ht="33" customHeight="true" s="1" customFormat="true" hidden="true" outlineLevel="3">
      <c r="A4659" s="6" t="s">
        <v>5051</v>
      </c>
      <c r="B4659" s="6" t="s">
        <v>83</v>
      </c>
      <c r="C4659" s="6" t="s">
        <v>279</v>
      </c>
      <c r="D4659" s="6" t="s">
        <v>15</v>
      </c>
      <c r="E4659" s="6" t="e"/>
    </row>
    <row r="4660" ht="33" customHeight="true" s="1" customFormat="true" hidden="true" outlineLevel="3">
      <c r="A4660" s="6" t="s">
        <v>5052</v>
      </c>
      <c r="B4660" s="6" t="s">
        <v>325</v>
      </c>
      <c r="C4660" s="6" t="s">
        <v>279</v>
      </c>
      <c r="D4660" s="6" t="s">
        <v>11</v>
      </c>
      <c r="E4660" s="6" t="e"/>
    </row>
    <row r="4661" ht="33" customHeight="true" s="1" customFormat="true" hidden="true" outlineLevel="3">
      <c r="A4661" s="6" t="s">
        <v>5053</v>
      </c>
      <c r="B4661" s="6" t="s">
        <v>325</v>
      </c>
      <c r="C4661" s="6" t="s">
        <v>279</v>
      </c>
      <c r="D4661" s="6" t="s">
        <v>11</v>
      </c>
      <c r="E4661" s="6" t="e"/>
    </row>
    <row r="4662" ht="44" customHeight="true" s="1" customFormat="true" hidden="true" outlineLevel="3">
      <c r="A4662" s="6" t="s">
        <v>5054</v>
      </c>
      <c r="B4662" s="6" t="s">
        <v>47</v>
      </c>
      <c r="C4662" s="6" t="s">
        <v>279</v>
      </c>
      <c r="D4662" s="6" t="s">
        <v>11</v>
      </c>
      <c r="E4662" s="6" t="e"/>
    </row>
    <row r="4663" ht="44" customHeight="true" s="1" customFormat="true" hidden="true" outlineLevel="3">
      <c r="A4663" s="6" t="s">
        <v>5055</v>
      </c>
      <c r="B4663" s="6" t="s">
        <v>83</v>
      </c>
      <c r="C4663" s="6" t="s">
        <v>430</v>
      </c>
      <c r="D4663" s="6" t="s">
        <v>11</v>
      </c>
      <c r="E4663" s="6" t="e"/>
    </row>
    <row r="4664" ht="44" customHeight="true" s="1" customFormat="true" hidden="true" outlineLevel="3">
      <c r="A4664" s="6" t="s">
        <v>5056</v>
      </c>
      <c r="B4664" s="6" t="s">
        <v>47</v>
      </c>
      <c r="C4664" s="6" t="s">
        <v>279</v>
      </c>
      <c r="D4664" s="6" t="s">
        <v>26</v>
      </c>
      <c r="E4664" s="6" t="e"/>
    </row>
    <row r="4665" ht="33" customHeight="true" s="1" customFormat="true" hidden="true" outlineLevel="3">
      <c r="A4665" s="6" t="s">
        <v>5057</v>
      </c>
      <c r="B4665" s="6" t="s">
        <v>47</v>
      </c>
      <c r="C4665" s="6" t="s">
        <v>279</v>
      </c>
      <c r="D4665" s="6" t="s">
        <v>11</v>
      </c>
      <c r="E4665" s="6" t="e"/>
    </row>
    <row r="4666" ht="44" customHeight="true" s="1" customFormat="true" hidden="true" outlineLevel="3">
      <c r="A4666" s="6" t="s">
        <v>5058</v>
      </c>
      <c r="B4666" s="6" t="s">
        <v>13</v>
      </c>
      <c r="C4666" s="6" t="s">
        <v>14</v>
      </c>
      <c r="D4666" s="6" t="s">
        <v>11</v>
      </c>
      <c r="E4666" s="6" t="e"/>
    </row>
    <row r="4667" ht="44" customHeight="true" s="1" customFormat="true" hidden="true" outlineLevel="3">
      <c r="A4667" s="6" t="s">
        <v>5059</v>
      </c>
      <c r="B4667" s="6" t="s">
        <v>421</v>
      </c>
      <c r="C4667" s="6" t="s">
        <v>5060</v>
      </c>
      <c r="D4667" s="6" t="s">
        <v>26</v>
      </c>
      <c r="E4667" s="6" t="e"/>
    </row>
    <row r="4668" ht="33" customHeight="true" s="1" customFormat="true" hidden="true" outlineLevel="3">
      <c r="A4668" s="6" t="s">
        <v>5061</v>
      </c>
      <c r="B4668" s="6" t="s">
        <v>47</v>
      </c>
      <c r="C4668" s="6" t="s">
        <v>279</v>
      </c>
      <c r="D4668" s="6" t="s">
        <v>11</v>
      </c>
      <c r="E4668" s="6" t="e"/>
    </row>
    <row r="4669" ht="44" customHeight="true" s="1" customFormat="true" hidden="true" outlineLevel="3">
      <c r="A4669" s="6" t="s">
        <v>5062</v>
      </c>
      <c r="B4669" s="6" t="s">
        <v>47</v>
      </c>
      <c r="C4669" s="6" t="s">
        <v>279</v>
      </c>
      <c r="D4669" s="6" t="s">
        <v>26</v>
      </c>
      <c r="E4669" s="6" t="e"/>
    </row>
    <row r="4670" ht="44" customHeight="true" s="1" customFormat="true" hidden="true" outlineLevel="3">
      <c r="A4670" s="6" t="s">
        <v>5063</v>
      </c>
      <c r="B4670" s="6" t="s">
        <v>83</v>
      </c>
      <c r="C4670" s="6" t="s">
        <v>14</v>
      </c>
      <c r="D4670" s="6" t="s">
        <v>11</v>
      </c>
      <c r="E4670" s="6" t="e"/>
    </row>
    <row r="4671" ht="33" customHeight="true" s="1" customFormat="true" hidden="true" outlineLevel="3">
      <c r="A4671" s="6" t="s">
        <v>5064</v>
      </c>
      <c r="B4671" s="6" t="s">
        <v>47</v>
      </c>
      <c r="C4671" s="6" t="s">
        <v>279</v>
      </c>
      <c r="D4671" s="6" t="s">
        <v>11</v>
      </c>
      <c r="E4671" s="6" t="e"/>
    </row>
    <row r="4672" ht="33" customHeight="true" s="1" customFormat="true" hidden="true" collapsed="true" outlineLevel="3">
      <c r="A4672" s="6" t="s">
        <v>5065</v>
      </c>
      <c r="B4672" s="6" t="s">
        <v>47</v>
      </c>
      <c r="C4672" s="6" t="s">
        <v>279</v>
      </c>
      <c r="D4672" s="6" t="s">
        <v>26</v>
      </c>
      <c r="E4672" s="6" t="e"/>
    </row>
    <row r="4673" ht="11" customHeight="true" s="1" customFormat="true" hidden="true" collapsed="true" outlineLevel="2">
      <c r="A4673" s="5" t="s">
        <v>5066</v>
      </c>
      <c r="B4673" s="5" t="e"/>
      <c r="C4673" s="5" t="e"/>
      <c r="D4673" s="5" t="e"/>
      <c r="E4673" s="5" t="e"/>
    </row>
    <row r="4674" ht="44" customHeight="true" s="1" customFormat="true" hidden="true" outlineLevel="3">
      <c r="A4674" s="6" t="s">
        <v>5067</v>
      </c>
      <c r="B4674" s="6" t="e"/>
      <c r="C4674" s="6" t="s">
        <v>1212</v>
      </c>
      <c r="D4674" s="6" t="s">
        <v>11</v>
      </c>
      <c r="E4674" s="6" t="e"/>
    </row>
    <row r="4675" ht="33" customHeight="true" s="1" customFormat="true" hidden="true" outlineLevel="3">
      <c r="A4675" s="6" t="s">
        <v>5068</v>
      </c>
      <c r="B4675" s="6" t="e"/>
      <c r="C4675" s="6" t="s">
        <v>83</v>
      </c>
      <c r="D4675" s="6" t="s">
        <v>11</v>
      </c>
      <c r="E4675" s="6" t="e"/>
    </row>
    <row r="4676" ht="44" customHeight="true" s="1" customFormat="true" hidden="true" outlineLevel="3">
      <c r="A4676" s="6" t="s">
        <v>5069</v>
      </c>
      <c r="B4676" s="6" t="e"/>
      <c r="C4676" s="6" t="s">
        <v>127</v>
      </c>
      <c r="D4676" s="6" t="s">
        <v>123</v>
      </c>
      <c r="E4676" s="6" t="e"/>
    </row>
    <row r="4677" ht="22" customHeight="true" s="1" customFormat="true" hidden="true" outlineLevel="3">
      <c r="A4677" s="6" t="s">
        <v>5070</v>
      </c>
      <c r="B4677" s="6" t="e"/>
      <c r="C4677" s="6" t="s">
        <v>99</v>
      </c>
      <c r="D4677" s="6" t="s">
        <v>40</v>
      </c>
      <c r="E4677" s="6" t="e"/>
    </row>
    <row r="4678" ht="22" customHeight="true" s="1" customFormat="true" hidden="true" outlineLevel="3">
      <c r="A4678" s="6" t="s">
        <v>5071</v>
      </c>
      <c r="B4678" s="6" t="e"/>
      <c r="C4678" s="6" t="s">
        <v>110</v>
      </c>
      <c r="D4678" s="6" t="s">
        <v>40</v>
      </c>
      <c r="E4678" s="6" t="e"/>
    </row>
    <row r="4679" ht="33" customHeight="true" s="1" customFormat="true" hidden="true" outlineLevel="3">
      <c r="A4679" s="6" t="s">
        <v>5072</v>
      </c>
      <c r="B4679" s="6" t="e"/>
      <c r="C4679" s="6" t="s">
        <v>62</v>
      </c>
      <c r="D4679" s="6" t="s">
        <v>11</v>
      </c>
      <c r="E4679" s="6" t="e"/>
    </row>
    <row r="4680" ht="22" customHeight="true" s="1" customFormat="true" hidden="true" collapsed="true" outlineLevel="3">
      <c r="A4680" s="6" t="s">
        <v>5073</v>
      </c>
      <c r="B4680" s="6" t="e"/>
      <c r="C4680" s="6" t="s">
        <v>188</v>
      </c>
      <c r="D4680" s="6" t="s">
        <v>26</v>
      </c>
      <c r="E4680" s="6" t="e"/>
    </row>
    <row r="4681" ht="11" customHeight="true" s="1" customFormat="true" hidden="true" collapsed="true" outlineLevel="2">
      <c r="A4681" s="5" t="s">
        <v>5074</v>
      </c>
      <c r="B4681" s="5" t="e"/>
      <c r="C4681" s="5" t="e"/>
      <c r="D4681" s="5" t="e"/>
      <c r="E4681" s="5" t="e"/>
    </row>
    <row r="4682" ht="33" customHeight="true" s="1" customFormat="true" hidden="true" outlineLevel="3">
      <c r="A4682" s="6" t="s">
        <v>5075</v>
      </c>
      <c r="B4682" s="6" t="e"/>
      <c r="C4682" s="6" t="s">
        <v>21</v>
      </c>
      <c r="D4682" s="6" t="s">
        <v>11</v>
      </c>
      <c r="E4682" s="6" t="e"/>
    </row>
    <row r="4683" ht="56" customHeight="true" s="1" customFormat="true" hidden="true" outlineLevel="3">
      <c r="A4683" s="6" t="s">
        <v>5076</v>
      </c>
      <c r="B4683" s="6" t="e"/>
      <c r="C4683" s="6" t="s">
        <v>82</v>
      </c>
      <c r="D4683" s="6" t="s">
        <v>11</v>
      </c>
      <c r="E4683" s="6" t="e"/>
    </row>
    <row r="4684" ht="11" customHeight="true" collapsed="true" outlineLevel="1">
      <c r="A4684" s="5" t="s">
        <v>5077</v>
      </c>
      <c r="B4684" s="5" t="e"/>
      <c r="C4684" s="5" t="e"/>
      <c r="D4684" s="5" t="e"/>
      <c r="E4684" s="5" t="e"/>
    </row>
    <row r="4685" ht="11" customHeight="true" s="1" customFormat="true" hidden="true" outlineLevel="2">
      <c r="A4685" s="6" t="s">
        <v>5078</v>
      </c>
      <c r="B4685" s="6" t="e"/>
      <c r="C4685" s="6" t="s">
        <v>5079</v>
      </c>
      <c r="D4685" s="6" t="s">
        <v>11</v>
      </c>
      <c r="E4685" s="6" t="e"/>
    </row>
    <row r="4686" ht="11" customHeight="true" collapsed="true" outlineLevel="1">
      <c r="A4686" s="5" t="s">
        <v>5080</v>
      </c>
      <c r="B4686" s="5" t="e"/>
      <c r="C4686" s="5" t="e"/>
      <c r="D4686" s="5" t="e"/>
      <c r="E4686" s="5" t="e"/>
    </row>
    <row r="4687" ht="11" customHeight="true" s="1" customFormat="true" hidden="true" collapsed="true" outlineLevel="2">
      <c r="A4687" s="5" t="s">
        <v>5081</v>
      </c>
      <c r="B4687" s="5" t="e"/>
      <c r="C4687" s="5" t="e"/>
      <c r="D4687" s="5" t="e"/>
      <c r="E4687" s="5" t="e"/>
    </row>
    <row r="4688" ht="33" customHeight="true" s="1" customFormat="true" hidden="true" collapsed="true" outlineLevel="3">
      <c r="A4688" s="6" t="s">
        <v>5082</v>
      </c>
      <c r="B4688" s="6" t="e"/>
      <c r="C4688" s="6" t="s">
        <v>136</v>
      </c>
      <c r="D4688" s="6" t="s">
        <v>11</v>
      </c>
      <c r="E4688" s="6" t="e"/>
    </row>
    <row r="4689" ht="11" customHeight="true" s="1" customFormat="true" hidden="true" collapsed="true" outlineLevel="2">
      <c r="A4689" s="5" t="s">
        <v>5083</v>
      </c>
      <c r="B4689" s="5" t="e"/>
      <c r="C4689" s="5" t="e"/>
      <c r="D4689" s="5" t="e"/>
      <c r="E4689" s="5" t="e"/>
    </row>
    <row r="4690" ht="22" customHeight="true" s="1" customFormat="true" hidden="true" outlineLevel="3">
      <c r="A4690" s="6" t="s">
        <v>5084</v>
      </c>
      <c r="B4690" s="6" t="e"/>
      <c r="C4690" s="6" t="s">
        <v>149</v>
      </c>
      <c r="D4690" s="6" t="s">
        <v>40</v>
      </c>
      <c r="E4690" s="6" t="e"/>
    </row>
    <row r="4691" ht="22" customHeight="true" s="1" customFormat="true" hidden="true" outlineLevel="3">
      <c r="A4691" s="6" t="s">
        <v>5085</v>
      </c>
      <c r="B4691" s="6" t="e"/>
      <c r="C4691" s="6" t="s">
        <v>225</v>
      </c>
      <c r="D4691" s="6" t="s">
        <v>26</v>
      </c>
      <c r="E4691" s="6" t="e"/>
    </row>
    <row r="4692" ht="44" customHeight="true" s="1" customFormat="true" hidden="true" collapsed="true" outlineLevel="3">
      <c r="A4692" s="6" t="s">
        <v>5086</v>
      </c>
      <c r="B4692" s="6" t="e"/>
      <c r="C4692" s="6" t="s">
        <v>2768</v>
      </c>
      <c r="D4692" s="6" t="s">
        <v>11</v>
      </c>
      <c r="E4692" s="6" t="e"/>
    </row>
    <row r="4693" ht="11" customHeight="true" s="1" customFormat="true" hidden="true" collapsed="true" outlineLevel="2">
      <c r="A4693" s="5" t="s">
        <v>5087</v>
      </c>
      <c r="B4693" s="5" t="e"/>
      <c r="C4693" s="5" t="e"/>
      <c r="D4693" s="5" t="e"/>
      <c r="E4693" s="5" t="e"/>
    </row>
    <row r="4694" ht="22" customHeight="true" s="1" customFormat="true" hidden="true" outlineLevel="3">
      <c r="A4694" s="6" t="s">
        <v>5088</v>
      </c>
      <c r="B4694" s="6" t="e"/>
      <c r="C4694" s="6" t="s">
        <v>225</v>
      </c>
      <c r="D4694" s="6" t="s">
        <v>11</v>
      </c>
      <c r="E4694" s="6" t="e"/>
    </row>
    <row r="4695" ht="33" customHeight="true" s="1" customFormat="true" hidden="true" outlineLevel="3">
      <c r="A4695" s="6" t="s">
        <v>5089</v>
      </c>
      <c r="B4695" s="6" t="e"/>
      <c r="C4695" s="6" t="s">
        <v>126</v>
      </c>
      <c r="D4695" s="6" t="s">
        <v>11</v>
      </c>
      <c r="E4695" s="6" t="e"/>
    </row>
    <row r="4696" ht="33" customHeight="true" s="1" customFormat="true" hidden="true" outlineLevel="3">
      <c r="A4696" s="6" t="s">
        <v>5090</v>
      </c>
      <c r="B4696" s="6" t="e"/>
      <c r="C4696" s="6" t="s">
        <v>136</v>
      </c>
      <c r="D4696" s="6" t="s">
        <v>11</v>
      </c>
      <c r="E4696" s="6" t="e"/>
    </row>
    <row r="4697" ht="22" customHeight="true" s="1" customFormat="true" hidden="true" outlineLevel="3">
      <c r="A4697" s="6" t="s">
        <v>5091</v>
      </c>
      <c r="B4697" s="6" t="e"/>
      <c r="C4697" s="6" t="s">
        <v>302</v>
      </c>
      <c r="D4697" s="6" t="s">
        <v>11</v>
      </c>
      <c r="E4697" s="6" t="e"/>
    </row>
    <row r="4698" ht="33" customHeight="true" s="1" customFormat="true" hidden="true" outlineLevel="3">
      <c r="A4698" s="6" t="s">
        <v>5092</v>
      </c>
      <c r="B4698" s="6" t="e"/>
      <c r="C4698" s="6" t="s">
        <v>225</v>
      </c>
      <c r="D4698" s="6" t="s">
        <v>11</v>
      </c>
      <c r="E4698" s="6" t="e"/>
    </row>
    <row r="4699" ht="33" customHeight="true" s="1" customFormat="true" hidden="true" outlineLevel="3">
      <c r="A4699" s="6" t="s">
        <v>5093</v>
      </c>
      <c r="B4699" s="6" t="e"/>
      <c r="C4699" s="6" t="s">
        <v>136</v>
      </c>
      <c r="D4699" s="6" t="s">
        <v>11</v>
      </c>
      <c r="E4699" s="6" t="e"/>
    </row>
    <row r="4700" ht="33" customHeight="true" s="1" customFormat="true" hidden="true" outlineLevel="3">
      <c r="A4700" s="6" t="s">
        <v>5094</v>
      </c>
      <c r="B4700" s="6" t="e"/>
      <c r="C4700" s="6" t="s">
        <v>126</v>
      </c>
      <c r="D4700" s="6" t="s">
        <v>11</v>
      </c>
      <c r="E4700" s="6" t="e"/>
    </row>
    <row r="4701" ht="22" customHeight="true" s="1" customFormat="true" hidden="true" outlineLevel="3">
      <c r="A4701" s="6" t="s">
        <v>5095</v>
      </c>
      <c r="B4701" s="6" t="e"/>
      <c r="C4701" s="6" t="s">
        <v>55</v>
      </c>
      <c r="D4701" s="6" t="s">
        <v>11</v>
      </c>
      <c r="E4701" s="6" t="e"/>
    </row>
    <row r="4702" ht="44" customHeight="true" s="1" customFormat="true" hidden="true" outlineLevel="3">
      <c r="A4702" s="6" t="s">
        <v>5096</v>
      </c>
      <c r="B4702" s="6" t="e"/>
      <c r="C4702" s="6" t="s">
        <v>225</v>
      </c>
      <c r="D4702" s="6" t="s">
        <v>11</v>
      </c>
      <c r="E4702" s="6" t="e"/>
    </row>
    <row r="4703" ht="33" customHeight="true" s="1" customFormat="true" hidden="true" outlineLevel="3">
      <c r="A4703" s="6" t="s">
        <v>5097</v>
      </c>
      <c r="B4703" s="6" t="e"/>
      <c r="C4703" s="6" t="s">
        <v>126</v>
      </c>
      <c r="D4703" s="6" t="s">
        <v>11</v>
      </c>
      <c r="E4703" s="6" t="e"/>
    </row>
    <row r="4704" ht="33" customHeight="true" s="1" customFormat="true" hidden="true" outlineLevel="3">
      <c r="A4704" s="6" t="s">
        <v>5098</v>
      </c>
      <c r="B4704" s="6" t="e"/>
      <c r="C4704" s="6" t="s">
        <v>126</v>
      </c>
      <c r="D4704" s="6" t="s">
        <v>11</v>
      </c>
      <c r="E4704" s="6" t="e"/>
    </row>
    <row r="4705" ht="33" customHeight="true" s="1" customFormat="true" hidden="true" outlineLevel="3">
      <c r="A4705" s="6" t="s">
        <v>5099</v>
      </c>
      <c r="B4705" s="6" t="e"/>
      <c r="C4705" s="6" t="s">
        <v>136</v>
      </c>
      <c r="D4705" s="6" t="s">
        <v>11</v>
      </c>
      <c r="E4705" s="6" t="e"/>
    </row>
    <row r="4706" ht="33" customHeight="true" s="1" customFormat="true" hidden="true" outlineLevel="3">
      <c r="A4706" s="6" t="s">
        <v>5100</v>
      </c>
      <c r="B4706" s="6" t="e"/>
      <c r="C4706" s="6" t="s">
        <v>136</v>
      </c>
      <c r="D4706" s="6" t="s">
        <v>26</v>
      </c>
      <c r="E4706" s="6" t="e"/>
    </row>
    <row r="4707" ht="22" customHeight="true" s="1" customFormat="true" hidden="true" outlineLevel="3">
      <c r="A4707" s="6" t="s">
        <v>5101</v>
      </c>
      <c r="B4707" s="6" t="e"/>
      <c r="C4707" s="6" t="s">
        <v>155</v>
      </c>
      <c r="D4707" s="6" t="s">
        <v>11</v>
      </c>
      <c r="E4707" s="6" t="e"/>
    </row>
    <row r="4708" ht="33" customHeight="true" s="1" customFormat="true" hidden="true" outlineLevel="3">
      <c r="A4708" s="6" t="s">
        <v>5102</v>
      </c>
      <c r="B4708" s="6" t="e"/>
      <c r="C4708" s="6" t="s">
        <v>242</v>
      </c>
      <c r="D4708" s="6" t="s">
        <v>11</v>
      </c>
      <c r="E4708" s="6" t="e"/>
    </row>
    <row r="4709" ht="33" customHeight="true" s="1" customFormat="true" hidden="true" collapsed="true" outlineLevel="3">
      <c r="A4709" s="6" t="s">
        <v>5103</v>
      </c>
      <c r="B4709" s="6" t="e"/>
      <c r="C4709" s="6" t="s">
        <v>141</v>
      </c>
      <c r="D4709" s="6" t="s">
        <v>26</v>
      </c>
      <c r="E4709" s="6" t="e"/>
    </row>
    <row r="4710" ht="11" customHeight="true" s="1" customFormat="true" hidden="true" collapsed="true" outlineLevel="2">
      <c r="A4710" s="5" t="s">
        <v>5104</v>
      </c>
      <c r="B4710" s="5" t="e"/>
      <c r="C4710" s="5" t="e"/>
      <c r="D4710" s="5" t="e"/>
      <c r="E4710" s="5" t="e"/>
    </row>
    <row r="4711" ht="22" customHeight="true" s="1" customFormat="true" hidden="true" outlineLevel="3">
      <c r="A4711" s="6" t="s">
        <v>5105</v>
      </c>
      <c r="B4711" s="6" t="e"/>
      <c r="C4711" s="6" t="s">
        <v>126</v>
      </c>
      <c r="D4711" s="6" t="s">
        <v>11</v>
      </c>
      <c r="E4711" s="6" t="e"/>
    </row>
    <row r="4712" ht="33" customHeight="true" s="1" customFormat="true" hidden="true" outlineLevel="3">
      <c r="A4712" s="6" t="s">
        <v>5106</v>
      </c>
      <c r="B4712" s="6" t="e"/>
      <c r="C4712" s="6" t="s">
        <v>55</v>
      </c>
      <c r="D4712" s="6" t="s">
        <v>26</v>
      </c>
      <c r="E4712" s="6" t="e"/>
    </row>
    <row r="4713" ht="33" customHeight="true" s="1" customFormat="true" hidden="true" outlineLevel="3">
      <c r="A4713" s="6" t="s">
        <v>5107</v>
      </c>
      <c r="B4713" s="6" t="e"/>
      <c r="C4713" s="6" t="s">
        <v>219</v>
      </c>
      <c r="D4713" s="6" t="s">
        <v>26</v>
      </c>
      <c r="E4713" s="6" t="e"/>
    </row>
    <row r="4714" ht="22" customHeight="true" s="1" customFormat="true" hidden="true" outlineLevel="3">
      <c r="A4714" s="6" t="s">
        <v>5108</v>
      </c>
      <c r="B4714" s="6" t="e"/>
      <c r="C4714" s="6" t="s">
        <v>225</v>
      </c>
      <c r="D4714" s="6" t="s">
        <v>11</v>
      </c>
      <c r="E4714" s="6" t="e"/>
    </row>
    <row r="4715" ht="33" customHeight="true" s="1" customFormat="true" hidden="true" outlineLevel="3">
      <c r="A4715" s="6" t="s">
        <v>5109</v>
      </c>
      <c r="B4715" s="6" t="e"/>
      <c r="C4715" s="6" t="s">
        <v>126</v>
      </c>
      <c r="D4715" s="6" t="s">
        <v>11</v>
      </c>
      <c r="E4715" s="6" t="e"/>
    </row>
    <row r="4716" ht="33" customHeight="true" s="1" customFormat="true" hidden="true" outlineLevel="3">
      <c r="A4716" s="6" t="s">
        <v>5110</v>
      </c>
      <c r="B4716" s="6" t="e"/>
      <c r="C4716" s="6" t="s">
        <v>219</v>
      </c>
      <c r="D4716" s="6" t="s">
        <v>11</v>
      </c>
      <c r="E4716" s="6" t="e"/>
    </row>
    <row r="4717" ht="33" customHeight="true" s="1" customFormat="true" hidden="true" outlineLevel="3">
      <c r="A4717" s="6" t="s">
        <v>5111</v>
      </c>
      <c r="B4717" s="6" t="e"/>
      <c r="C4717" s="6" t="s">
        <v>219</v>
      </c>
      <c r="D4717" s="6" t="s">
        <v>40</v>
      </c>
      <c r="E4717" s="6" t="e"/>
    </row>
    <row r="4718" ht="44" customHeight="true" s="1" customFormat="true" hidden="true" outlineLevel="3">
      <c r="A4718" s="6" t="s">
        <v>5112</v>
      </c>
      <c r="B4718" s="6" t="e"/>
      <c r="C4718" s="6" t="s">
        <v>219</v>
      </c>
      <c r="D4718" s="6" t="s">
        <v>11</v>
      </c>
      <c r="E4718" s="6" t="e"/>
    </row>
    <row r="4719" ht="33" customHeight="true" s="1" customFormat="true" hidden="true" outlineLevel="3">
      <c r="A4719" s="6" t="s">
        <v>5113</v>
      </c>
      <c r="B4719" s="6" t="e"/>
      <c r="C4719" s="6" t="s">
        <v>219</v>
      </c>
      <c r="D4719" s="6" t="s">
        <v>26</v>
      </c>
      <c r="E4719" s="6" t="e"/>
    </row>
    <row r="4720" ht="33" customHeight="true" s="1" customFormat="true" hidden="true" outlineLevel="3">
      <c r="A4720" s="6" t="s">
        <v>5114</v>
      </c>
      <c r="B4720" s="6" t="e"/>
      <c r="C4720" s="6" t="s">
        <v>219</v>
      </c>
      <c r="D4720" s="6" t="s">
        <v>11</v>
      </c>
      <c r="E4720" s="6" t="e"/>
    </row>
    <row r="4721" ht="33" customHeight="true" s="1" customFormat="true" hidden="true" outlineLevel="3">
      <c r="A4721" s="6" t="s">
        <v>5115</v>
      </c>
      <c r="B4721" s="6" t="e"/>
      <c r="C4721" s="6" t="s">
        <v>219</v>
      </c>
      <c r="D4721" s="6" t="s">
        <v>26</v>
      </c>
      <c r="E4721" s="6" t="e"/>
    </row>
    <row r="4722" ht="33" customHeight="true" s="1" customFormat="true" hidden="true" outlineLevel="3">
      <c r="A4722" s="6" t="s">
        <v>5116</v>
      </c>
      <c r="B4722" s="6" t="e"/>
      <c r="C4722" s="6" t="s">
        <v>136</v>
      </c>
      <c r="D4722" s="6" t="s">
        <v>11</v>
      </c>
      <c r="E4722" s="6" t="e"/>
    </row>
    <row r="4723" ht="33" customHeight="true" s="1" customFormat="true" hidden="true" outlineLevel="3">
      <c r="A4723" s="6" t="s">
        <v>5117</v>
      </c>
      <c r="B4723" s="6" t="e"/>
      <c r="C4723" s="6" t="s">
        <v>219</v>
      </c>
      <c r="D4723" s="6" t="s">
        <v>40</v>
      </c>
      <c r="E4723" s="6" t="e"/>
    </row>
    <row r="4724" ht="44" customHeight="true" s="1" customFormat="true" hidden="true" outlineLevel="3">
      <c r="A4724" s="6" t="s">
        <v>5118</v>
      </c>
      <c r="B4724" s="6" t="e"/>
      <c r="C4724" s="6" t="s">
        <v>55</v>
      </c>
      <c r="D4724" s="6" t="s">
        <v>26</v>
      </c>
      <c r="E4724" s="6" t="e"/>
    </row>
    <row r="4725" ht="33" customHeight="true" s="1" customFormat="true" hidden="true" outlineLevel="3">
      <c r="A4725" s="6" t="s">
        <v>5119</v>
      </c>
      <c r="B4725" s="6" t="e"/>
      <c r="C4725" s="6" t="s">
        <v>219</v>
      </c>
      <c r="D4725" s="6" t="s">
        <v>26</v>
      </c>
      <c r="E4725" s="6" t="e"/>
    </row>
    <row r="4726" ht="33" customHeight="true" s="1" customFormat="true" hidden="true" outlineLevel="3">
      <c r="A4726" s="6" t="s">
        <v>5120</v>
      </c>
      <c r="B4726" s="6" t="e"/>
      <c r="C4726" s="6" t="s">
        <v>55</v>
      </c>
      <c r="D4726" s="6" t="s">
        <v>26</v>
      </c>
      <c r="E4726" s="6" t="e"/>
    </row>
    <row r="4727" ht="33" customHeight="true" s="1" customFormat="true" hidden="true" outlineLevel="3">
      <c r="A4727" s="6" t="s">
        <v>5121</v>
      </c>
      <c r="B4727" s="6" t="e"/>
      <c r="C4727" s="6" t="s">
        <v>126</v>
      </c>
      <c r="D4727" s="6" t="s">
        <v>40</v>
      </c>
      <c r="E4727" s="6" t="e"/>
    </row>
    <row r="4728" ht="33" customHeight="true" s="1" customFormat="true" hidden="true" outlineLevel="3">
      <c r="A4728" s="6" t="s">
        <v>5122</v>
      </c>
      <c r="B4728" s="6" t="e"/>
      <c r="C4728" s="6" t="s">
        <v>225</v>
      </c>
      <c r="D4728" s="6" t="s">
        <v>26</v>
      </c>
      <c r="E4728" s="6" t="e"/>
    </row>
    <row r="4729" ht="11" customHeight="true" collapsed="true" outlineLevel="1">
      <c r="A4729" s="5" t="s">
        <v>5123</v>
      </c>
      <c r="B4729" s="5" t="e"/>
      <c r="C4729" s="5" t="e"/>
      <c r="D4729" s="5" t="e"/>
      <c r="E4729" s="5" t="e"/>
    </row>
    <row r="4730" ht="11" customHeight="true" s="1" customFormat="true" hidden="true" collapsed="true" outlineLevel="2">
      <c r="A4730" s="5" t="s">
        <v>5124</v>
      </c>
      <c r="B4730" s="5" t="e"/>
      <c r="C4730" s="5" t="e"/>
      <c r="D4730" s="5" t="e"/>
      <c r="E4730" s="5" t="e"/>
    </row>
    <row r="4731" ht="44" customHeight="true" s="1" customFormat="true" hidden="true" outlineLevel="3">
      <c r="A4731" s="6" t="s">
        <v>5125</v>
      </c>
      <c r="B4731" s="6" t="e"/>
      <c r="C4731" s="6" t="s">
        <v>155</v>
      </c>
      <c r="D4731" s="6" t="s">
        <v>26</v>
      </c>
      <c r="E4731" s="6" t="e"/>
    </row>
    <row r="4732" ht="33" customHeight="true" s="1" customFormat="true" hidden="true" outlineLevel="3">
      <c r="A4732" s="6" t="s">
        <v>5126</v>
      </c>
      <c r="B4732" s="6" t="e"/>
      <c r="C4732" s="6" t="s">
        <v>219</v>
      </c>
      <c r="D4732" s="6" t="s">
        <v>26</v>
      </c>
      <c r="E4732" s="6" t="e"/>
    </row>
    <row r="4733" ht="33" customHeight="true" s="1" customFormat="true" hidden="true" outlineLevel="3">
      <c r="A4733" s="6" t="s">
        <v>5127</v>
      </c>
      <c r="B4733" s="6" t="e"/>
      <c r="C4733" s="6" t="s">
        <v>155</v>
      </c>
      <c r="D4733" s="6" t="s">
        <v>276</v>
      </c>
      <c r="E4733" s="6" t="e"/>
    </row>
    <row r="4734" ht="33" customHeight="true" s="1" customFormat="true" hidden="true" outlineLevel="3">
      <c r="A4734" s="6" t="s">
        <v>5128</v>
      </c>
      <c r="B4734" s="6" t="e"/>
      <c r="C4734" s="6" t="s">
        <v>155</v>
      </c>
      <c r="D4734" s="6" t="s">
        <v>11</v>
      </c>
      <c r="E4734" s="6" t="e"/>
    </row>
    <row r="4735" ht="33" customHeight="true" s="1" customFormat="true" hidden="true" outlineLevel="3">
      <c r="A4735" s="6" t="s">
        <v>5129</v>
      </c>
      <c r="B4735" s="6" t="e"/>
      <c r="C4735" s="6" t="s">
        <v>155</v>
      </c>
      <c r="D4735" s="6" t="s">
        <v>40</v>
      </c>
      <c r="E4735" s="6" t="e"/>
    </row>
    <row r="4736" ht="11" customHeight="true" collapsed="true" outlineLevel="1">
      <c r="A4736" s="5" t="s">
        <v>5130</v>
      </c>
      <c r="B4736" s="5" t="e"/>
      <c r="C4736" s="5" t="e"/>
      <c r="D4736" s="5" t="e"/>
      <c r="E4736" s="5" t="e"/>
    </row>
    <row r="4737" ht="11" customHeight="true" s="1" customFormat="true" hidden="true" collapsed="true" outlineLevel="2">
      <c r="A4737" s="5" t="s">
        <v>5131</v>
      </c>
      <c r="B4737" s="5" t="e"/>
      <c r="C4737" s="5" t="e"/>
      <c r="D4737" s="5" t="e"/>
      <c r="E4737" s="5" t="e"/>
    </row>
    <row r="4738" ht="33" customHeight="true" s="1" customFormat="true" hidden="true" outlineLevel="3">
      <c r="A4738" s="6" t="s">
        <v>5132</v>
      </c>
      <c r="B4738" s="6" t="e"/>
      <c r="C4738" s="6" t="s">
        <v>302</v>
      </c>
      <c r="D4738" s="6" t="s">
        <v>40</v>
      </c>
      <c r="E4738" s="6" t="e"/>
    </row>
    <row r="4739" ht="22" customHeight="true" s="1" customFormat="true" hidden="true" outlineLevel="3">
      <c r="A4739" s="6" t="s">
        <v>5133</v>
      </c>
      <c r="B4739" s="6" t="e"/>
      <c r="C4739" s="6" t="s">
        <v>302</v>
      </c>
      <c r="D4739" s="6" t="s">
        <v>11</v>
      </c>
      <c r="E4739" s="6" t="e"/>
    </row>
    <row r="4740" ht="33" customHeight="true" s="1" customFormat="true" hidden="true" outlineLevel="3">
      <c r="A4740" s="6" t="s">
        <v>5134</v>
      </c>
      <c r="B4740" s="6" t="e"/>
      <c r="C4740" s="6" t="s">
        <v>302</v>
      </c>
      <c r="D4740" s="6" t="s">
        <v>400</v>
      </c>
      <c r="E4740" s="6" t="e"/>
    </row>
    <row r="4741" ht="33" customHeight="true" s="1" customFormat="true" hidden="true" outlineLevel="3">
      <c r="A4741" s="6" t="s">
        <v>5135</v>
      </c>
      <c r="B4741" s="6" t="e"/>
      <c r="C4741" s="6" t="s">
        <v>302</v>
      </c>
      <c r="D4741" s="6" t="s">
        <v>40</v>
      </c>
      <c r="E4741" s="6" t="e"/>
    </row>
    <row r="4742" ht="44" customHeight="true" s="1" customFormat="true" hidden="true" outlineLevel="3">
      <c r="A4742" s="6" t="s">
        <v>5136</v>
      </c>
      <c r="B4742" s="6" t="e"/>
      <c r="C4742" s="6" t="s">
        <v>302</v>
      </c>
      <c r="D4742" s="6" t="s">
        <v>40</v>
      </c>
      <c r="E4742" s="6" t="e"/>
    </row>
    <row r="4743" ht="44" customHeight="true" s="1" customFormat="true" hidden="true" outlineLevel="3">
      <c r="A4743" s="6" t="s">
        <v>5137</v>
      </c>
      <c r="B4743" s="6" t="e"/>
      <c r="C4743" s="6" t="s">
        <v>302</v>
      </c>
      <c r="D4743" s="6" t="s">
        <v>184</v>
      </c>
      <c r="E4743" s="6" t="e"/>
    </row>
    <row r="4744" ht="44" customHeight="true" s="1" customFormat="true" hidden="true" outlineLevel="3">
      <c r="A4744" s="6" t="s">
        <v>5138</v>
      </c>
      <c r="B4744" s="6" t="e"/>
      <c r="C4744" s="6" t="s">
        <v>302</v>
      </c>
      <c r="D4744" s="6" t="s">
        <v>100</v>
      </c>
      <c r="E4744" s="6" t="e"/>
    </row>
    <row r="4745" ht="44" customHeight="true" s="1" customFormat="true" hidden="true" outlineLevel="3">
      <c r="A4745" s="6" t="s">
        <v>5139</v>
      </c>
      <c r="B4745" s="6" t="e"/>
      <c r="C4745" s="6" t="s">
        <v>302</v>
      </c>
      <c r="D4745" s="6" t="s">
        <v>100</v>
      </c>
      <c r="E4745" s="6" t="e"/>
    </row>
    <row r="4746" ht="33" customHeight="true" s="1" customFormat="true" hidden="true" outlineLevel="3">
      <c r="A4746" s="6" t="s">
        <v>5140</v>
      </c>
      <c r="B4746" s="6" t="e"/>
      <c r="C4746" s="6" t="s">
        <v>225</v>
      </c>
      <c r="D4746" s="6" t="s">
        <v>26</v>
      </c>
      <c r="E4746" s="6" t="e"/>
    </row>
    <row r="4747" ht="44" customHeight="true" s="1" customFormat="true" hidden="true" outlineLevel="3">
      <c r="A4747" s="6" t="s">
        <v>5141</v>
      </c>
      <c r="B4747" s="6" t="e"/>
      <c r="C4747" s="6" t="s">
        <v>302</v>
      </c>
      <c r="D4747" s="6" t="s">
        <v>68</v>
      </c>
      <c r="E4747" s="6" t="e"/>
    </row>
    <row r="4748" ht="44" customHeight="true" s="1" customFormat="true" hidden="true" collapsed="true" outlineLevel="3">
      <c r="A4748" s="6" t="s">
        <v>5142</v>
      </c>
      <c r="B4748" s="6" t="e"/>
      <c r="C4748" s="6" t="s">
        <v>302</v>
      </c>
      <c r="D4748" s="6" t="s">
        <v>68</v>
      </c>
      <c r="E4748" s="6" t="e"/>
    </row>
    <row r="4749" ht="11" customHeight="true" s="1" customFormat="true" hidden="true" collapsed="true" outlineLevel="2">
      <c r="A4749" s="5" t="s">
        <v>5143</v>
      </c>
      <c r="B4749" s="5" t="e"/>
      <c r="C4749" s="5" t="e"/>
      <c r="D4749" s="5" t="e"/>
      <c r="E4749" s="5" t="e"/>
    </row>
    <row r="4750" ht="33" customHeight="true" s="1" customFormat="true" hidden="true" outlineLevel="3">
      <c r="A4750" s="6" t="s">
        <v>5144</v>
      </c>
      <c r="B4750" s="6" t="e"/>
      <c r="C4750" s="6" t="s">
        <v>149</v>
      </c>
      <c r="D4750" s="6" t="s">
        <v>40</v>
      </c>
      <c r="E4750" s="6" t="e"/>
    </row>
    <row r="4751" ht="33" customHeight="true" s="1" customFormat="true" hidden="true" outlineLevel="3">
      <c r="A4751" s="6" t="s">
        <v>5145</v>
      </c>
      <c r="B4751" s="6" t="e"/>
      <c r="C4751" s="6" t="s">
        <v>126</v>
      </c>
      <c r="D4751" s="6" t="s">
        <v>26</v>
      </c>
      <c r="E4751" s="6" t="e"/>
    </row>
    <row r="4752" ht="33" customHeight="true" s="1" customFormat="true" hidden="true" collapsed="true" outlineLevel="3">
      <c r="A4752" s="6" t="s">
        <v>5146</v>
      </c>
      <c r="B4752" s="6" t="e"/>
      <c r="C4752" s="6" t="s">
        <v>149</v>
      </c>
      <c r="D4752" s="6" t="s">
        <v>26</v>
      </c>
      <c r="E4752" s="6" t="e"/>
    </row>
    <row r="4753" ht="11" customHeight="true" s="1" customFormat="true" hidden="true" collapsed="true" outlineLevel="2">
      <c r="A4753" s="5" t="s">
        <v>5147</v>
      </c>
      <c r="B4753" s="5" t="e"/>
      <c r="C4753" s="5" t="e"/>
      <c r="D4753" s="5" t="e"/>
      <c r="E4753" s="5" t="e"/>
    </row>
    <row r="4754" ht="44" customHeight="true" s="1" customFormat="true" hidden="true" outlineLevel="3">
      <c r="A4754" s="6" t="s">
        <v>5148</v>
      </c>
      <c r="B4754" s="6" t="e"/>
      <c r="C4754" s="6" t="s">
        <v>225</v>
      </c>
      <c r="D4754" s="6" t="s">
        <v>40</v>
      </c>
      <c r="E4754" s="6" t="e"/>
    </row>
    <row r="4755" ht="44" customHeight="true" s="1" customFormat="true" hidden="true" outlineLevel="3">
      <c r="A4755" s="6" t="s">
        <v>5149</v>
      </c>
      <c r="B4755" s="6" t="e"/>
      <c r="C4755" s="6" t="s">
        <v>225</v>
      </c>
      <c r="D4755" s="6" t="s">
        <v>11</v>
      </c>
      <c r="E4755" s="6" t="e"/>
    </row>
    <row r="4756" ht="44" customHeight="true" s="1" customFormat="true" hidden="true" outlineLevel="3">
      <c r="A4756" s="6" t="s">
        <v>5150</v>
      </c>
      <c r="B4756" s="6" t="e"/>
      <c r="C4756" s="6" t="s">
        <v>225</v>
      </c>
      <c r="D4756" s="6" t="s">
        <v>40</v>
      </c>
      <c r="E4756" s="6" t="e"/>
    </row>
    <row r="4757" ht="44" customHeight="true" s="1" customFormat="true" hidden="true" outlineLevel="3">
      <c r="A4757" s="6" t="s">
        <v>5151</v>
      </c>
      <c r="B4757" s="6" t="e"/>
      <c r="C4757" s="6" t="s">
        <v>149</v>
      </c>
      <c r="D4757" s="6" t="s">
        <v>26</v>
      </c>
      <c r="E4757" s="6" t="e"/>
    </row>
    <row r="4758" ht="33" customHeight="true" s="1" customFormat="true" hidden="true" outlineLevel="3">
      <c r="A4758" s="6" t="s">
        <v>5152</v>
      </c>
      <c r="B4758" s="6" t="e"/>
      <c r="C4758" s="6" t="s">
        <v>219</v>
      </c>
      <c r="D4758" s="6" t="s">
        <v>26</v>
      </c>
      <c r="E4758" s="6" t="e"/>
    </row>
    <row r="4759" ht="33" customHeight="true" s="1" customFormat="true" hidden="true" outlineLevel="3">
      <c r="A4759" s="6" t="s">
        <v>5153</v>
      </c>
      <c r="B4759" s="6" t="e"/>
      <c r="C4759" s="6" t="s">
        <v>242</v>
      </c>
      <c r="D4759" s="6" t="s">
        <v>15</v>
      </c>
      <c r="E4759" s="6" t="e"/>
    </row>
    <row r="4760" ht="33" customHeight="true" s="1" customFormat="true" hidden="true" outlineLevel="3">
      <c r="A4760" s="6" t="s">
        <v>5154</v>
      </c>
      <c r="B4760" s="6" t="e"/>
      <c r="C4760" s="6" t="s">
        <v>149</v>
      </c>
      <c r="D4760" s="6" t="s">
        <v>11</v>
      </c>
      <c r="E4760" s="6" t="e"/>
    </row>
    <row r="4761" ht="22" customHeight="true" s="1" customFormat="true" hidden="true" outlineLevel="3">
      <c r="A4761" s="6" t="s">
        <v>5155</v>
      </c>
      <c r="B4761" s="6" t="e"/>
      <c r="C4761" s="6" t="s">
        <v>21</v>
      </c>
      <c r="D4761" s="6" t="s">
        <v>26</v>
      </c>
      <c r="E4761" s="6" t="e"/>
    </row>
    <row r="4762" ht="33" customHeight="true" s="1" customFormat="true" hidden="true" outlineLevel="3">
      <c r="A4762" s="6" t="s">
        <v>5156</v>
      </c>
      <c r="B4762" s="6" t="e"/>
      <c r="C4762" s="6" t="s">
        <v>149</v>
      </c>
      <c r="D4762" s="6" t="s">
        <v>40</v>
      </c>
      <c r="E4762" s="6" t="e"/>
    </row>
    <row r="4763" ht="33" customHeight="true" s="1" customFormat="true" hidden="true" outlineLevel="3">
      <c r="A4763" s="6" t="s">
        <v>5157</v>
      </c>
      <c r="B4763" s="6" t="e"/>
      <c r="C4763" s="6" t="s">
        <v>242</v>
      </c>
      <c r="D4763" s="6" t="s">
        <v>40</v>
      </c>
      <c r="E4763" s="6" t="e"/>
    </row>
    <row r="4764" ht="22" customHeight="true" s="1" customFormat="true" hidden="true" outlineLevel="3">
      <c r="A4764" s="6" t="s">
        <v>5158</v>
      </c>
      <c r="B4764" s="6" t="e"/>
      <c r="C4764" s="6" t="s">
        <v>21</v>
      </c>
      <c r="D4764" s="6" t="s">
        <v>11</v>
      </c>
      <c r="E4764" s="6" t="e"/>
    </row>
    <row r="4765" ht="33" customHeight="true" s="1" customFormat="true" hidden="true" outlineLevel="3">
      <c r="A4765" s="6" t="s">
        <v>5159</v>
      </c>
      <c r="B4765" s="6" t="e"/>
      <c r="C4765" s="6" t="s">
        <v>225</v>
      </c>
      <c r="D4765" s="6" t="s">
        <v>26</v>
      </c>
      <c r="E4765" s="6" t="e"/>
    </row>
    <row r="4766" ht="33" customHeight="true" s="1" customFormat="true" hidden="true" outlineLevel="3">
      <c r="A4766" s="6" t="s">
        <v>5160</v>
      </c>
      <c r="B4766" s="6" t="e"/>
      <c r="C4766" s="6" t="s">
        <v>242</v>
      </c>
      <c r="D4766" s="6" t="s">
        <v>26</v>
      </c>
      <c r="E4766" s="6" t="e"/>
    </row>
    <row r="4767" ht="33" customHeight="true" s="1" customFormat="true" hidden="true" outlineLevel="3">
      <c r="A4767" s="6" t="s">
        <v>5161</v>
      </c>
      <c r="B4767" s="6" t="e"/>
      <c r="C4767" s="6" t="s">
        <v>302</v>
      </c>
      <c r="D4767" s="6" t="s">
        <v>11</v>
      </c>
      <c r="E4767" s="6" t="e"/>
    </row>
    <row r="4768" ht="33" customHeight="true" s="1" customFormat="true" hidden="true" outlineLevel="3">
      <c r="A4768" s="6" t="s">
        <v>5162</v>
      </c>
      <c r="B4768" s="6" t="e"/>
      <c r="C4768" s="6" t="s">
        <v>302</v>
      </c>
      <c r="D4768" s="6" t="s">
        <v>26</v>
      </c>
      <c r="E4768" s="6" t="e"/>
    </row>
    <row r="4769" ht="33" customHeight="true" s="1" customFormat="true" hidden="true" outlineLevel="3">
      <c r="A4769" s="6" t="s">
        <v>5163</v>
      </c>
      <c r="B4769" s="6" t="e"/>
      <c r="C4769" s="6" t="s">
        <v>103</v>
      </c>
      <c r="D4769" s="6" t="s">
        <v>57</v>
      </c>
      <c r="E4769" s="6" t="e"/>
    </row>
    <row r="4770" ht="33" customHeight="true" s="1" customFormat="true" hidden="true" outlineLevel="3">
      <c r="A4770" s="6" t="s">
        <v>5164</v>
      </c>
      <c r="B4770" s="6" t="e"/>
      <c r="C4770" s="6" t="s">
        <v>126</v>
      </c>
      <c r="D4770" s="6" t="s">
        <v>11</v>
      </c>
      <c r="E4770" s="6" t="e"/>
    </row>
    <row r="4771" ht="33" customHeight="true" s="1" customFormat="true" hidden="true" outlineLevel="3">
      <c r="A4771" s="6" t="s">
        <v>5165</v>
      </c>
      <c r="B4771" s="6" t="e"/>
      <c r="C4771" s="6" t="s">
        <v>149</v>
      </c>
      <c r="D4771" s="6" t="s">
        <v>123</v>
      </c>
      <c r="E4771" s="6" t="e"/>
    </row>
    <row r="4772" ht="33" customHeight="true" s="1" customFormat="true" hidden="true" outlineLevel="3">
      <c r="A4772" s="6" t="s">
        <v>5166</v>
      </c>
      <c r="B4772" s="6" t="e"/>
      <c r="C4772" s="6" t="s">
        <v>225</v>
      </c>
      <c r="D4772" s="6" t="s">
        <v>40</v>
      </c>
      <c r="E4772" s="6" t="e"/>
    </row>
    <row r="4773" ht="33" customHeight="true" s="1" customFormat="true" hidden="true" outlineLevel="3">
      <c r="A4773" s="6" t="s">
        <v>5167</v>
      </c>
      <c r="B4773" s="6" t="e"/>
      <c r="C4773" s="6" t="s">
        <v>225</v>
      </c>
      <c r="D4773" s="6" t="s">
        <v>26</v>
      </c>
      <c r="E4773" s="6" t="e"/>
    </row>
    <row r="4774" ht="33" customHeight="true" s="1" customFormat="true" hidden="true" outlineLevel="3">
      <c r="A4774" s="6" t="s">
        <v>5168</v>
      </c>
      <c r="B4774" s="6" t="e"/>
      <c r="C4774" s="6" t="s">
        <v>225</v>
      </c>
      <c r="D4774" s="6" t="s">
        <v>26</v>
      </c>
      <c r="E4774" s="6" t="e"/>
    </row>
    <row r="4775" ht="33" customHeight="true" s="1" customFormat="true" hidden="true" outlineLevel="3">
      <c r="A4775" s="6" t="s">
        <v>5169</v>
      </c>
      <c r="B4775" s="6" t="e"/>
      <c r="C4775" s="6" t="s">
        <v>126</v>
      </c>
      <c r="D4775" s="6" t="s">
        <v>11</v>
      </c>
      <c r="E4775" s="6" t="e"/>
    </row>
    <row r="4776" ht="33" customHeight="true" s="1" customFormat="true" hidden="true" outlineLevel="3">
      <c r="A4776" s="6" t="s">
        <v>5170</v>
      </c>
      <c r="B4776" s="6" t="e"/>
      <c r="C4776" s="6" t="s">
        <v>155</v>
      </c>
      <c r="D4776" s="6" t="s">
        <v>11</v>
      </c>
      <c r="E4776" s="6" t="e"/>
    </row>
    <row r="4777" ht="33" customHeight="true" s="1" customFormat="true" hidden="true" outlineLevel="3">
      <c r="A4777" s="6" t="s">
        <v>5171</v>
      </c>
      <c r="B4777" s="6" t="e"/>
      <c r="C4777" s="6" t="s">
        <v>155</v>
      </c>
      <c r="D4777" s="6" t="s">
        <v>11</v>
      </c>
      <c r="E4777" s="6" t="e"/>
    </row>
    <row r="4778" ht="33" customHeight="true" s="1" customFormat="true" hidden="true" outlineLevel="3">
      <c r="A4778" s="6" t="s">
        <v>5172</v>
      </c>
      <c r="B4778" s="6" t="e"/>
      <c r="C4778" s="6" t="s">
        <v>155</v>
      </c>
      <c r="D4778" s="6" t="s">
        <v>26</v>
      </c>
      <c r="E4778" s="6" t="e"/>
    </row>
    <row r="4779" ht="22" customHeight="true" s="1" customFormat="true" hidden="true" outlineLevel="3">
      <c r="A4779" s="6" t="s">
        <v>5173</v>
      </c>
      <c r="B4779" s="6" t="e"/>
      <c r="C4779" s="6" t="s">
        <v>167</v>
      </c>
      <c r="D4779" s="6" t="s">
        <v>11</v>
      </c>
      <c r="E4779" s="6" t="e"/>
    </row>
    <row r="4780" ht="22" customHeight="true" s="1" customFormat="true" hidden="true" outlineLevel="3">
      <c r="A4780" s="6" t="s">
        <v>5174</v>
      </c>
      <c r="B4780" s="6" t="e"/>
      <c r="C4780" s="6" t="s">
        <v>225</v>
      </c>
      <c r="D4780" s="6" t="s">
        <v>26</v>
      </c>
      <c r="E4780" s="6" t="e"/>
    </row>
    <row r="4781" ht="33" customHeight="true" s="1" customFormat="true" hidden="true" outlineLevel="3">
      <c r="A4781" s="6" t="s">
        <v>5175</v>
      </c>
      <c r="B4781" s="6" t="e"/>
      <c r="C4781" s="6" t="s">
        <v>253</v>
      </c>
      <c r="D4781" s="6" t="s">
        <v>11</v>
      </c>
      <c r="E4781" s="6" t="e"/>
    </row>
    <row r="4782" ht="22" customHeight="true" s="1" customFormat="true" hidden="true" outlineLevel="3">
      <c r="A4782" s="6" t="s">
        <v>5176</v>
      </c>
      <c r="B4782" s="6" t="e"/>
      <c r="C4782" s="6" t="s">
        <v>225</v>
      </c>
      <c r="D4782" s="6" t="s">
        <v>11</v>
      </c>
      <c r="E4782" s="6" t="e"/>
    </row>
    <row r="4783" ht="22" customHeight="true" s="1" customFormat="true" hidden="true" outlineLevel="3">
      <c r="A4783" s="6" t="s">
        <v>5177</v>
      </c>
      <c r="B4783" s="6" t="e"/>
      <c r="C4783" s="6" t="s">
        <v>149</v>
      </c>
      <c r="D4783" s="6" t="s">
        <v>26</v>
      </c>
      <c r="E4783" s="6" t="e"/>
    </row>
    <row r="4784" ht="22" customHeight="true" s="1" customFormat="true" hidden="true" outlineLevel="3">
      <c r="A4784" s="6" t="s">
        <v>5178</v>
      </c>
      <c r="B4784" s="6" t="e"/>
      <c r="C4784" s="6" t="s">
        <v>155</v>
      </c>
      <c r="D4784" s="6" t="s">
        <v>11</v>
      </c>
      <c r="E4784" s="6" t="e"/>
    </row>
    <row r="4785" ht="33" customHeight="true" s="1" customFormat="true" hidden="true" outlineLevel="3">
      <c r="A4785" s="6" t="s">
        <v>5179</v>
      </c>
      <c r="B4785" s="6" t="e"/>
      <c r="C4785" s="6" t="s">
        <v>219</v>
      </c>
      <c r="D4785" s="6" t="s">
        <v>11</v>
      </c>
      <c r="E4785" s="6" t="e"/>
    </row>
    <row r="4786" ht="33" customHeight="true" s="1" customFormat="true" hidden="true" outlineLevel="3">
      <c r="A4786" s="6" t="s">
        <v>5180</v>
      </c>
      <c r="B4786" s="6" t="e"/>
      <c r="C4786" s="6" t="s">
        <v>55</v>
      </c>
      <c r="D4786" s="6" t="s">
        <v>11</v>
      </c>
      <c r="E4786" s="6" t="e"/>
    </row>
    <row r="4787" ht="33" customHeight="true" s="1" customFormat="true" hidden="true" outlineLevel="3">
      <c r="A4787" s="6" t="s">
        <v>5181</v>
      </c>
      <c r="B4787" s="6" t="e"/>
      <c r="C4787" s="6" t="s">
        <v>55</v>
      </c>
      <c r="D4787" s="6" t="s">
        <v>11</v>
      </c>
      <c r="E4787" s="6" t="e"/>
    </row>
    <row r="4788" ht="33" customHeight="true" s="1" customFormat="true" hidden="true" outlineLevel="3">
      <c r="A4788" s="6" t="s">
        <v>5182</v>
      </c>
      <c r="B4788" s="6" t="e"/>
      <c r="C4788" s="6" t="s">
        <v>55</v>
      </c>
      <c r="D4788" s="6" t="s">
        <v>11</v>
      </c>
      <c r="E4788" s="6" t="e"/>
    </row>
    <row r="4789" ht="33" customHeight="true" s="1" customFormat="true" hidden="true" outlineLevel="3">
      <c r="A4789" s="6" t="s">
        <v>5183</v>
      </c>
      <c r="B4789" s="6" t="e"/>
      <c r="C4789" s="6" t="s">
        <v>155</v>
      </c>
      <c r="D4789" s="6" t="s">
        <v>26</v>
      </c>
      <c r="E4789" s="6" t="e"/>
    </row>
    <row r="4790" ht="33" customHeight="true" s="1" customFormat="true" hidden="true" outlineLevel="3">
      <c r="A4790" s="6" t="s">
        <v>5184</v>
      </c>
      <c r="B4790" s="6" t="e"/>
      <c r="C4790" s="6" t="s">
        <v>155</v>
      </c>
      <c r="D4790" s="6" t="s">
        <v>11</v>
      </c>
      <c r="E4790" s="6" t="e"/>
    </row>
    <row r="4791" ht="22" customHeight="true" s="1" customFormat="true" hidden="true" outlineLevel="3">
      <c r="A4791" s="6" t="s">
        <v>5185</v>
      </c>
      <c r="B4791" s="6" t="e"/>
      <c r="C4791" s="6" t="s">
        <v>103</v>
      </c>
      <c r="D4791" s="6" t="s">
        <v>11</v>
      </c>
      <c r="E4791" s="6" t="e"/>
    </row>
    <row r="4792" ht="44" customHeight="true" s="1" customFormat="true" hidden="true" outlineLevel="3">
      <c r="A4792" s="6" t="s">
        <v>5186</v>
      </c>
      <c r="B4792" s="6" t="e"/>
      <c r="C4792" s="6" t="s">
        <v>1212</v>
      </c>
      <c r="D4792" s="6" t="s">
        <v>11</v>
      </c>
      <c r="E4792" s="6" t="e"/>
    </row>
    <row r="4793" ht="33" customHeight="true" s="1" customFormat="true" hidden="true" outlineLevel="3">
      <c r="A4793" s="6" t="s">
        <v>5187</v>
      </c>
      <c r="B4793" s="6" t="e"/>
      <c r="C4793" s="6" t="s">
        <v>55</v>
      </c>
      <c r="D4793" s="6" t="s">
        <v>11</v>
      </c>
      <c r="E4793" s="6" t="e"/>
    </row>
    <row r="4794" ht="33" customHeight="true" s="1" customFormat="true" hidden="true" outlineLevel="3">
      <c r="A4794" s="6" t="s">
        <v>5188</v>
      </c>
      <c r="B4794" s="6" t="e"/>
      <c r="C4794" s="6" t="s">
        <v>371</v>
      </c>
      <c r="D4794" s="6" t="s">
        <v>26</v>
      </c>
      <c r="E4794" s="6" t="e"/>
    </row>
    <row r="4795" ht="33" customHeight="true" s="1" customFormat="true" hidden="true" outlineLevel="3">
      <c r="A4795" s="6" t="s">
        <v>5189</v>
      </c>
      <c r="B4795" s="6" t="e"/>
      <c r="C4795" s="6" t="s">
        <v>219</v>
      </c>
      <c r="D4795" s="6" t="s">
        <v>11</v>
      </c>
      <c r="E4795" s="6" t="e"/>
    </row>
    <row r="4796" ht="33" customHeight="true" s="1" customFormat="true" hidden="true" outlineLevel="3">
      <c r="A4796" s="6" t="s">
        <v>5190</v>
      </c>
      <c r="B4796" s="6" t="e"/>
      <c r="C4796" s="6" t="s">
        <v>21</v>
      </c>
      <c r="D4796" s="6" t="s">
        <v>11</v>
      </c>
      <c r="E4796" s="6" t="e"/>
    </row>
    <row r="4797" ht="33" customHeight="true" s="1" customFormat="true" hidden="true" outlineLevel="3">
      <c r="A4797" s="6" t="s">
        <v>5191</v>
      </c>
      <c r="B4797" s="6" t="e"/>
      <c r="C4797" s="6" t="s">
        <v>55</v>
      </c>
      <c r="D4797" s="6" t="s">
        <v>11</v>
      </c>
      <c r="E4797" s="6" t="e"/>
    </row>
    <row r="4798" ht="33" customHeight="true" s="1" customFormat="true" hidden="true" outlineLevel="3">
      <c r="A4798" s="6" t="s">
        <v>5192</v>
      </c>
      <c r="B4798" s="6" t="e"/>
      <c r="C4798" s="6" t="s">
        <v>253</v>
      </c>
      <c r="D4798" s="6" t="s">
        <v>11</v>
      </c>
      <c r="E4798" s="6" t="e"/>
    </row>
    <row r="4799" ht="33" customHeight="true" s="1" customFormat="true" hidden="true" outlineLevel="3">
      <c r="A4799" s="6" t="s">
        <v>5193</v>
      </c>
      <c r="B4799" s="6" t="e"/>
      <c r="C4799" s="6" t="s">
        <v>61</v>
      </c>
      <c r="D4799" s="6" t="s">
        <v>11</v>
      </c>
      <c r="E4799" s="6" t="e"/>
    </row>
    <row r="4800" ht="33" customHeight="true" s="1" customFormat="true" hidden="true" outlineLevel="3">
      <c r="A4800" s="6" t="s">
        <v>5194</v>
      </c>
      <c r="B4800" s="6" t="e"/>
      <c r="C4800" s="6" t="s">
        <v>51</v>
      </c>
      <c r="D4800" s="6" t="s">
        <v>11</v>
      </c>
      <c r="E4800" s="6" t="e"/>
    </row>
    <row r="4801" ht="33" customHeight="true" s="1" customFormat="true" hidden="true" collapsed="true" outlineLevel="3">
      <c r="A4801" s="6" t="s">
        <v>5195</v>
      </c>
      <c r="B4801" s="6" t="e"/>
      <c r="C4801" s="6" t="s">
        <v>253</v>
      </c>
      <c r="D4801" s="6" t="s">
        <v>11</v>
      </c>
      <c r="E4801" s="6" t="e"/>
    </row>
    <row r="4802" ht="11" customHeight="true" s="1" customFormat="true" hidden="true" collapsed="true" outlineLevel="2">
      <c r="A4802" s="5" t="s">
        <v>5196</v>
      </c>
      <c r="B4802" s="5" t="e"/>
      <c r="C4802" s="5" t="e"/>
      <c r="D4802" s="5" t="e"/>
      <c r="E4802" s="5" t="e"/>
    </row>
    <row r="4803" ht="22" customHeight="true" s="1" customFormat="true" hidden="true" outlineLevel="3">
      <c r="A4803" s="6" t="s">
        <v>5197</v>
      </c>
      <c r="B4803" s="6" t="e"/>
      <c r="C4803" s="6" t="s">
        <v>371</v>
      </c>
      <c r="D4803" s="6" t="s">
        <v>40</v>
      </c>
      <c r="E4803" s="6" t="e"/>
    </row>
    <row r="4804" ht="22" customHeight="true" s="1" customFormat="true" hidden="true" outlineLevel="3">
      <c r="A4804" s="6" t="s">
        <v>5198</v>
      </c>
      <c r="B4804" s="6" t="e"/>
      <c r="C4804" s="6" t="s">
        <v>428</v>
      </c>
      <c r="D4804" s="6" t="s">
        <v>26</v>
      </c>
      <c r="E4804" s="6" t="e"/>
    </row>
    <row r="4805" ht="22" customHeight="true" s="1" customFormat="true" hidden="true" outlineLevel="3">
      <c r="A4805" s="6" t="s">
        <v>5199</v>
      </c>
      <c r="B4805" s="6" t="e"/>
      <c r="C4805" s="6" t="s">
        <v>136</v>
      </c>
      <c r="D4805" s="6" t="s">
        <v>15</v>
      </c>
      <c r="E4805" s="6" t="e"/>
    </row>
    <row r="4806" ht="22" customHeight="true" s="1" customFormat="true" hidden="true" outlineLevel="3">
      <c r="A4806" s="6" t="s">
        <v>5200</v>
      </c>
      <c r="B4806" s="6" t="e"/>
      <c r="C4806" s="6" t="s">
        <v>155</v>
      </c>
      <c r="D4806" s="6" t="s">
        <v>40</v>
      </c>
      <c r="E4806" s="6" t="e"/>
    </row>
    <row r="4807" ht="22" customHeight="true" s="1" customFormat="true" hidden="true" outlineLevel="3">
      <c r="A4807" s="6" t="s">
        <v>5201</v>
      </c>
      <c r="B4807" s="6" t="e"/>
      <c r="C4807" s="6" t="s">
        <v>155</v>
      </c>
      <c r="D4807" s="6" t="s">
        <v>40</v>
      </c>
      <c r="E4807" s="6" t="e"/>
    </row>
    <row r="4808" ht="22" customHeight="true" s="1" customFormat="true" hidden="true" outlineLevel="3">
      <c r="A4808" s="6" t="s">
        <v>5202</v>
      </c>
      <c r="B4808" s="6" t="e"/>
      <c r="C4808" s="6" t="s">
        <v>155</v>
      </c>
      <c r="D4808" s="6" t="s">
        <v>11</v>
      </c>
      <c r="E4808" s="6" t="e"/>
    </row>
    <row r="4809" ht="22" customHeight="true" s="1" customFormat="true" hidden="true" outlineLevel="3">
      <c r="A4809" s="6" t="s">
        <v>5203</v>
      </c>
      <c r="B4809" s="6" t="e"/>
      <c r="C4809" s="6" t="s">
        <v>253</v>
      </c>
      <c r="D4809" s="6" t="s">
        <v>26</v>
      </c>
      <c r="E4809" s="6" t="e"/>
    </row>
    <row r="4810" ht="22" customHeight="true" s="1" customFormat="true" hidden="true" outlineLevel="3">
      <c r="A4810" s="6" t="s">
        <v>5204</v>
      </c>
      <c r="B4810" s="6" t="e"/>
      <c r="C4810" s="6" t="s">
        <v>55</v>
      </c>
      <c r="D4810" s="6" t="s">
        <v>26</v>
      </c>
      <c r="E4810" s="6" t="e"/>
    </row>
    <row r="4811" ht="22" customHeight="true" s="1" customFormat="true" hidden="true" outlineLevel="3">
      <c r="A4811" s="6" t="s">
        <v>5205</v>
      </c>
      <c r="B4811" s="6" t="e"/>
      <c r="C4811" s="6" t="s">
        <v>253</v>
      </c>
      <c r="D4811" s="6" t="s">
        <v>26</v>
      </c>
      <c r="E4811" s="6" t="e"/>
    </row>
    <row r="4812" ht="22" customHeight="true" s="1" customFormat="true" hidden="true" outlineLevel="3">
      <c r="A4812" s="6" t="s">
        <v>5206</v>
      </c>
      <c r="B4812" s="6" t="e"/>
      <c r="C4812" s="6" t="s">
        <v>371</v>
      </c>
      <c r="D4812" s="6" t="s">
        <v>11</v>
      </c>
      <c r="E4812" s="6" t="e"/>
    </row>
    <row r="4813" ht="22" customHeight="true" s="1" customFormat="true" hidden="true" outlineLevel="3">
      <c r="A4813" s="6" t="s">
        <v>5207</v>
      </c>
      <c r="B4813" s="6" t="e"/>
      <c r="C4813" s="6" t="s">
        <v>55</v>
      </c>
      <c r="D4813" s="6" t="s">
        <v>11</v>
      </c>
      <c r="E4813" s="6" t="e"/>
    </row>
    <row r="4814" ht="11" customHeight="true" s="1" customFormat="true" hidden="true" outlineLevel="3">
      <c r="A4814" s="6" t="s">
        <v>5208</v>
      </c>
      <c r="B4814" s="6" t="e"/>
      <c r="C4814" s="6" t="s">
        <v>55</v>
      </c>
      <c r="D4814" s="6" t="s">
        <v>11</v>
      </c>
      <c r="E4814" s="6" t="e"/>
    </row>
    <row r="4815" ht="11" customHeight="true" s="1" customFormat="true" hidden="true" outlineLevel="3">
      <c r="A4815" s="6" t="s">
        <v>5209</v>
      </c>
      <c r="B4815" s="6" t="e"/>
      <c r="C4815" s="6" t="s">
        <v>55</v>
      </c>
      <c r="D4815" s="6" t="s">
        <v>26</v>
      </c>
      <c r="E4815" s="6" t="e"/>
    </row>
    <row r="4816" ht="22" customHeight="true" s="1" customFormat="true" hidden="true" outlineLevel="3">
      <c r="A4816" s="6" t="s">
        <v>5210</v>
      </c>
      <c r="B4816" s="6" t="e"/>
      <c r="C4816" s="6" t="s">
        <v>219</v>
      </c>
      <c r="D4816" s="6" t="s">
        <v>26</v>
      </c>
      <c r="E4816" s="6" t="e"/>
    </row>
    <row r="4817" ht="22" customHeight="true" s="1" customFormat="true" hidden="true" outlineLevel="3">
      <c r="A4817" s="6" t="s">
        <v>5211</v>
      </c>
      <c r="B4817" s="6" t="e"/>
      <c r="C4817" s="6" t="s">
        <v>296</v>
      </c>
      <c r="D4817" s="6" t="s">
        <v>15</v>
      </c>
      <c r="E4817" s="6" t="e"/>
    </row>
    <row r="4818" ht="11" customHeight="true" s="1" customFormat="true" hidden="true" outlineLevel="3">
      <c r="A4818" s="6" t="s">
        <v>5212</v>
      </c>
      <c r="B4818" s="6" t="e"/>
      <c r="C4818" s="6" t="s">
        <v>167</v>
      </c>
      <c r="D4818" s="6" t="s">
        <v>26</v>
      </c>
      <c r="E4818" s="6" t="e"/>
    </row>
    <row r="4819" ht="22" customHeight="true" s="1" customFormat="true" hidden="true" outlineLevel="3">
      <c r="A4819" s="6" t="s">
        <v>5213</v>
      </c>
      <c r="B4819" s="6" t="e"/>
      <c r="C4819" s="6" t="s">
        <v>219</v>
      </c>
      <c r="D4819" s="6" t="s">
        <v>11</v>
      </c>
      <c r="E4819" s="6" t="e"/>
    </row>
    <row r="4820" ht="22" customHeight="true" s="1" customFormat="true" hidden="true" outlineLevel="3">
      <c r="A4820" s="6" t="s">
        <v>5214</v>
      </c>
      <c r="B4820" s="6" t="e"/>
      <c r="C4820" s="6" t="s">
        <v>61</v>
      </c>
      <c r="D4820" s="6" t="s">
        <v>11</v>
      </c>
      <c r="E4820" s="6" t="e"/>
    </row>
    <row r="4821" ht="11" customHeight="true" s="1" customFormat="true" hidden="true" outlineLevel="3">
      <c r="A4821" s="6" t="s">
        <v>5215</v>
      </c>
      <c r="B4821" s="6" t="e"/>
      <c r="C4821" s="6" t="s">
        <v>225</v>
      </c>
      <c r="D4821" s="6" t="s">
        <v>40</v>
      </c>
      <c r="E4821" s="6" t="e"/>
    </row>
    <row r="4822" ht="11" customHeight="true" s="1" customFormat="true" hidden="true" outlineLevel="3">
      <c r="A4822" s="6" t="s">
        <v>5216</v>
      </c>
      <c r="B4822" s="6" t="e"/>
      <c r="C4822" s="6" t="s">
        <v>302</v>
      </c>
      <c r="D4822" s="6" t="s">
        <v>26</v>
      </c>
      <c r="E4822" s="6" t="e"/>
    </row>
    <row r="4823" ht="11" customHeight="true" s="1" customFormat="true" hidden="true" outlineLevel="3">
      <c r="A4823" s="6" t="s">
        <v>5217</v>
      </c>
      <c r="B4823" s="6" t="e"/>
      <c r="C4823" s="6" t="s">
        <v>302</v>
      </c>
      <c r="D4823" s="6" t="s">
        <v>40</v>
      </c>
      <c r="E4823" s="6" t="e"/>
    </row>
    <row r="4824" ht="22" customHeight="true" s="1" customFormat="true" hidden="true" outlineLevel="3">
      <c r="A4824" s="6" t="s">
        <v>5218</v>
      </c>
      <c r="B4824" s="6" t="e"/>
      <c r="C4824" s="6" t="s">
        <v>126</v>
      </c>
      <c r="D4824" s="6" t="s">
        <v>26</v>
      </c>
      <c r="E4824" s="6" t="e"/>
    </row>
    <row r="4825" ht="22" customHeight="true" s="1" customFormat="true" hidden="true" outlineLevel="3">
      <c r="A4825" s="6" t="s">
        <v>5219</v>
      </c>
      <c r="B4825" s="6" t="e"/>
      <c r="C4825" s="6" t="s">
        <v>126</v>
      </c>
      <c r="D4825" s="6" t="s">
        <v>11</v>
      </c>
      <c r="E4825" s="6" t="e"/>
    </row>
    <row r="4826" ht="11" customHeight="true" s="1" customFormat="true" hidden="true" outlineLevel="3">
      <c r="A4826" s="6" t="s">
        <v>5220</v>
      </c>
      <c r="B4826" s="6" t="e"/>
      <c r="C4826" s="6" t="s">
        <v>296</v>
      </c>
      <c r="D4826" s="6" t="s">
        <v>40</v>
      </c>
      <c r="E4826" s="6" t="e"/>
    </row>
    <row r="4827" ht="22" customHeight="true" s="1" customFormat="true" hidden="true" outlineLevel="3">
      <c r="A4827" s="6" t="s">
        <v>5221</v>
      </c>
      <c r="B4827" s="6" t="e"/>
      <c r="C4827" s="6" t="s">
        <v>219</v>
      </c>
      <c r="D4827" s="6" t="s">
        <v>11</v>
      </c>
      <c r="E4827" s="6" t="e"/>
    </row>
    <row r="4828" ht="11" customHeight="true" s="1" customFormat="true" hidden="true" outlineLevel="3">
      <c r="A4828" s="6" t="s">
        <v>5222</v>
      </c>
      <c r="B4828" s="6" t="e"/>
      <c r="C4828" s="6" t="s">
        <v>296</v>
      </c>
      <c r="D4828" s="6" t="s">
        <v>26</v>
      </c>
      <c r="E4828" s="6" t="e"/>
    </row>
    <row r="4829" ht="22" customHeight="true" s="1" customFormat="true" hidden="true" outlineLevel="3">
      <c r="A4829" s="6" t="s">
        <v>5223</v>
      </c>
      <c r="B4829" s="6" t="e"/>
      <c r="C4829" s="6" t="s">
        <v>155</v>
      </c>
      <c r="D4829" s="6" t="s">
        <v>11</v>
      </c>
      <c r="E4829" s="6" t="e"/>
    </row>
    <row r="4830" ht="22" customHeight="true" s="1" customFormat="true" hidden="true" outlineLevel="3">
      <c r="A4830" s="6" t="s">
        <v>5224</v>
      </c>
      <c r="B4830" s="6" t="e"/>
      <c r="C4830" s="6" t="s">
        <v>242</v>
      </c>
      <c r="D4830" s="6" t="s">
        <v>40</v>
      </c>
      <c r="E4830" s="6" t="e"/>
    </row>
    <row r="4831" ht="22" customHeight="true" s="1" customFormat="true" hidden="true" outlineLevel="3">
      <c r="A4831" s="6" t="s">
        <v>5225</v>
      </c>
      <c r="B4831" s="6" t="e"/>
      <c r="C4831" s="6" t="s">
        <v>225</v>
      </c>
      <c r="D4831" s="6" t="s">
        <v>57</v>
      </c>
      <c r="E4831" s="6" t="e"/>
    </row>
    <row r="4832" ht="11" customHeight="true" s="1" customFormat="true" hidden="true" outlineLevel="3">
      <c r="A4832" s="6" t="s">
        <v>5226</v>
      </c>
      <c r="B4832" s="6" t="e"/>
      <c r="C4832" s="6" t="s">
        <v>225</v>
      </c>
      <c r="D4832" s="6" t="s">
        <v>11</v>
      </c>
      <c r="E4832" s="6" t="e"/>
    </row>
    <row r="4833" ht="11" customHeight="true" s="1" customFormat="true" hidden="true" outlineLevel="3">
      <c r="A4833" s="6" t="s">
        <v>5227</v>
      </c>
      <c r="B4833" s="6" t="e"/>
      <c r="C4833" s="6" t="s">
        <v>188</v>
      </c>
      <c r="D4833" s="6" t="s">
        <v>11</v>
      </c>
      <c r="E4833" s="6" t="e"/>
    </row>
    <row r="4834" ht="22" customHeight="true" s="1" customFormat="true" hidden="true" outlineLevel="3">
      <c r="A4834" s="6" t="s">
        <v>5228</v>
      </c>
      <c r="B4834" s="6" t="e"/>
      <c r="C4834" s="6" t="s">
        <v>126</v>
      </c>
      <c r="D4834" s="6" t="s">
        <v>11</v>
      </c>
      <c r="E4834" s="6" t="e"/>
    </row>
    <row r="4835" ht="22" customHeight="true" s="1" customFormat="true" hidden="true" outlineLevel="3">
      <c r="A4835" s="6" t="s">
        <v>5229</v>
      </c>
      <c r="B4835" s="6" t="e"/>
      <c r="C4835" s="6" t="s">
        <v>188</v>
      </c>
      <c r="D4835" s="6" t="s">
        <v>11</v>
      </c>
      <c r="E4835" s="6" t="e"/>
    </row>
    <row r="4836" ht="22" customHeight="true" s="1" customFormat="true" hidden="true" outlineLevel="3">
      <c r="A4836" s="6" t="s">
        <v>5230</v>
      </c>
      <c r="B4836" s="6" t="e"/>
      <c r="C4836" s="6" t="s">
        <v>155</v>
      </c>
      <c r="D4836" s="6" t="s">
        <v>11</v>
      </c>
      <c r="E4836" s="6" t="e"/>
    </row>
    <row r="4837" ht="22" customHeight="true" s="1" customFormat="true" hidden="true" outlineLevel="3">
      <c r="A4837" s="6" t="s">
        <v>5231</v>
      </c>
      <c r="B4837" s="6" t="e"/>
      <c r="C4837" s="6" t="s">
        <v>126</v>
      </c>
      <c r="D4837" s="6" t="s">
        <v>11</v>
      </c>
      <c r="E4837" s="6" t="e"/>
    </row>
    <row r="4838" ht="22" customHeight="true" s="1" customFormat="true" hidden="true" outlineLevel="3">
      <c r="A4838" s="6" t="s">
        <v>5232</v>
      </c>
      <c r="B4838" s="6" t="e"/>
      <c r="C4838" s="6" t="s">
        <v>155</v>
      </c>
      <c r="D4838" s="6" t="s">
        <v>26</v>
      </c>
      <c r="E4838" s="6" t="e"/>
    </row>
    <row r="4839" ht="22" customHeight="true" s="1" customFormat="true" hidden="true" outlineLevel="3">
      <c r="A4839" s="6" t="s">
        <v>5233</v>
      </c>
      <c r="B4839" s="6" t="e"/>
      <c r="C4839" s="6" t="s">
        <v>155</v>
      </c>
      <c r="D4839" s="6" t="s">
        <v>57</v>
      </c>
      <c r="E4839" s="6" t="e"/>
    </row>
    <row r="4840" ht="22" customHeight="true" s="1" customFormat="true" hidden="true" outlineLevel="3">
      <c r="A4840" s="6" t="s">
        <v>5234</v>
      </c>
      <c r="B4840" s="6" t="e"/>
      <c r="C4840" s="6" t="s">
        <v>155</v>
      </c>
      <c r="D4840" s="6" t="s">
        <v>26</v>
      </c>
      <c r="E4840" s="6" t="e"/>
    </row>
    <row r="4841" ht="22" customHeight="true" s="1" customFormat="true" hidden="true" outlineLevel="3">
      <c r="A4841" s="6" t="s">
        <v>5235</v>
      </c>
      <c r="B4841" s="6" t="e"/>
      <c r="C4841" s="6" t="s">
        <v>155</v>
      </c>
      <c r="D4841" s="6" t="s">
        <v>26</v>
      </c>
      <c r="E4841" s="6" t="e"/>
    </row>
    <row r="4842" ht="22" customHeight="true" s="1" customFormat="true" hidden="true" outlineLevel="3">
      <c r="A4842" s="6" t="s">
        <v>5236</v>
      </c>
      <c r="B4842" s="6" t="e"/>
      <c r="C4842" s="6" t="s">
        <v>371</v>
      </c>
      <c r="D4842" s="6" t="s">
        <v>26</v>
      </c>
      <c r="E4842" s="6" t="e"/>
    </row>
    <row r="4843" ht="22" customHeight="true" s="1" customFormat="true" hidden="true" outlineLevel="3">
      <c r="A4843" s="6" t="s">
        <v>5237</v>
      </c>
      <c r="B4843" s="6" t="e"/>
      <c r="C4843" s="6" t="s">
        <v>21</v>
      </c>
      <c r="D4843" s="6" t="s">
        <v>11</v>
      </c>
      <c r="E4843" s="6" t="e"/>
    </row>
    <row r="4844" ht="22" customHeight="true" s="1" customFormat="true" hidden="true" outlineLevel="3">
      <c r="A4844" s="6" t="s">
        <v>5238</v>
      </c>
      <c r="B4844" s="6" t="e"/>
      <c r="C4844" s="6" t="s">
        <v>110</v>
      </c>
      <c r="D4844" s="6" t="s">
        <v>26</v>
      </c>
      <c r="E4844" s="6" t="e"/>
    </row>
    <row r="4845" ht="22" customHeight="true" s="1" customFormat="true" hidden="true" outlineLevel="3">
      <c r="A4845" s="6" t="s">
        <v>5239</v>
      </c>
      <c r="B4845" s="6" t="e"/>
      <c r="C4845" s="6" t="s">
        <v>155</v>
      </c>
      <c r="D4845" s="6" t="s">
        <v>11</v>
      </c>
      <c r="E4845" s="6" t="e"/>
    </row>
    <row r="4846" ht="22" customHeight="true" s="1" customFormat="true" hidden="true" outlineLevel="3">
      <c r="A4846" s="6" t="s">
        <v>5240</v>
      </c>
      <c r="B4846" s="6" t="e"/>
      <c r="C4846" s="6" t="s">
        <v>155</v>
      </c>
      <c r="D4846" s="6" t="s">
        <v>11</v>
      </c>
      <c r="E4846" s="6" t="e"/>
    </row>
    <row r="4847" ht="22" customHeight="true" s="1" customFormat="true" hidden="true" outlineLevel="3">
      <c r="A4847" s="6" t="s">
        <v>5241</v>
      </c>
      <c r="B4847" s="6" t="e"/>
      <c r="C4847" s="6" t="s">
        <v>155</v>
      </c>
      <c r="D4847" s="6" t="s">
        <v>11</v>
      </c>
      <c r="E4847" s="6" t="e"/>
    </row>
    <row r="4848" ht="22" customHeight="true" s="1" customFormat="true" hidden="true" outlineLevel="3">
      <c r="A4848" s="6" t="s">
        <v>5242</v>
      </c>
      <c r="B4848" s="6" t="e"/>
      <c r="C4848" s="6" t="s">
        <v>155</v>
      </c>
      <c r="D4848" s="6" t="s">
        <v>11</v>
      </c>
      <c r="E4848" s="6" t="e"/>
    </row>
    <row r="4849" ht="22" customHeight="true" s="1" customFormat="true" hidden="true" outlineLevel="3">
      <c r="A4849" s="6" t="s">
        <v>5243</v>
      </c>
      <c r="B4849" s="6" t="e"/>
      <c r="C4849" s="6" t="s">
        <v>371</v>
      </c>
      <c r="D4849" s="6" t="s">
        <v>26</v>
      </c>
      <c r="E4849" s="6" t="e"/>
    </row>
    <row r="4850" ht="22" customHeight="true" s="1" customFormat="true" hidden="true" outlineLevel="3">
      <c r="A4850" s="6" t="s">
        <v>5244</v>
      </c>
      <c r="B4850" s="6" t="e"/>
      <c r="C4850" s="6" t="s">
        <v>21</v>
      </c>
      <c r="D4850" s="6" t="s">
        <v>11</v>
      </c>
      <c r="E4850" s="6" t="e"/>
    </row>
    <row r="4851" ht="22" customHeight="true" s="1" customFormat="true" hidden="true" outlineLevel="3">
      <c r="A4851" s="6" t="s">
        <v>5245</v>
      </c>
      <c r="B4851" s="6" t="e"/>
      <c r="C4851" s="6" t="s">
        <v>371</v>
      </c>
      <c r="D4851" s="6" t="s">
        <v>26</v>
      </c>
      <c r="E4851" s="6" t="e"/>
    </row>
    <row r="4852" ht="22" customHeight="true" s="1" customFormat="true" hidden="true" outlineLevel="3">
      <c r="A4852" s="6" t="s">
        <v>5246</v>
      </c>
      <c r="B4852" s="6" t="e"/>
      <c r="C4852" s="6" t="s">
        <v>155</v>
      </c>
      <c r="D4852" s="6" t="s">
        <v>26</v>
      </c>
      <c r="E4852" s="6" t="e"/>
    </row>
    <row r="4853" ht="22" customHeight="true" s="1" customFormat="true" hidden="true" outlineLevel="3">
      <c r="A4853" s="6" t="s">
        <v>5247</v>
      </c>
      <c r="B4853" s="6" t="e"/>
      <c r="C4853" s="6" t="s">
        <v>155</v>
      </c>
      <c r="D4853" s="6" t="s">
        <v>40</v>
      </c>
      <c r="E4853" s="6" t="e"/>
    </row>
    <row r="4854" ht="22" customHeight="true" s="1" customFormat="true" hidden="true" outlineLevel="3">
      <c r="A4854" s="6" t="s">
        <v>5248</v>
      </c>
      <c r="B4854" s="6" t="e"/>
      <c r="C4854" s="6" t="s">
        <v>50</v>
      </c>
      <c r="D4854" s="6" t="s">
        <v>11</v>
      </c>
      <c r="E4854" s="6" t="e"/>
    </row>
    <row r="4855" ht="22" customHeight="true" s="1" customFormat="true" hidden="true" outlineLevel="3">
      <c r="A4855" s="6" t="s">
        <v>5249</v>
      </c>
      <c r="B4855" s="6" t="e"/>
      <c r="C4855" s="6" t="s">
        <v>155</v>
      </c>
      <c r="D4855" s="6" t="s">
        <v>11</v>
      </c>
      <c r="E4855" s="6" t="e"/>
    </row>
    <row r="4856" ht="22" customHeight="true" s="1" customFormat="true" hidden="true" outlineLevel="3">
      <c r="A4856" s="6" t="s">
        <v>5250</v>
      </c>
      <c r="B4856" s="6" t="e"/>
      <c r="C4856" s="6" t="s">
        <v>55</v>
      </c>
      <c r="D4856" s="6" t="s">
        <v>26</v>
      </c>
      <c r="E4856" s="6" t="e"/>
    </row>
    <row r="4857" ht="22" customHeight="true" s="1" customFormat="true" hidden="true" outlineLevel="3">
      <c r="A4857" s="6" t="s">
        <v>5251</v>
      </c>
      <c r="B4857" s="6" t="e"/>
      <c r="C4857" s="6" t="s">
        <v>55</v>
      </c>
      <c r="D4857" s="6" t="s">
        <v>11</v>
      </c>
      <c r="E4857" s="6" t="e"/>
    </row>
    <row r="4858" ht="22" customHeight="true" s="1" customFormat="true" hidden="true" outlineLevel="3">
      <c r="A4858" s="6" t="s">
        <v>5252</v>
      </c>
      <c r="B4858" s="6" t="e"/>
      <c r="C4858" s="6" t="s">
        <v>155</v>
      </c>
      <c r="D4858" s="6" t="s">
        <v>26</v>
      </c>
      <c r="E4858" s="6" t="e"/>
    </row>
    <row r="4859" ht="22" customHeight="true" s="1" customFormat="true" hidden="true" outlineLevel="3">
      <c r="A4859" s="6" t="s">
        <v>5253</v>
      </c>
      <c r="B4859" s="6" t="e"/>
      <c r="C4859" s="6" t="s">
        <v>155</v>
      </c>
      <c r="D4859" s="6" t="s">
        <v>26</v>
      </c>
      <c r="E4859" s="6" t="e"/>
    </row>
    <row r="4860" ht="22" customHeight="true" s="1" customFormat="true" hidden="true" outlineLevel="3">
      <c r="A4860" s="6" t="s">
        <v>5254</v>
      </c>
      <c r="B4860" s="6" t="e"/>
      <c r="C4860" s="6" t="s">
        <v>55</v>
      </c>
      <c r="D4860" s="6" t="s">
        <v>26</v>
      </c>
      <c r="E4860" s="6" t="e"/>
    </row>
    <row r="4861" ht="22" customHeight="true" s="1" customFormat="true" hidden="true" outlineLevel="3">
      <c r="A4861" s="6" t="s">
        <v>5255</v>
      </c>
      <c r="B4861" s="6" t="e"/>
      <c r="C4861" s="6" t="s">
        <v>155</v>
      </c>
      <c r="D4861" s="6" t="s">
        <v>26</v>
      </c>
      <c r="E4861" s="6" t="e"/>
    </row>
    <row r="4862" ht="33" customHeight="true" s="1" customFormat="true" hidden="true" outlineLevel="3">
      <c r="A4862" s="6" t="s">
        <v>5256</v>
      </c>
      <c r="B4862" s="6" t="e"/>
      <c r="C4862" s="6" t="s">
        <v>219</v>
      </c>
      <c r="D4862" s="6" t="s">
        <v>26</v>
      </c>
      <c r="E4862" s="6" t="e"/>
    </row>
    <row r="4863" ht="33" customHeight="true" s="1" customFormat="true" hidden="true" outlineLevel="3">
      <c r="A4863" s="6" t="s">
        <v>5257</v>
      </c>
      <c r="B4863" s="6" t="e"/>
      <c r="C4863" s="6" t="s">
        <v>219</v>
      </c>
      <c r="D4863" s="6" t="s">
        <v>11</v>
      </c>
      <c r="E4863" s="6" t="e"/>
    </row>
    <row r="4864" ht="22" customHeight="true" s="1" customFormat="true" hidden="true" outlineLevel="3">
      <c r="A4864" s="6" t="s">
        <v>5258</v>
      </c>
      <c r="B4864" s="6" t="e"/>
      <c r="C4864" s="6" t="s">
        <v>155</v>
      </c>
      <c r="D4864" s="6" t="s">
        <v>11</v>
      </c>
      <c r="E4864" s="6" t="e"/>
    </row>
    <row r="4865" ht="22" customHeight="true" s="1" customFormat="true" hidden="true" outlineLevel="3">
      <c r="A4865" s="6" t="s">
        <v>5259</v>
      </c>
      <c r="B4865" s="6" t="e"/>
      <c r="C4865" s="6" t="s">
        <v>219</v>
      </c>
      <c r="D4865" s="6" t="s">
        <v>11</v>
      </c>
      <c r="E4865" s="6" t="e"/>
    </row>
    <row r="4866" ht="22" customHeight="true" s="1" customFormat="true" hidden="true" outlineLevel="3">
      <c r="A4866" s="6" t="s">
        <v>5260</v>
      </c>
      <c r="B4866" s="6" t="e"/>
      <c r="C4866" s="6" t="s">
        <v>155</v>
      </c>
      <c r="D4866" s="6" t="s">
        <v>11</v>
      </c>
      <c r="E4866" s="6" t="e"/>
    </row>
    <row r="4867" ht="22" customHeight="true" s="1" customFormat="true" hidden="true" outlineLevel="3">
      <c r="A4867" s="6" t="s">
        <v>5261</v>
      </c>
      <c r="B4867" s="6" t="e"/>
      <c r="C4867" s="6" t="s">
        <v>155</v>
      </c>
      <c r="D4867" s="6" t="s">
        <v>11</v>
      </c>
      <c r="E4867" s="6" t="e"/>
    </row>
    <row r="4868" ht="22" customHeight="true" s="1" customFormat="true" hidden="true" outlineLevel="3">
      <c r="A4868" s="6" t="s">
        <v>5262</v>
      </c>
      <c r="B4868" s="6" t="e"/>
      <c r="C4868" s="6" t="s">
        <v>155</v>
      </c>
      <c r="D4868" s="6" t="s">
        <v>40</v>
      </c>
      <c r="E4868" s="6" t="e"/>
    </row>
    <row r="4869" ht="22" customHeight="true" s="1" customFormat="true" hidden="true" outlineLevel="3">
      <c r="A4869" s="6" t="s">
        <v>5263</v>
      </c>
      <c r="B4869" s="6" t="e"/>
      <c r="C4869" s="6" t="s">
        <v>155</v>
      </c>
      <c r="D4869" s="6" t="s">
        <v>11</v>
      </c>
      <c r="E4869" s="6" t="e"/>
    </row>
    <row r="4870" ht="33" customHeight="true" s="1" customFormat="true" hidden="true" outlineLevel="3">
      <c r="A4870" s="6" t="s">
        <v>5264</v>
      </c>
      <c r="B4870" s="6" t="e"/>
      <c r="C4870" s="6" t="s">
        <v>155</v>
      </c>
      <c r="D4870" s="6" t="s">
        <v>26</v>
      </c>
      <c r="E4870" s="6" t="e"/>
    </row>
    <row r="4871" ht="22" customHeight="true" s="1" customFormat="true" hidden="true" outlineLevel="3">
      <c r="A4871" s="6" t="s">
        <v>5265</v>
      </c>
      <c r="B4871" s="6" t="e"/>
      <c r="C4871" s="6" t="s">
        <v>253</v>
      </c>
      <c r="D4871" s="6" t="s">
        <v>26</v>
      </c>
      <c r="E4871" s="6" t="e"/>
    </row>
    <row r="4872" ht="22" customHeight="true" s="1" customFormat="true" hidden="true" outlineLevel="3">
      <c r="A4872" s="6" t="s">
        <v>5266</v>
      </c>
      <c r="B4872" s="6" t="e"/>
      <c r="C4872" s="6" t="s">
        <v>155</v>
      </c>
      <c r="D4872" s="6" t="s">
        <v>11</v>
      </c>
      <c r="E4872" s="6" t="e"/>
    </row>
    <row r="4873" ht="22" customHeight="true" s="1" customFormat="true" hidden="true" outlineLevel="3">
      <c r="A4873" s="6" t="s">
        <v>5267</v>
      </c>
      <c r="B4873" s="6" t="e"/>
      <c r="C4873" s="6" t="s">
        <v>219</v>
      </c>
      <c r="D4873" s="6" t="s">
        <v>11</v>
      </c>
      <c r="E4873" s="6" t="e"/>
    </row>
    <row r="4874" ht="22" customHeight="true" s="1" customFormat="true" hidden="true" outlineLevel="3">
      <c r="A4874" s="6" t="s">
        <v>5268</v>
      </c>
      <c r="B4874" s="6" t="e"/>
      <c r="C4874" s="6" t="s">
        <v>55</v>
      </c>
      <c r="D4874" s="6" t="s">
        <v>11</v>
      </c>
      <c r="E4874" s="6" t="e"/>
    </row>
    <row r="4875" ht="22" customHeight="true" s="1" customFormat="true" hidden="true" outlineLevel="3">
      <c r="A4875" s="6" t="s">
        <v>5269</v>
      </c>
      <c r="B4875" s="6" t="e"/>
      <c r="C4875" s="6" t="s">
        <v>155</v>
      </c>
      <c r="D4875" s="6" t="s">
        <v>11</v>
      </c>
      <c r="E4875" s="6" t="e"/>
    </row>
    <row r="4876" ht="22" customHeight="true" s="1" customFormat="true" hidden="true" outlineLevel="3">
      <c r="A4876" s="6" t="s">
        <v>5270</v>
      </c>
      <c r="B4876" s="6" t="e"/>
      <c r="C4876" s="6" t="s">
        <v>155</v>
      </c>
      <c r="D4876" s="6" t="s">
        <v>11</v>
      </c>
      <c r="E4876" s="6" t="e"/>
    </row>
    <row r="4877" ht="22" customHeight="true" s="1" customFormat="true" hidden="true" outlineLevel="3">
      <c r="A4877" s="6" t="s">
        <v>5271</v>
      </c>
      <c r="B4877" s="6" t="e"/>
      <c r="C4877" s="6" t="s">
        <v>155</v>
      </c>
      <c r="D4877" s="6" t="s">
        <v>11</v>
      </c>
      <c r="E4877" s="6" t="e"/>
    </row>
    <row r="4878" ht="22" customHeight="true" s="1" customFormat="true" hidden="true" outlineLevel="3">
      <c r="A4878" s="6" t="s">
        <v>5272</v>
      </c>
      <c r="B4878" s="6" t="e"/>
      <c r="C4878" s="6" t="s">
        <v>155</v>
      </c>
      <c r="D4878" s="6" t="s">
        <v>11</v>
      </c>
      <c r="E4878" s="6" t="e"/>
    </row>
    <row r="4879" ht="22" customHeight="true" s="1" customFormat="true" hidden="true" outlineLevel="3">
      <c r="A4879" s="6" t="s">
        <v>5273</v>
      </c>
      <c r="B4879" s="6" t="e"/>
      <c r="C4879" s="6" t="s">
        <v>155</v>
      </c>
      <c r="D4879" s="6" t="s">
        <v>26</v>
      </c>
      <c r="E4879" s="6" t="e"/>
    </row>
    <row r="4880" ht="22" customHeight="true" s="1" customFormat="true" hidden="true" outlineLevel="3">
      <c r="A4880" s="6" t="s">
        <v>5274</v>
      </c>
      <c r="B4880" s="6" t="e"/>
      <c r="C4880" s="6" t="s">
        <v>55</v>
      </c>
      <c r="D4880" s="6" t="s">
        <v>26</v>
      </c>
      <c r="E4880" s="6" t="e"/>
    </row>
    <row r="4881" ht="22" customHeight="true" s="1" customFormat="true" hidden="true" outlineLevel="3">
      <c r="A4881" s="6" t="s">
        <v>5275</v>
      </c>
      <c r="B4881" s="6" t="e"/>
      <c r="C4881" s="6" t="s">
        <v>219</v>
      </c>
      <c r="D4881" s="6" t="s">
        <v>26</v>
      </c>
      <c r="E4881" s="6" t="e"/>
    </row>
    <row r="4882" ht="22" customHeight="true" s="1" customFormat="true" hidden="true" outlineLevel="3">
      <c r="A4882" s="6" t="s">
        <v>5276</v>
      </c>
      <c r="B4882" s="6" t="e"/>
      <c r="C4882" s="6" t="s">
        <v>155</v>
      </c>
      <c r="D4882" s="6" t="s">
        <v>40</v>
      </c>
      <c r="E4882" s="6" t="e"/>
    </row>
    <row r="4883" ht="33" customHeight="true" s="1" customFormat="true" hidden="true" outlineLevel="3">
      <c r="A4883" s="6" t="s">
        <v>5277</v>
      </c>
      <c r="B4883" s="6" t="e"/>
      <c r="C4883" s="6" t="s">
        <v>155</v>
      </c>
      <c r="D4883" s="6" t="s">
        <v>26</v>
      </c>
      <c r="E4883" s="6" t="e"/>
    </row>
    <row r="4884" ht="33" customHeight="true" s="1" customFormat="true" hidden="true" outlineLevel="3">
      <c r="A4884" s="6" t="s">
        <v>5278</v>
      </c>
      <c r="B4884" s="6" t="e"/>
      <c r="C4884" s="6" t="s">
        <v>369</v>
      </c>
      <c r="D4884" s="6" t="s">
        <v>26</v>
      </c>
      <c r="E4884" s="6" t="e"/>
    </row>
    <row r="4885" ht="33" customHeight="true" s="1" customFormat="true" hidden="true" outlineLevel="3">
      <c r="A4885" s="6" t="s">
        <v>5279</v>
      </c>
      <c r="B4885" s="6" t="e"/>
      <c r="C4885" s="6" t="s">
        <v>155</v>
      </c>
      <c r="D4885" s="6" t="s">
        <v>26</v>
      </c>
      <c r="E4885" s="6" t="e"/>
    </row>
    <row r="4886" ht="33" customHeight="true" s="1" customFormat="true" hidden="true" outlineLevel="3">
      <c r="A4886" s="6" t="s">
        <v>5280</v>
      </c>
      <c r="B4886" s="6" t="e"/>
      <c r="C4886" s="6" t="s">
        <v>155</v>
      </c>
      <c r="D4886" s="6" t="s">
        <v>57</v>
      </c>
      <c r="E4886" s="6" t="e"/>
    </row>
    <row r="4887" ht="33" customHeight="true" s="1" customFormat="true" hidden="true" outlineLevel="3">
      <c r="A4887" s="6" t="s">
        <v>5281</v>
      </c>
      <c r="B4887" s="6" t="e"/>
      <c r="C4887" s="6" t="s">
        <v>155</v>
      </c>
      <c r="D4887" s="6" t="s">
        <v>40</v>
      </c>
      <c r="E4887" s="6" t="e"/>
    </row>
    <row r="4888" ht="33" customHeight="true" s="1" customFormat="true" hidden="true" outlineLevel="3">
      <c r="A4888" s="6" t="s">
        <v>5282</v>
      </c>
      <c r="B4888" s="6" t="e"/>
      <c r="C4888" s="6" t="s">
        <v>155</v>
      </c>
      <c r="D4888" s="6" t="s">
        <v>57</v>
      </c>
      <c r="E4888" s="6" t="e"/>
    </row>
    <row r="4889" ht="22" customHeight="true" s="1" customFormat="true" hidden="true" outlineLevel="3">
      <c r="A4889" s="6" t="s">
        <v>5283</v>
      </c>
      <c r="B4889" s="6" t="e"/>
      <c r="C4889" s="6" t="s">
        <v>55</v>
      </c>
      <c r="D4889" s="6" t="s">
        <v>40</v>
      </c>
      <c r="E4889" s="6" t="e"/>
    </row>
    <row r="4890" ht="22" customHeight="true" s="1" customFormat="true" hidden="true" outlineLevel="3">
      <c r="A4890" s="6" t="s">
        <v>5284</v>
      </c>
      <c r="B4890" s="6" t="e"/>
      <c r="C4890" s="6" t="s">
        <v>55</v>
      </c>
      <c r="D4890" s="6" t="s">
        <v>26</v>
      </c>
      <c r="E4890" s="6" t="e"/>
    </row>
    <row r="4891" ht="22" customHeight="true" s="1" customFormat="true" hidden="true" outlineLevel="3">
      <c r="A4891" s="6" t="s">
        <v>5285</v>
      </c>
      <c r="B4891" s="6" t="e"/>
      <c r="C4891" s="6" t="s">
        <v>55</v>
      </c>
      <c r="D4891" s="6" t="s">
        <v>11</v>
      </c>
      <c r="E4891" s="6" t="e"/>
    </row>
    <row r="4892" ht="22" customHeight="true" s="1" customFormat="true" hidden="true" outlineLevel="3">
      <c r="A4892" s="6" t="s">
        <v>5286</v>
      </c>
      <c r="B4892" s="6" t="e"/>
      <c r="C4892" s="6" t="s">
        <v>371</v>
      </c>
      <c r="D4892" s="6" t="s">
        <v>11</v>
      </c>
      <c r="E4892" s="6" t="e"/>
    </row>
    <row r="4893" ht="33" customHeight="true" s="1" customFormat="true" hidden="true" outlineLevel="3">
      <c r="A4893" s="6" t="s">
        <v>5287</v>
      </c>
      <c r="B4893" s="6" t="e"/>
      <c r="C4893" s="6" t="s">
        <v>219</v>
      </c>
      <c r="D4893" s="6" t="s">
        <v>11</v>
      </c>
      <c r="E4893" s="6" t="e"/>
    </row>
    <row r="4894" ht="33" customHeight="true" s="1" customFormat="true" hidden="true" outlineLevel="3">
      <c r="A4894" s="6" t="s">
        <v>5288</v>
      </c>
      <c r="B4894" s="6" t="e"/>
      <c r="C4894" s="6" t="s">
        <v>219</v>
      </c>
      <c r="D4894" s="6" t="s">
        <v>57</v>
      </c>
      <c r="E4894" s="6" t="e"/>
    </row>
    <row r="4895" ht="22" customHeight="true" s="1" customFormat="true" hidden="true" outlineLevel="3">
      <c r="A4895" s="6" t="s">
        <v>5289</v>
      </c>
      <c r="B4895" s="6" t="e"/>
      <c r="C4895" s="6" t="s">
        <v>371</v>
      </c>
      <c r="D4895" s="6" t="s">
        <v>26</v>
      </c>
      <c r="E4895" s="6" t="e"/>
    </row>
    <row r="4896" ht="22" customHeight="true" s="1" customFormat="true" hidden="true" outlineLevel="3">
      <c r="A4896" s="6" t="s">
        <v>5290</v>
      </c>
      <c r="B4896" s="6" t="e"/>
      <c r="C4896" s="6" t="s">
        <v>371</v>
      </c>
      <c r="D4896" s="6" t="s">
        <v>26</v>
      </c>
      <c r="E4896" s="6" t="e"/>
    </row>
    <row r="4897" ht="22" customHeight="true" s="1" customFormat="true" hidden="true" outlineLevel="3">
      <c r="A4897" s="6" t="s">
        <v>5291</v>
      </c>
      <c r="B4897" s="6" t="e"/>
      <c r="C4897" s="6" t="s">
        <v>371</v>
      </c>
      <c r="D4897" s="6" t="s">
        <v>11</v>
      </c>
      <c r="E4897" s="6" t="e"/>
    </row>
    <row r="4898" ht="22" customHeight="true" s="1" customFormat="true" hidden="true" outlineLevel="3">
      <c r="A4898" s="6" t="s">
        <v>5292</v>
      </c>
      <c r="B4898" s="6" t="e"/>
      <c r="C4898" s="6" t="s">
        <v>225</v>
      </c>
      <c r="D4898" s="6" t="s">
        <v>11</v>
      </c>
      <c r="E4898" s="6" t="e"/>
    </row>
    <row r="4899" ht="11" customHeight="true" collapsed="true" outlineLevel="1">
      <c r="A4899" s="5" t="s">
        <v>5293</v>
      </c>
      <c r="B4899" s="5" t="e"/>
      <c r="C4899" s="5" t="e"/>
      <c r="D4899" s="5" t="e"/>
      <c r="E4899" s="5" t="e"/>
    </row>
    <row r="4900" ht="11" customHeight="true" s="1" customFormat="true" hidden="true" collapsed="true" outlineLevel="2">
      <c r="A4900" s="5" t="s">
        <v>5294</v>
      </c>
      <c r="B4900" s="5" t="e"/>
      <c r="C4900" s="5" t="e"/>
      <c r="D4900" s="5" t="e"/>
      <c r="E4900" s="5" t="e"/>
    </row>
    <row r="4901" ht="33" customHeight="true" s="1" customFormat="true" hidden="true" outlineLevel="3">
      <c r="A4901" s="6" t="s">
        <v>5295</v>
      </c>
      <c r="B4901" s="6" t="e"/>
      <c r="C4901" s="6" t="s">
        <v>13</v>
      </c>
      <c r="D4901" s="6" t="s">
        <v>11</v>
      </c>
      <c r="E4901" s="6" t="e"/>
    </row>
    <row r="4902" ht="33" customHeight="true" s="1" customFormat="true" hidden="true" outlineLevel="3">
      <c r="A4902" s="6" t="s">
        <v>5296</v>
      </c>
      <c r="B4902" s="6" t="e"/>
      <c r="C4902" s="6" t="s">
        <v>2678</v>
      </c>
      <c r="D4902" s="6" t="s">
        <v>26</v>
      </c>
      <c r="E4902" s="6" t="e"/>
    </row>
    <row r="4903" ht="22" customHeight="true" s="1" customFormat="true" hidden="true" outlineLevel="3">
      <c r="A4903" s="6" t="s">
        <v>5297</v>
      </c>
      <c r="B4903" s="6" t="e"/>
      <c r="C4903" s="6" t="s">
        <v>371</v>
      </c>
      <c r="D4903" s="6" t="s">
        <v>11</v>
      </c>
      <c r="E4903" s="6" t="e"/>
    </row>
    <row r="4904" ht="22" customHeight="true" s="1" customFormat="true" hidden="true" outlineLevel="3">
      <c r="A4904" s="6" t="s">
        <v>5298</v>
      </c>
      <c r="B4904" s="6" t="e"/>
      <c r="C4904" s="6" t="s">
        <v>253</v>
      </c>
      <c r="D4904" s="6" t="s">
        <v>11</v>
      </c>
      <c r="E4904" s="6" t="e"/>
    </row>
    <row r="4905" ht="22" customHeight="true" s="1" customFormat="true" hidden="true" outlineLevel="3">
      <c r="A4905" s="6" t="s">
        <v>5299</v>
      </c>
      <c r="B4905" s="6" t="e"/>
      <c r="C4905" s="6" t="s">
        <v>219</v>
      </c>
      <c r="D4905" s="6" t="s">
        <v>11</v>
      </c>
      <c r="E4905" s="6" t="e"/>
    </row>
    <row r="4906" ht="22" customHeight="true" s="1" customFormat="true" hidden="true" outlineLevel="3">
      <c r="A4906" s="6" t="s">
        <v>5300</v>
      </c>
      <c r="B4906" s="6" t="e"/>
      <c r="C4906" s="6" t="s">
        <v>371</v>
      </c>
      <c r="D4906" s="6" t="s">
        <v>11</v>
      </c>
      <c r="E4906" s="6" t="e"/>
    </row>
    <row r="4907" ht="22" customHeight="true" s="1" customFormat="true" hidden="true" outlineLevel="3">
      <c r="A4907" s="6" t="s">
        <v>5301</v>
      </c>
      <c r="B4907" s="6" t="e"/>
      <c r="C4907" s="6" t="s">
        <v>219</v>
      </c>
      <c r="D4907" s="6" t="s">
        <v>11</v>
      </c>
      <c r="E4907" s="6" t="e"/>
    </row>
    <row r="4908" ht="33" customHeight="true" s="1" customFormat="true" hidden="true" outlineLevel="3">
      <c r="A4908" s="6" t="s">
        <v>5302</v>
      </c>
      <c r="B4908" s="6" t="e"/>
      <c r="C4908" s="6" t="s">
        <v>5303</v>
      </c>
      <c r="D4908" s="6" t="s">
        <v>11</v>
      </c>
      <c r="E4908" s="6" t="e"/>
    </row>
    <row r="4909" ht="22" customHeight="true" s="1" customFormat="true" hidden="true" collapsed="true" outlineLevel="3">
      <c r="A4909" s="6" t="s">
        <v>5304</v>
      </c>
      <c r="B4909" s="6" t="e"/>
      <c r="C4909" s="6" t="s">
        <v>18</v>
      </c>
      <c r="D4909" s="6" t="s">
        <v>26</v>
      </c>
      <c r="E4909" s="6" t="e"/>
    </row>
    <row r="4910" ht="11" customHeight="true" s="1" customFormat="true" hidden="true" collapsed="true" outlineLevel="2">
      <c r="A4910" s="5" t="s">
        <v>5305</v>
      </c>
      <c r="B4910" s="5" t="e"/>
      <c r="C4910" s="5" t="e"/>
      <c r="D4910" s="5" t="e"/>
      <c r="E4910" s="5" t="e"/>
    </row>
    <row r="4911" ht="33" customHeight="true" s="1" customFormat="true" hidden="true" outlineLevel="3">
      <c r="A4911" s="6" t="s">
        <v>5306</v>
      </c>
      <c r="B4911" s="6" t="e"/>
      <c r="C4911" s="6" t="s">
        <v>219</v>
      </c>
      <c r="D4911" s="6" t="s">
        <v>40</v>
      </c>
      <c r="E4911" s="6" t="e"/>
    </row>
    <row r="4912" ht="33" customHeight="true" s="1" customFormat="true" hidden="true" outlineLevel="3">
      <c r="A4912" s="6" t="s">
        <v>5307</v>
      </c>
      <c r="B4912" s="6" t="e"/>
      <c r="C4912" s="6" t="s">
        <v>21</v>
      </c>
      <c r="D4912" s="6" t="s">
        <v>15</v>
      </c>
      <c r="E4912" s="6" t="e"/>
    </row>
    <row r="4913" ht="33" customHeight="true" s="1" customFormat="true" hidden="true" outlineLevel="3">
      <c r="A4913" s="6" t="s">
        <v>5308</v>
      </c>
      <c r="B4913" s="6" t="e"/>
      <c r="C4913" s="6" t="s">
        <v>2768</v>
      </c>
      <c r="D4913" s="6" t="s">
        <v>26</v>
      </c>
      <c r="E4913" s="6" t="e"/>
    </row>
    <row r="4914" ht="33" customHeight="true" s="1" customFormat="true" hidden="true" outlineLevel="3">
      <c r="A4914" s="6" t="s">
        <v>5309</v>
      </c>
      <c r="B4914" s="6" t="e"/>
      <c r="C4914" s="6" t="s">
        <v>82</v>
      </c>
      <c r="D4914" s="6" t="s">
        <v>11</v>
      </c>
      <c r="E4914" s="6" t="e"/>
    </row>
    <row r="4915" ht="33" customHeight="true" s="1" customFormat="true" hidden="true" outlineLevel="3">
      <c r="A4915" s="6" t="s">
        <v>5310</v>
      </c>
      <c r="B4915" s="6" t="e"/>
      <c r="C4915" s="6" t="s">
        <v>371</v>
      </c>
      <c r="D4915" s="6" t="s">
        <v>26</v>
      </c>
      <c r="E4915" s="6" t="e"/>
    </row>
    <row r="4916" ht="44" customHeight="true" s="1" customFormat="true" hidden="true" outlineLevel="3">
      <c r="A4916" s="6" t="s">
        <v>5311</v>
      </c>
      <c r="B4916" s="6" t="e"/>
      <c r="C4916" s="6" t="s">
        <v>371</v>
      </c>
      <c r="D4916" s="6" t="s">
        <v>26</v>
      </c>
      <c r="E4916" s="6" t="e"/>
    </row>
    <row r="4917" ht="44" customHeight="true" s="1" customFormat="true" hidden="true" outlineLevel="3">
      <c r="A4917" s="6" t="s">
        <v>5312</v>
      </c>
      <c r="B4917" s="6" t="e"/>
      <c r="C4917" s="6" t="s">
        <v>371</v>
      </c>
      <c r="D4917" s="6" t="s">
        <v>26</v>
      </c>
      <c r="E4917" s="6" t="e"/>
    </row>
    <row r="4918" ht="44" customHeight="true" s="1" customFormat="true" hidden="true" outlineLevel="3">
      <c r="A4918" s="6" t="s">
        <v>5313</v>
      </c>
      <c r="B4918" s="6" t="e"/>
      <c r="C4918" s="6" t="s">
        <v>3428</v>
      </c>
      <c r="D4918" s="6" t="s">
        <v>11</v>
      </c>
      <c r="E4918" s="6" t="e"/>
    </row>
    <row r="4919" ht="33" customHeight="true" s="1" customFormat="true" hidden="true" outlineLevel="3">
      <c r="A4919" s="6" t="s">
        <v>5314</v>
      </c>
      <c r="B4919" s="6" t="e"/>
      <c r="C4919" s="6" t="s">
        <v>253</v>
      </c>
      <c r="D4919" s="6" t="s">
        <v>26</v>
      </c>
      <c r="E4919" s="6" t="e"/>
    </row>
    <row r="4920" ht="44" customHeight="true" s="1" customFormat="true" hidden="true" outlineLevel="3">
      <c r="A4920" s="6" t="s">
        <v>5315</v>
      </c>
      <c r="B4920" s="6" t="e"/>
      <c r="C4920" s="6" t="s">
        <v>2768</v>
      </c>
      <c r="D4920" s="6" t="s">
        <v>11</v>
      </c>
      <c r="E4920" s="6" t="e"/>
    </row>
    <row r="4921" ht="44" customHeight="true" s="1" customFormat="true" hidden="true" outlineLevel="3">
      <c r="A4921" s="6" t="s">
        <v>5316</v>
      </c>
      <c r="B4921" s="6" t="e"/>
      <c r="C4921" s="6" t="s">
        <v>2768</v>
      </c>
      <c r="D4921" s="6" t="s">
        <v>26</v>
      </c>
      <c r="E4921" s="6" t="e"/>
    </row>
    <row r="4922" ht="33" customHeight="true" s="1" customFormat="true" hidden="true" outlineLevel="3">
      <c r="A4922" s="6" t="s">
        <v>5317</v>
      </c>
      <c r="B4922" s="6" t="e"/>
      <c r="C4922" s="6" t="s">
        <v>21</v>
      </c>
      <c r="D4922" s="6" t="s">
        <v>40</v>
      </c>
      <c r="E4922" s="6" t="e"/>
    </row>
    <row r="4923" ht="33" customHeight="true" s="1" customFormat="true" hidden="true" outlineLevel="3">
      <c r="A4923" s="6" t="s">
        <v>5318</v>
      </c>
      <c r="B4923" s="6" t="e"/>
      <c r="C4923" s="6" t="s">
        <v>55</v>
      </c>
      <c r="D4923" s="6" t="s">
        <v>26</v>
      </c>
      <c r="E4923" s="6" t="e"/>
    </row>
    <row r="4924" ht="44" customHeight="true" s="1" customFormat="true" hidden="true" outlineLevel="3">
      <c r="A4924" s="6" t="s">
        <v>5319</v>
      </c>
      <c r="B4924" s="6" t="e"/>
      <c r="C4924" s="6" t="s">
        <v>2678</v>
      </c>
      <c r="D4924" s="6" t="s">
        <v>11</v>
      </c>
      <c r="E4924" s="6" t="e"/>
    </row>
    <row r="4925" ht="33" customHeight="true" s="1" customFormat="true" hidden="true" outlineLevel="3">
      <c r="A4925" s="6" t="s">
        <v>5320</v>
      </c>
      <c r="B4925" s="6" t="e"/>
      <c r="C4925" s="6" t="s">
        <v>371</v>
      </c>
      <c r="D4925" s="6" t="s">
        <v>11</v>
      </c>
      <c r="E4925" s="6" t="e"/>
    </row>
    <row r="4926" ht="33" customHeight="true" s="1" customFormat="true" hidden="true" outlineLevel="3">
      <c r="A4926" s="6" t="s">
        <v>5321</v>
      </c>
      <c r="B4926" s="6" t="e"/>
      <c r="C4926" s="6" t="s">
        <v>21</v>
      </c>
      <c r="D4926" s="6" t="s">
        <v>40</v>
      </c>
      <c r="E4926" s="6" t="e"/>
    </row>
    <row r="4927" ht="44" customHeight="true" s="1" customFormat="true" hidden="true" outlineLevel="3">
      <c r="A4927" s="6" t="s">
        <v>5322</v>
      </c>
      <c r="B4927" s="6" t="e"/>
      <c r="C4927" s="6" t="s">
        <v>1186</v>
      </c>
      <c r="D4927" s="6" t="s">
        <v>11</v>
      </c>
      <c r="E4927" s="6" t="e"/>
    </row>
    <row r="4928" ht="44" customHeight="true" s="1" customFormat="true" hidden="true" outlineLevel="3">
      <c r="A4928" s="6" t="s">
        <v>5323</v>
      </c>
      <c r="B4928" s="6" t="e"/>
      <c r="C4928" s="6" t="s">
        <v>1186</v>
      </c>
      <c r="D4928" s="6" t="s">
        <v>11</v>
      </c>
      <c r="E4928" s="6" t="e"/>
    </row>
    <row r="4929" ht="33" customHeight="true" s="1" customFormat="true" hidden="true" outlineLevel="3">
      <c r="A4929" s="6" t="s">
        <v>5324</v>
      </c>
      <c r="B4929" s="6" t="e"/>
      <c r="C4929" s="6" t="s">
        <v>371</v>
      </c>
      <c r="D4929" s="6" t="s">
        <v>11</v>
      </c>
      <c r="E4929" s="6" t="e"/>
    </row>
    <row r="4930" ht="33" customHeight="true" s="1" customFormat="true" hidden="true" outlineLevel="3">
      <c r="A4930" s="6" t="s">
        <v>5325</v>
      </c>
      <c r="B4930" s="6" t="e"/>
      <c r="C4930" s="6" t="s">
        <v>82</v>
      </c>
      <c r="D4930" s="6" t="s">
        <v>11</v>
      </c>
      <c r="E4930" s="6" t="e"/>
    </row>
    <row r="4931" ht="44" customHeight="true" s="1" customFormat="true" hidden="true" outlineLevel="3">
      <c r="A4931" s="6" t="s">
        <v>5326</v>
      </c>
      <c r="B4931" s="6" t="e"/>
      <c r="C4931" s="6" t="s">
        <v>18</v>
      </c>
      <c r="D4931" s="6" t="s">
        <v>26</v>
      </c>
      <c r="E4931" s="6" t="e"/>
    </row>
    <row r="4932" ht="44" customHeight="true" s="1" customFormat="true" hidden="true" outlineLevel="3">
      <c r="A4932" s="6" t="s">
        <v>5327</v>
      </c>
      <c r="B4932" s="6" t="e"/>
      <c r="C4932" s="6" t="s">
        <v>18</v>
      </c>
      <c r="D4932" s="6" t="s">
        <v>11</v>
      </c>
      <c r="E4932" s="6" t="e"/>
    </row>
    <row r="4933" ht="33" customHeight="true" s="1" customFormat="true" hidden="true" outlineLevel="3">
      <c r="A4933" s="6" t="s">
        <v>5328</v>
      </c>
      <c r="B4933" s="6" t="e"/>
      <c r="C4933" s="6" t="s">
        <v>1212</v>
      </c>
      <c r="D4933" s="6" t="s">
        <v>11</v>
      </c>
      <c r="E4933" s="6" t="e"/>
    </row>
    <row r="4934" ht="33" customHeight="true" s="1" customFormat="true" hidden="true" outlineLevel="3">
      <c r="A4934" s="6" t="s">
        <v>5329</v>
      </c>
      <c r="B4934" s="6" t="e"/>
      <c r="C4934" s="6" t="s">
        <v>2678</v>
      </c>
      <c r="D4934" s="6" t="s">
        <v>26</v>
      </c>
      <c r="E4934" s="6" t="e"/>
    </row>
    <row r="4935" ht="33" customHeight="true" s="1" customFormat="true" hidden="true" outlineLevel="3">
      <c r="A4935" s="6" t="s">
        <v>5330</v>
      </c>
      <c r="B4935" s="6" t="e"/>
      <c r="C4935" s="6" t="s">
        <v>55</v>
      </c>
      <c r="D4935" s="6" t="s">
        <v>11</v>
      </c>
      <c r="E4935" s="6" t="e"/>
    </row>
    <row r="4936" ht="33" customHeight="true" s="1" customFormat="true" hidden="true" outlineLevel="3">
      <c r="A4936" s="6" t="s">
        <v>5331</v>
      </c>
      <c r="B4936" s="6" t="e"/>
      <c r="C4936" s="6" t="s">
        <v>436</v>
      </c>
      <c r="D4936" s="6" t="s">
        <v>11</v>
      </c>
      <c r="E4936" s="6" t="e"/>
    </row>
    <row r="4937" ht="33" customHeight="true" s="1" customFormat="true" hidden="true" outlineLevel="3">
      <c r="A4937" s="6" t="s">
        <v>5332</v>
      </c>
      <c r="B4937" s="6" t="e"/>
      <c r="C4937" s="6" t="s">
        <v>3428</v>
      </c>
      <c r="D4937" s="6" t="s">
        <v>11</v>
      </c>
      <c r="E4937" s="6" t="e"/>
    </row>
    <row r="4938" ht="33" customHeight="true" s="1" customFormat="true" hidden="true" outlineLevel="3">
      <c r="A4938" s="6" t="s">
        <v>5333</v>
      </c>
      <c r="B4938" s="6" t="e"/>
      <c r="C4938" s="6" t="s">
        <v>2678</v>
      </c>
      <c r="D4938" s="6" t="s">
        <v>11</v>
      </c>
      <c r="E4938" s="6" t="e"/>
    </row>
    <row r="4939" ht="33" customHeight="true" s="1" customFormat="true" hidden="true" outlineLevel="3">
      <c r="A4939" s="6" t="s">
        <v>5334</v>
      </c>
      <c r="B4939" s="6" t="e"/>
      <c r="C4939" s="6" t="s">
        <v>1214</v>
      </c>
      <c r="D4939" s="6" t="s">
        <v>11</v>
      </c>
      <c r="E4939" s="6" t="e"/>
    </row>
    <row r="4940" ht="33" customHeight="true" s="1" customFormat="true" hidden="true" outlineLevel="3">
      <c r="A4940" s="6" t="s">
        <v>5335</v>
      </c>
      <c r="B4940" s="6" t="e"/>
      <c r="C4940" s="6" t="s">
        <v>18</v>
      </c>
      <c r="D4940" s="6" t="s">
        <v>15</v>
      </c>
      <c r="E4940" s="6" t="e"/>
    </row>
    <row r="4941" ht="22" customHeight="true" s="1" customFormat="true" hidden="true" outlineLevel="3">
      <c r="A4941" s="6" t="s">
        <v>5336</v>
      </c>
      <c r="B4941" s="6" t="e"/>
      <c r="C4941" s="6" t="s">
        <v>325</v>
      </c>
      <c r="D4941" s="6" t="s">
        <v>11</v>
      </c>
      <c r="E4941" s="6" t="e"/>
    </row>
    <row r="4942" ht="33" customHeight="true" s="1" customFormat="true" hidden="true" outlineLevel="3">
      <c r="A4942" s="6" t="s">
        <v>5337</v>
      </c>
      <c r="B4942" s="6" t="e"/>
      <c r="C4942" s="6" t="s">
        <v>325</v>
      </c>
      <c r="D4942" s="6" t="s">
        <v>11</v>
      </c>
      <c r="E4942" s="6" t="e"/>
    </row>
    <row r="4943" ht="33" customHeight="true" s="1" customFormat="true" hidden="true" outlineLevel="3">
      <c r="A4943" s="6" t="s">
        <v>5338</v>
      </c>
      <c r="B4943" s="6" t="e"/>
      <c r="C4943" s="6" t="s">
        <v>126</v>
      </c>
      <c r="D4943" s="6" t="s">
        <v>26</v>
      </c>
      <c r="E4943" s="6" t="e"/>
    </row>
    <row r="4944" ht="33" customHeight="true" s="1" customFormat="true" hidden="true" outlineLevel="3">
      <c r="A4944" s="6" t="s">
        <v>5339</v>
      </c>
      <c r="B4944" s="6" t="e"/>
      <c r="C4944" s="6" t="s">
        <v>126</v>
      </c>
      <c r="D4944" s="6" t="s">
        <v>11</v>
      </c>
      <c r="E4944" s="6" t="e"/>
    </row>
    <row r="4945" ht="22" customHeight="true" s="1" customFormat="true" hidden="true" outlineLevel="3">
      <c r="A4945" s="6" t="s">
        <v>5340</v>
      </c>
      <c r="B4945" s="6" t="e"/>
      <c r="C4945" s="6" t="s">
        <v>188</v>
      </c>
      <c r="D4945" s="6" t="s">
        <v>11</v>
      </c>
      <c r="E4945" s="6" t="e"/>
    </row>
    <row r="4946" ht="22" customHeight="true" s="1" customFormat="true" hidden="true" outlineLevel="3">
      <c r="A4946" s="6" t="s">
        <v>5341</v>
      </c>
      <c r="B4946" s="6" t="e"/>
      <c r="C4946" s="6" t="s">
        <v>141</v>
      </c>
      <c r="D4946" s="6" t="s">
        <v>11</v>
      </c>
      <c r="E4946" s="6" t="e"/>
    </row>
    <row r="4947" ht="33" customHeight="true" s="1" customFormat="true" hidden="true" outlineLevel="3">
      <c r="A4947" s="6" t="s">
        <v>5342</v>
      </c>
      <c r="B4947" s="6" t="e"/>
      <c r="C4947" s="6" t="s">
        <v>302</v>
      </c>
      <c r="D4947" s="6" t="s">
        <v>11</v>
      </c>
      <c r="E4947" s="6" t="e"/>
    </row>
    <row r="4948" ht="33" customHeight="true" s="1" customFormat="true" hidden="true" outlineLevel="3">
      <c r="A4948" s="6" t="s">
        <v>5343</v>
      </c>
      <c r="B4948" s="6" t="e"/>
      <c r="C4948" s="6" t="s">
        <v>302</v>
      </c>
      <c r="D4948" s="6" t="s">
        <v>26</v>
      </c>
      <c r="E4948" s="6" t="e"/>
    </row>
    <row r="4949" ht="22" customHeight="true" s="1" customFormat="true" hidden="true" outlineLevel="3">
      <c r="A4949" s="6" t="s">
        <v>5344</v>
      </c>
      <c r="B4949" s="6" t="e"/>
      <c r="C4949" s="6" t="s">
        <v>302</v>
      </c>
      <c r="D4949" s="6" t="s">
        <v>11</v>
      </c>
      <c r="E4949" s="6" t="e"/>
    </row>
    <row r="4950" ht="33" customHeight="true" s="1" customFormat="true" hidden="true" outlineLevel="3">
      <c r="A4950" s="6" t="s">
        <v>5345</v>
      </c>
      <c r="B4950" s="6" t="e"/>
      <c r="C4950" s="6" t="s">
        <v>302</v>
      </c>
      <c r="D4950" s="6" t="s">
        <v>11</v>
      </c>
      <c r="E4950" s="6" t="e"/>
    </row>
    <row r="4951" ht="22" customHeight="true" s="1" customFormat="true" hidden="true" outlineLevel="3">
      <c r="A4951" s="6" t="s">
        <v>5346</v>
      </c>
      <c r="B4951" s="6" t="e"/>
      <c r="C4951" s="6" t="s">
        <v>155</v>
      </c>
      <c r="D4951" s="6" t="s">
        <v>11</v>
      </c>
      <c r="E4951" s="6" t="e"/>
    </row>
    <row r="4952" ht="33" customHeight="true" s="1" customFormat="true" hidden="true" outlineLevel="3">
      <c r="A4952" s="6" t="s">
        <v>5347</v>
      </c>
      <c r="B4952" s="6" t="e"/>
      <c r="C4952" s="6" t="s">
        <v>1214</v>
      </c>
      <c r="D4952" s="6" t="s">
        <v>26</v>
      </c>
      <c r="E4952" s="6" t="e"/>
    </row>
    <row r="4953" ht="22" customHeight="true" s="1" customFormat="true" hidden="true" outlineLevel="3">
      <c r="A4953" s="6" t="s">
        <v>5348</v>
      </c>
      <c r="B4953" s="6" t="e"/>
      <c r="C4953" s="6" t="s">
        <v>225</v>
      </c>
      <c r="D4953" s="6" t="s">
        <v>11</v>
      </c>
      <c r="E4953" s="6" t="e"/>
    </row>
    <row r="4954" ht="33" customHeight="true" s="1" customFormat="true" hidden="true" outlineLevel="3">
      <c r="A4954" s="6" t="s">
        <v>5349</v>
      </c>
      <c r="B4954" s="6" t="e"/>
      <c r="C4954" s="6" t="s">
        <v>21</v>
      </c>
      <c r="D4954" s="6" t="s">
        <v>11</v>
      </c>
      <c r="E4954" s="6" t="e"/>
    </row>
    <row r="4955" ht="22" customHeight="true" s="1" customFormat="true" hidden="true" outlineLevel="3">
      <c r="A4955" s="6" t="s">
        <v>5350</v>
      </c>
      <c r="B4955" s="6" t="e"/>
      <c r="C4955" s="6" t="s">
        <v>21</v>
      </c>
      <c r="D4955" s="6" t="s">
        <v>11</v>
      </c>
      <c r="E4955" s="6" t="e"/>
    </row>
    <row r="4956" ht="33" customHeight="true" s="1" customFormat="true" hidden="true" outlineLevel="3">
      <c r="A4956" s="6" t="s">
        <v>5351</v>
      </c>
      <c r="B4956" s="6" t="e"/>
      <c r="C4956" s="6" t="s">
        <v>2768</v>
      </c>
      <c r="D4956" s="6" t="s">
        <v>26</v>
      </c>
      <c r="E4956" s="6" t="e"/>
    </row>
    <row r="4957" ht="22" customHeight="true" s="1" customFormat="true" hidden="true" outlineLevel="3">
      <c r="A4957" s="6" t="s">
        <v>5352</v>
      </c>
      <c r="B4957" s="6" t="e"/>
      <c r="C4957" s="6" t="s">
        <v>149</v>
      </c>
      <c r="D4957" s="6" t="s">
        <v>40</v>
      </c>
      <c r="E4957" s="6" t="e"/>
    </row>
    <row r="4958" ht="33" customHeight="true" s="1" customFormat="true" hidden="true" outlineLevel="3">
      <c r="A4958" s="6" t="s">
        <v>5353</v>
      </c>
      <c r="B4958" s="6" t="e"/>
      <c r="C4958" s="6" t="s">
        <v>428</v>
      </c>
      <c r="D4958" s="6" t="s">
        <v>26</v>
      </c>
      <c r="E4958" s="6" t="e"/>
    </row>
    <row r="4959" ht="22" customHeight="true" s="1" customFormat="true" hidden="true" outlineLevel="3">
      <c r="A4959" s="6" t="s">
        <v>5354</v>
      </c>
      <c r="B4959" s="6" t="e"/>
      <c r="C4959" s="6" t="s">
        <v>82</v>
      </c>
      <c r="D4959" s="6" t="s">
        <v>11</v>
      </c>
      <c r="E4959" s="6" t="e"/>
    </row>
    <row r="4960" ht="33" customHeight="true" s="1" customFormat="true" hidden="true" collapsed="true" outlineLevel="3">
      <c r="A4960" s="6" t="s">
        <v>5355</v>
      </c>
      <c r="B4960" s="6" t="e"/>
      <c r="C4960" s="6" t="s">
        <v>3428</v>
      </c>
      <c r="D4960" s="6" t="s">
        <v>11</v>
      </c>
      <c r="E4960" s="6" t="e"/>
    </row>
    <row r="4961" ht="11" customHeight="true" s="1" customFormat="true" hidden="true" collapsed="true" outlineLevel="2">
      <c r="A4961" s="5" t="s">
        <v>5356</v>
      </c>
      <c r="B4961" s="5" t="e"/>
      <c r="C4961" s="5" t="e"/>
      <c r="D4961" s="5" t="e"/>
      <c r="E4961" s="5" t="e"/>
    </row>
    <row r="4962" ht="22" customHeight="true" s="1" customFormat="true" hidden="true" outlineLevel="3">
      <c r="A4962" s="6" t="s">
        <v>5357</v>
      </c>
      <c r="B4962" s="6" t="e"/>
      <c r="C4962" s="6" t="s">
        <v>324</v>
      </c>
      <c r="D4962" s="6" t="s">
        <v>11</v>
      </c>
      <c r="E4962" s="6" t="e"/>
    </row>
    <row r="4963" ht="22" customHeight="true" s="1" customFormat="true" hidden="true" outlineLevel="3">
      <c r="A4963" s="6" t="s">
        <v>5358</v>
      </c>
      <c r="B4963" s="6" t="e"/>
      <c r="C4963" s="6" t="s">
        <v>5359</v>
      </c>
      <c r="D4963" s="6" t="s">
        <v>11</v>
      </c>
      <c r="E4963" s="6" t="e"/>
    </row>
    <row r="4964" ht="22" customHeight="true" s="1" customFormat="true" hidden="true" outlineLevel="3">
      <c r="A4964" s="6" t="s">
        <v>5360</v>
      </c>
      <c r="B4964" s="6" t="e"/>
      <c r="C4964" s="6" t="s">
        <v>18</v>
      </c>
      <c r="D4964" s="6" t="s">
        <v>15</v>
      </c>
      <c r="E4964" s="6" t="e"/>
    </row>
    <row r="4965" ht="22" customHeight="true" s="1" customFormat="true" hidden="true" outlineLevel="3">
      <c r="A4965" s="6" t="s">
        <v>5361</v>
      </c>
      <c r="B4965" s="6" t="e"/>
      <c r="C4965" s="6" t="s">
        <v>13</v>
      </c>
      <c r="D4965" s="6" t="s">
        <v>26</v>
      </c>
      <c r="E4965" s="6" t="e"/>
    </row>
    <row r="4966" ht="33" customHeight="true" s="1" customFormat="true" hidden="true" outlineLevel="3">
      <c r="A4966" s="6" t="s">
        <v>5362</v>
      </c>
      <c r="B4966" s="6" t="e"/>
      <c r="C4966" s="6" t="s">
        <v>47</v>
      </c>
      <c r="D4966" s="6" t="s">
        <v>11</v>
      </c>
      <c r="E4966" s="6" t="e"/>
    </row>
    <row r="4967" ht="22" customHeight="true" s="1" customFormat="true" hidden="true" outlineLevel="3">
      <c r="A4967" s="6" t="s">
        <v>5363</v>
      </c>
      <c r="B4967" s="6" t="e"/>
      <c r="C4967" s="6" t="s">
        <v>272</v>
      </c>
      <c r="D4967" s="6" t="s">
        <v>11</v>
      </c>
      <c r="E4967" s="6" t="e"/>
    </row>
    <row r="4968" ht="22" customHeight="true" s="1" customFormat="true" hidden="true" outlineLevel="3">
      <c r="A4968" s="6" t="s">
        <v>5364</v>
      </c>
      <c r="B4968" s="6" t="e"/>
      <c r="C4968" s="6" t="s">
        <v>1187</v>
      </c>
      <c r="D4968" s="6" t="s">
        <v>11</v>
      </c>
      <c r="E4968" s="6" t="e"/>
    </row>
    <row r="4969" ht="22" customHeight="true" s="1" customFormat="true" hidden="true" outlineLevel="3">
      <c r="A4969" s="6" t="s">
        <v>5365</v>
      </c>
      <c r="B4969" s="6" t="e"/>
      <c r="C4969" s="6" t="s">
        <v>1187</v>
      </c>
      <c r="D4969" s="6" t="s">
        <v>26</v>
      </c>
      <c r="E4969" s="6" t="e"/>
    </row>
    <row r="4970" ht="22" customHeight="true" s="1" customFormat="true" hidden="true" outlineLevel="3">
      <c r="A4970" s="6" t="s">
        <v>5366</v>
      </c>
      <c r="B4970" s="6" t="e"/>
      <c r="C4970" s="6" t="s">
        <v>83</v>
      </c>
      <c r="D4970" s="6" t="s">
        <v>26</v>
      </c>
      <c r="E4970" s="6" t="e"/>
    </row>
    <row r="4971" ht="33" customHeight="true" s="1" customFormat="true" hidden="true" outlineLevel="3">
      <c r="A4971" s="6" t="s">
        <v>5367</v>
      </c>
      <c r="B4971" s="6" t="e"/>
      <c r="C4971" s="6" t="s">
        <v>42</v>
      </c>
      <c r="D4971" s="6" t="s">
        <v>11</v>
      </c>
      <c r="E4971" s="6" t="e"/>
    </row>
    <row r="4972" ht="33" customHeight="true" s="1" customFormat="true" hidden="true" outlineLevel="3">
      <c r="A4972" s="6" t="s">
        <v>5368</v>
      </c>
      <c r="B4972" s="6" t="e"/>
      <c r="C4972" s="6" t="s">
        <v>47</v>
      </c>
      <c r="D4972" s="6" t="s">
        <v>11</v>
      </c>
      <c r="E4972" s="6" t="e"/>
    </row>
    <row r="4973" ht="33" customHeight="true" s="1" customFormat="true" hidden="true" outlineLevel="3">
      <c r="A4973" s="6" t="s">
        <v>5369</v>
      </c>
      <c r="B4973" s="6" t="e"/>
      <c r="C4973" s="6" t="s">
        <v>290</v>
      </c>
      <c r="D4973" s="6" t="s">
        <v>11</v>
      </c>
      <c r="E4973" s="6" t="e"/>
    </row>
    <row r="4974" ht="33" customHeight="true" s="1" customFormat="true" hidden="true" outlineLevel="3">
      <c r="A4974" s="6" t="s">
        <v>5370</v>
      </c>
      <c r="B4974" s="6" t="e"/>
      <c r="C4974" s="6" t="s">
        <v>42</v>
      </c>
      <c r="D4974" s="6" t="s">
        <v>11</v>
      </c>
      <c r="E4974" s="6" t="e"/>
    </row>
    <row r="4975" ht="33" customHeight="true" s="1" customFormat="true" hidden="true" outlineLevel="3">
      <c r="A4975" s="6" t="s">
        <v>5371</v>
      </c>
      <c r="B4975" s="6" t="e"/>
      <c r="C4975" s="6" t="s">
        <v>82</v>
      </c>
      <c r="D4975" s="6" t="s">
        <v>15</v>
      </c>
      <c r="E4975" s="6" t="e"/>
    </row>
    <row r="4976" ht="22" customHeight="true" s="1" customFormat="true" hidden="true" outlineLevel="3">
      <c r="A4976" s="6" t="s">
        <v>5372</v>
      </c>
      <c r="B4976" s="6" t="e"/>
      <c r="C4976" s="6" t="s">
        <v>5373</v>
      </c>
      <c r="D4976" s="6" t="s">
        <v>11</v>
      </c>
      <c r="E4976" s="6" t="e"/>
    </row>
    <row r="4977" ht="22" customHeight="true" s="1" customFormat="true" hidden="true" outlineLevel="3">
      <c r="A4977" s="6" t="s">
        <v>5374</v>
      </c>
      <c r="B4977" s="6" t="e"/>
      <c r="C4977" s="6" t="s">
        <v>1214</v>
      </c>
      <c r="D4977" s="6" t="s">
        <v>26</v>
      </c>
      <c r="E4977" s="6" t="e"/>
    </row>
    <row r="4978" ht="22" customHeight="true" s="1" customFormat="true" hidden="true" collapsed="true" outlineLevel="3">
      <c r="A4978" s="6" t="s">
        <v>5375</v>
      </c>
      <c r="B4978" s="6" t="e"/>
      <c r="C4978" s="6" t="s">
        <v>127</v>
      </c>
      <c r="D4978" s="6" t="s">
        <v>11</v>
      </c>
      <c r="E4978" s="6" t="e"/>
    </row>
    <row r="4979" ht="11" customHeight="true" s="1" customFormat="true" hidden="true" collapsed="true" outlineLevel="2">
      <c r="A4979" s="5" t="s">
        <v>5376</v>
      </c>
      <c r="B4979" s="5" t="e"/>
      <c r="C4979" s="5" t="e"/>
      <c r="D4979" s="5" t="e"/>
      <c r="E4979" s="5" t="e"/>
    </row>
    <row r="4980" ht="33" customHeight="true" s="1" customFormat="true" hidden="true" outlineLevel="3">
      <c r="A4980" s="6" t="s">
        <v>5377</v>
      </c>
      <c r="B4980" s="6" t="e"/>
      <c r="C4980" s="6" t="s">
        <v>931</v>
      </c>
      <c r="D4980" s="6" t="s">
        <v>11</v>
      </c>
      <c r="E4980" s="6" t="e"/>
    </row>
    <row r="4981" ht="33" customHeight="true" s="1" customFormat="true" hidden="true" outlineLevel="3">
      <c r="A4981" s="6" t="s">
        <v>5378</v>
      </c>
      <c r="B4981" s="6" t="e"/>
      <c r="C4981" s="6" t="s">
        <v>3428</v>
      </c>
      <c r="D4981" s="6" t="s">
        <v>11</v>
      </c>
      <c r="E4981" s="6" t="e"/>
    </row>
    <row r="4982" ht="33" customHeight="true" s="1" customFormat="true" hidden="true" outlineLevel="3">
      <c r="A4982" s="6" t="s">
        <v>5379</v>
      </c>
      <c r="B4982" s="6" t="e"/>
      <c r="C4982" s="6" t="s">
        <v>4868</v>
      </c>
      <c r="D4982" s="6" t="s">
        <v>11</v>
      </c>
      <c r="E4982" s="6" t="e"/>
    </row>
    <row r="4983" ht="33" customHeight="true" s="1" customFormat="true" hidden="true" outlineLevel="3">
      <c r="A4983" s="6" t="s">
        <v>5380</v>
      </c>
      <c r="B4983" s="6" t="e"/>
      <c r="C4983" s="6" t="s">
        <v>931</v>
      </c>
      <c r="D4983" s="6" t="s">
        <v>26</v>
      </c>
      <c r="E4983" s="6" t="e"/>
    </row>
    <row r="4984" ht="33" customHeight="true" s="1" customFormat="true" hidden="true" outlineLevel="3">
      <c r="A4984" s="6" t="s">
        <v>5381</v>
      </c>
      <c r="B4984" s="6" t="e"/>
      <c r="C4984" s="6" t="s">
        <v>325</v>
      </c>
      <c r="D4984" s="6" t="s">
        <v>11</v>
      </c>
      <c r="E4984" s="6" t="e"/>
    </row>
    <row r="4985" ht="33" customHeight="true" s="1" customFormat="true" hidden="true" outlineLevel="3">
      <c r="A4985" s="6" t="s">
        <v>5382</v>
      </c>
      <c r="B4985" s="6" t="e"/>
      <c r="C4985" s="6" t="s">
        <v>5383</v>
      </c>
      <c r="D4985" s="6" t="s">
        <v>11</v>
      </c>
      <c r="E4985" s="6" t="e"/>
    </row>
    <row r="4986" ht="33" customHeight="true" s="1" customFormat="true" hidden="true" outlineLevel="3">
      <c r="A4986" s="6" t="s">
        <v>5384</v>
      </c>
      <c r="B4986" s="6" t="e"/>
      <c r="C4986" s="6" t="s">
        <v>1212</v>
      </c>
      <c r="D4986" s="6" t="s">
        <v>26</v>
      </c>
      <c r="E4986" s="6" t="e"/>
    </row>
    <row r="4987" ht="44" customHeight="true" s="1" customFormat="true" hidden="true" outlineLevel="3">
      <c r="A4987" s="6" t="s">
        <v>5385</v>
      </c>
      <c r="B4987" s="6" t="e"/>
      <c r="C4987" s="6" t="s">
        <v>18</v>
      </c>
      <c r="D4987" s="6" t="s">
        <v>11</v>
      </c>
      <c r="E4987" s="6" t="e"/>
    </row>
    <row r="4988" ht="22" customHeight="true" s="1" customFormat="true" hidden="true" collapsed="true" outlineLevel="3">
      <c r="A4988" s="6" t="s">
        <v>5386</v>
      </c>
      <c r="B4988" s="6" t="e"/>
      <c r="C4988" s="6" t="s">
        <v>1184</v>
      </c>
      <c r="D4988" s="6" t="s">
        <v>26</v>
      </c>
      <c r="E4988" s="6" t="e"/>
    </row>
    <row r="4989" ht="11" customHeight="true" s="1" customFormat="true" hidden="true" collapsed="true" outlineLevel="2">
      <c r="A4989" s="5" t="s">
        <v>5387</v>
      </c>
      <c r="B4989" s="5" t="e"/>
      <c r="C4989" s="5" t="e"/>
      <c r="D4989" s="5" t="e"/>
      <c r="E4989" s="5" t="e"/>
    </row>
    <row r="4990" ht="22" customHeight="true" s="1" customFormat="true" hidden="true" collapsed="true" outlineLevel="3">
      <c r="A4990" s="6" t="s">
        <v>5388</v>
      </c>
      <c r="B4990" s="6" t="e"/>
      <c r="C4990" s="6" t="s">
        <v>253</v>
      </c>
      <c r="D4990" s="6" t="s">
        <v>11</v>
      </c>
      <c r="E4990" s="6" t="e"/>
    </row>
    <row r="4991" ht="11" customHeight="true" s="1" customFormat="true" hidden="true" collapsed="true" outlineLevel="2">
      <c r="A4991" s="5" t="s">
        <v>5389</v>
      </c>
      <c r="B4991" s="5" t="e"/>
      <c r="C4991" s="5" t="e"/>
      <c r="D4991" s="5" t="e"/>
      <c r="E4991" s="5" t="e"/>
    </row>
    <row r="4992" ht="22" customHeight="true" s="1" customFormat="true" hidden="true" outlineLevel="3">
      <c r="A4992" s="6" t="s">
        <v>5390</v>
      </c>
      <c r="B4992" s="6" t="e"/>
      <c r="C4992" s="6" t="s">
        <v>82</v>
      </c>
      <c r="D4992" s="6" t="s">
        <v>11</v>
      </c>
      <c r="E4992" s="6" t="e"/>
    </row>
    <row r="4993" ht="22" customHeight="true" s="1" customFormat="true" hidden="true" outlineLevel="3">
      <c r="A4993" s="6" t="s">
        <v>5391</v>
      </c>
      <c r="B4993" s="6" t="e"/>
      <c r="C4993" s="6" t="s">
        <v>2768</v>
      </c>
      <c r="D4993" s="6" t="s">
        <v>40</v>
      </c>
      <c r="E4993" s="6" t="e"/>
    </row>
    <row r="4994" ht="33" customHeight="true" s="1" customFormat="true" hidden="true" collapsed="true" outlineLevel="3">
      <c r="A4994" s="6" t="s">
        <v>5392</v>
      </c>
      <c r="B4994" s="6" t="e"/>
      <c r="C4994" s="6" t="s">
        <v>1214</v>
      </c>
      <c r="D4994" s="6" t="s">
        <v>40</v>
      </c>
      <c r="E4994" s="6" t="e"/>
    </row>
    <row r="4995" ht="11" customHeight="true" s="1" customFormat="true" hidden="true" collapsed="true" outlineLevel="2">
      <c r="A4995" s="5" t="s">
        <v>5393</v>
      </c>
      <c r="B4995" s="5" t="e"/>
      <c r="C4995" s="5" t="e"/>
      <c r="D4995" s="5" t="e"/>
      <c r="E4995" s="5" t="e"/>
    </row>
    <row r="4996" ht="22" customHeight="true" s="1" customFormat="true" hidden="true" outlineLevel="3">
      <c r="A4996" s="6" t="s">
        <v>5394</v>
      </c>
      <c r="B4996" s="6" t="e"/>
      <c r="C4996" s="6" t="s">
        <v>369</v>
      </c>
      <c r="D4996" s="6" t="s">
        <v>11</v>
      </c>
      <c r="E4996" s="6" t="e"/>
    </row>
    <row r="4997" ht="33" customHeight="true" s="1" customFormat="true" hidden="true" outlineLevel="3">
      <c r="A4997" s="6" t="s">
        <v>5395</v>
      </c>
      <c r="B4997" s="6" t="e"/>
      <c r="C4997" s="6" t="s">
        <v>369</v>
      </c>
      <c r="D4997" s="6" t="s">
        <v>15</v>
      </c>
      <c r="E4997" s="6" t="e"/>
    </row>
    <row r="4998" ht="22" customHeight="true" s="1" customFormat="true" hidden="true" outlineLevel="3">
      <c r="A4998" s="6" t="s">
        <v>5396</v>
      </c>
      <c r="B4998" s="6" t="e"/>
      <c r="C4998" s="6" t="s">
        <v>253</v>
      </c>
      <c r="D4998" s="6" t="s">
        <v>11</v>
      </c>
      <c r="E4998" s="6" t="e"/>
    </row>
    <row r="4999" ht="22" customHeight="true" s="1" customFormat="true" hidden="true" outlineLevel="3">
      <c r="A4999" s="6" t="s">
        <v>5397</v>
      </c>
      <c r="B4999" s="6" t="e"/>
      <c r="C4999" s="6" t="s">
        <v>2768</v>
      </c>
      <c r="D4999" s="6" t="s">
        <v>11</v>
      </c>
      <c r="E4999" s="6" t="e"/>
    </row>
    <row r="5000" ht="22" customHeight="true" s="1" customFormat="true" hidden="true" outlineLevel="3">
      <c r="A5000" s="6" t="s">
        <v>5398</v>
      </c>
      <c r="B5000" s="6" t="e"/>
      <c r="C5000" s="6" t="s">
        <v>3428</v>
      </c>
      <c r="D5000" s="6" t="s">
        <v>11</v>
      </c>
      <c r="E5000" s="6" t="e"/>
    </row>
    <row r="5001" ht="22" customHeight="true" s="1" customFormat="true" hidden="true" outlineLevel="3">
      <c r="A5001" s="6" t="s">
        <v>5399</v>
      </c>
      <c r="B5001" s="6" t="e"/>
      <c r="C5001" s="6" t="s">
        <v>1212</v>
      </c>
      <c r="D5001" s="6" t="s">
        <v>11</v>
      </c>
      <c r="E5001" s="6" t="e"/>
    </row>
    <row r="5002" ht="22" customHeight="true" s="1" customFormat="true" hidden="true" outlineLevel="3">
      <c r="A5002" s="6" t="s">
        <v>5400</v>
      </c>
      <c r="B5002" s="6" t="e"/>
      <c r="C5002" s="6" t="s">
        <v>325</v>
      </c>
      <c r="D5002" s="6" t="s">
        <v>11</v>
      </c>
      <c r="E5002" s="6" t="e"/>
    </row>
    <row r="5003" ht="22" customHeight="true" s="1" customFormat="true" hidden="true" outlineLevel="3">
      <c r="A5003" s="6" t="s">
        <v>5401</v>
      </c>
      <c r="B5003" s="6" t="e"/>
      <c r="C5003" s="6" t="s">
        <v>3428</v>
      </c>
      <c r="D5003" s="6" t="s">
        <v>11</v>
      </c>
      <c r="E5003" s="6" t="e"/>
    </row>
    <row r="5004" ht="22" customHeight="true" s="1" customFormat="true" hidden="true" outlineLevel="3">
      <c r="A5004" s="6" t="s">
        <v>5402</v>
      </c>
      <c r="B5004" s="6" t="e"/>
      <c r="C5004" s="6" t="s">
        <v>436</v>
      </c>
      <c r="D5004" s="6" t="s">
        <v>11</v>
      </c>
      <c r="E5004" s="6" t="e"/>
    </row>
    <row r="5005" ht="22" customHeight="true" s="1" customFormat="true" hidden="true" outlineLevel="3">
      <c r="A5005" s="6" t="s">
        <v>5403</v>
      </c>
      <c r="B5005" s="6" t="e"/>
      <c r="C5005" s="6" t="s">
        <v>2678</v>
      </c>
      <c r="D5005" s="6" t="s">
        <v>11</v>
      </c>
      <c r="E5005" s="6" t="e"/>
    </row>
    <row r="5006" ht="22" customHeight="true" s="1" customFormat="true" hidden="true" outlineLevel="3">
      <c r="A5006" s="6" t="s">
        <v>5404</v>
      </c>
      <c r="B5006" s="6" t="e"/>
      <c r="C5006" s="6" t="s">
        <v>1186</v>
      </c>
      <c r="D5006" s="6" t="s">
        <v>11</v>
      </c>
      <c r="E5006" s="6" t="e"/>
    </row>
    <row r="5007" ht="22" customHeight="true" s="1" customFormat="true" hidden="true" outlineLevel="3">
      <c r="A5007" s="6" t="s">
        <v>5405</v>
      </c>
      <c r="B5007" s="6" t="e"/>
      <c r="C5007" s="6" t="s">
        <v>21</v>
      </c>
      <c r="D5007" s="6" t="s">
        <v>11</v>
      </c>
      <c r="E5007" s="6" t="e"/>
    </row>
    <row r="5008" ht="22" customHeight="true" s="1" customFormat="true" hidden="true" outlineLevel="3">
      <c r="A5008" s="6" t="s">
        <v>5406</v>
      </c>
      <c r="B5008" s="6" t="e"/>
      <c r="C5008" s="6" t="s">
        <v>371</v>
      </c>
      <c r="D5008" s="6" t="s">
        <v>11</v>
      </c>
      <c r="E5008" s="6" t="e"/>
    </row>
    <row r="5009" ht="22" customHeight="true" s="1" customFormat="true" hidden="true" outlineLevel="3">
      <c r="A5009" s="6" t="s">
        <v>5407</v>
      </c>
      <c r="B5009" s="6" t="e"/>
      <c r="C5009" s="6" t="s">
        <v>2768</v>
      </c>
      <c r="D5009" s="6" t="s">
        <v>11</v>
      </c>
      <c r="E5009" s="6" t="e"/>
    </row>
    <row r="5010" ht="33" customHeight="true" s="1" customFormat="true" hidden="true" outlineLevel="3">
      <c r="A5010" s="6" t="s">
        <v>5408</v>
      </c>
      <c r="B5010" s="6" t="e"/>
      <c r="C5010" s="6" t="s">
        <v>253</v>
      </c>
      <c r="D5010" s="6" t="s">
        <v>11</v>
      </c>
      <c r="E5010" s="6" t="e"/>
    </row>
    <row r="5011" ht="22" customHeight="true" s="1" customFormat="true" hidden="true" outlineLevel="3">
      <c r="A5011" s="6" t="s">
        <v>5409</v>
      </c>
      <c r="B5011" s="6" t="e"/>
      <c r="C5011" s="6" t="s">
        <v>1214</v>
      </c>
      <c r="D5011" s="6" t="s">
        <v>11</v>
      </c>
      <c r="E5011" s="6" t="e"/>
    </row>
    <row r="5012" ht="33" customHeight="true" s="1" customFormat="true" hidden="true" outlineLevel="3">
      <c r="A5012" s="6" t="s">
        <v>5410</v>
      </c>
      <c r="B5012" s="6" t="e"/>
      <c r="C5012" s="6" t="s">
        <v>2678</v>
      </c>
      <c r="D5012" s="6" t="s">
        <v>11</v>
      </c>
      <c r="E5012" s="6" t="e"/>
    </row>
    <row r="5013" ht="33" customHeight="true" s="1" customFormat="true" hidden="true" outlineLevel="3">
      <c r="A5013" s="6" t="s">
        <v>5411</v>
      </c>
      <c r="B5013" s="6" t="e"/>
      <c r="C5013" s="6" t="s">
        <v>1212</v>
      </c>
      <c r="D5013" s="6" t="s">
        <v>11</v>
      </c>
      <c r="E5013" s="6" t="e"/>
    </row>
    <row r="5014" ht="22" customHeight="true" s="1" customFormat="true" hidden="true" outlineLevel="3">
      <c r="A5014" s="6" t="s">
        <v>5412</v>
      </c>
      <c r="B5014" s="6" t="e"/>
      <c r="C5014" s="6" t="s">
        <v>2768</v>
      </c>
      <c r="D5014" s="6" t="s">
        <v>26</v>
      </c>
      <c r="E5014" s="6" t="e"/>
    </row>
    <row r="5015" ht="22" customHeight="true" s="1" customFormat="true" hidden="true" outlineLevel="3">
      <c r="A5015" s="6" t="s">
        <v>5413</v>
      </c>
      <c r="B5015" s="6" t="e"/>
      <c r="C5015" s="6" t="s">
        <v>21</v>
      </c>
      <c r="D5015" s="6" t="s">
        <v>11</v>
      </c>
      <c r="E5015" s="6" t="e"/>
    </row>
    <row r="5016" ht="22" customHeight="true" s="1" customFormat="true" hidden="true" collapsed="true" outlineLevel="3">
      <c r="A5016" s="6" t="s">
        <v>5414</v>
      </c>
      <c r="B5016" s="6" t="e"/>
      <c r="C5016" s="6" t="s">
        <v>2678</v>
      </c>
      <c r="D5016" s="6" t="s">
        <v>11</v>
      </c>
      <c r="E5016" s="6" t="e"/>
    </row>
    <row r="5017" ht="11" customHeight="true" s="1" customFormat="true" hidden="true" collapsed="true" outlineLevel="2">
      <c r="A5017" s="5" t="s">
        <v>5415</v>
      </c>
      <c r="B5017" s="5" t="e"/>
      <c r="C5017" s="5" t="e"/>
      <c r="D5017" s="5" t="e"/>
      <c r="E5017" s="5" t="e"/>
    </row>
    <row r="5018" ht="22" customHeight="true" s="1" customFormat="true" hidden="true" outlineLevel="3">
      <c r="A5018" s="6" t="s">
        <v>5416</v>
      </c>
      <c r="B5018" s="6" t="e"/>
      <c r="C5018" s="6" t="s">
        <v>369</v>
      </c>
      <c r="D5018" s="6" t="s">
        <v>11</v>
      </c>
      <c r="E5018" s="6" t="e"/>
    </row>
    <row r="5019" ht="22" customHeight="true" s="1" customFormat="true" hidden="true" outlineLevel="3">
      <c r="A5019" s="6" t="s">
        <v>5417</v>
      </c>
      <c r="B5019" s="6" t="e"/>
      <c r="C5019" s="6" t="s">
        <v>149</v>
      </c>
      <c r="D5019" s="6" t="s">
        <v>11</v>
      </c>
      <c r="E5019" s="6" t="e"/>
    </row>
    <row r="5020" ht="33" customHeight="true" s="1" customFormat="true" hidden="true" outlineLevel="3">
      <c r="A5020" s="6" t="s">
        <v>5418</v>
      </c>
      <c r="B5020" s="6" t="e"/>
      <c r="C5020" s="6" t="s">
        <v>225</v>
      </c>
      <c r="D5020" s="6" t="s">
        <v>11</v>
      </c>
      <c r="E5020" s="6" t="e"/>
    </row>
    <row r="5021" ht="22" customHeight="true" s="1" customFormat="true" hidden="true" outlineLevel="3">
      <c r="A5021" s="6" t="s">
        <v>5419</v>
      </c>
      <c r="B5021" s="6" t="e"/>
      <c r="C5021" s="6" t="s">
        <v>225</v>
      </c>
      <c r="D5021" s="6" t="s">
        <v>26</v>
      </c>
      <c r="E5021" s="6" t="e"/>
    </row>
    <row r="5022" ht="22" customHeight="true" s="1" customFormat="true" hidden="true" outlineLevel="3">
      <c r="A5022" s="6" t="s">
        <v>5420</v>
      </c>
      <c r="B5022" s="6" t="e"/>
      <c r="C5022" s="6" t="s">
        <v>103</v>
      </c>
      <c r="D5022" s="6" t="s">
        <v>26</v>
      </c>
      <c r="E5022" s="6" t="e"/>
    </row>
    <row r="5023" ht="22" customHeight="true" s="1" customFormat="true" hidden="true" outlineLevel="3">
      <c r="A5023" s="6" t="s">
        <v>5421</v>
      </c>
      <c r="B5023" s="6" t="e"/>
      <c r="C5023" s="6" t="s">
        <v>149</v>
      </c>
      <c r="D5023" s="6" t="s">
        <v>11</v>
      </c>
      <c r="E5023" s="6" t="e"/>
    </row>
    <row r="5024" ht="22" customHeight="true" s="1" customFormat="true" hidden="true" outlineLevel="3">
      <c r="A5024" s="6" t="s">
        <v>5422</v>
      </c>
      <c r="B5024" s="6" t="e"/>
      <c r="C5024" s="6" t="s">
        <v>126</v>
      </c>
      <c r="D5024" s="6" t="s">
        <v>26</v>
      </c>
      <c r="E5024" s="6" t="e"/>
    </row>
    <row r="5025" ht="22" customHeight="true" s="1" customFormat="true" hidden="true" outlineLevel="3">
      <c r="A5025" s="6" t="s">
        <v>5423</v>
      </c>
      <c r="B5025" s="6" t="e"/>
      <c r="C5025" s="6" t="s">
        <v>149</v>
      </c>
      <c r="D5025" s="6" t="s">
        <v>11</v>
      </c>
      <c r="E5025" s="6" t="e"/>
    </row>
    <row r="5026" ht="22" customHeight="true" s="1" customFormat="true" hidden="true" outlineLevel="3">
      <c r="A5026" s="6" t="s">
        <v>5424</v>
      </c>
      <c r="B5026" s="6" t="e"/>
      <c r="C5026" s="6" t="s">
        <v>225</v>
      </c>
      <c r="D5026" s="6" t="s">
        <v>11</v>
      </c>
      <c r="E5026" s="6" t="e"/>
    </row>
    <row r="5027" ht="22" customHeight="true" s="1" customFormat="true" hidden="true" outlineLevel="3">
      <c r="A5027" s="6" t="s">
        <v>5425</v>
      </c>
      <c r="B5027" s="6" t="e"/>
      <c r="C5027" s="6" t="s">
        <v>369</v>
      </c>
      <c r="D5027" s="6" t="s">
        <v>11</v>
      </c>
      <c r="E5027" s="6" t="e"/>
    </row>
    <row r="5028" ht="33" customHeight="true" s="1" customFormat="true" hidden="true" outlineLevel="3">
      <c r="A5028" s="6" t="s">
        <v>5426</v>
      </c>
      <c r="B5028" s="6" t="e"/>
      <c r="C5028" s="6" t="s">
        <v>253</v>
      </c>
      <c r="D5028" s="6" t="s">
        <v>11</v>
      </c>
      <c r="E5028" s="6" t="e"/>
    </row>
    <row r="5029" ht="33" customHeight="true" s="1" customFormat="true" hidden="true" outlineLevel="3">
      <c r="A5029" s="6" t="s">
        <v>5427</v>
      </c>
      <c r="B5029" s="6" t="e"/>
      <c r="C5029" s="6" t="s">
        <v>18</v>
      </c>
      <c r="D5029" s="6" t="s">
        <v>11</v>
      </c>
      <c r="E5029" s="6" t="e"/>
    </row>
    <row r="5030" ht="22" customHeight="true" s="1" customFormat="true" hidden="true" outlineLevel="3">
      <c r="A5030" s="6" t="s">
        <v>5428</v>
      </c>
      <c r="B5030" s="6" t="e"/>
      <c r="C5030" s="6" t="s">
        <v>1212</v>
      </c>
      <c r="D5030" s="6" t="s">
        <v>11</v>
      </c>
      <c r="E5030" s="6" t="e"/>
    </row>
    <row r="5031" ht="33" customHeight="true" s="1" customFormat="true" hidden="true" outlineLevel="3">
      <c r="A5031" s="6" t="s">
        <v>5429</v>
      </c>
      <c r="B5031" s="6" t="e"/>
      <c r="C5031" s="6" t="s">
        <v>253</v>
      </c>
      <c r="D5031" s="6" t="s">
        <v>26</v>
      </c>
      <c r="E5031" s="6" t="e"/>
    </row>
    <row r="5032" ht="22" customHeight="true" s="1" customFormat="true" hidden="true" outlineLevel="3">
      <c r="A5032" s="6" t="s">
        <v>5430</v>
      </c>
      <c r="B5032" s="6" t="e"/>
      <c r="C5032" s="6" t="s">
        <v>21</v>
      </c>
      <c r="D5032" s="6" t="s">
        <v>26</v>
      </c>
      <c r="E5032" s="6" t="e"/>
    </row>
    <row r="5033" ht="33" customHeight="true" s="1" customFormat="true" hidden="true" outlineLevel="3">
      <c r="A5033" s="6" t="s">
        <v>5431</v>
      </c>
      <c r="B5033" s="6" t="e"/>
      <c r="C5033" s="6" t="s">
        <v>371</v>
      </c>
      <c r="D5033" s="6" t="s">
        <v>11</v>
      </c>
      <c r="E5033" s="6" t="e"/>
    </row>
    <row r="5034" ht="22" customHeight="true" s="1" customFormat="true" hidden="true" outlineLevel="3">
      <c r="A5034" s="6" t="s">
        <v>5432</v>
      </c>
      <c r="B5034" s="6" t="e"/>
      <c r="C5034" s="6" t="s">
        <v>1214</v>
      </c>
      <c r="D5034" s="6" t="s">
        <v>26</v>
      </c>
      <c r="E5034" s="6" t="e"/>
    </row>
    <row r="5035" ht="22" customHeight="true" s="1" customFormat="true" hidden="true" outlineLevel="3">
      <c r="A5035" s="6" t="s">
        <v>5433</v>
      </c>
      <c r="B5035" s="6" t="e"/>
      <c r="C5035" s="6" t="s">
        <v>82</v>
      </c>
      <c r="D5035" s="6" t="s">
        <v>11</v>
      </c>
      <c r="E5035" s="6" t="e"/>
    </row>
    <row r="5036" ht="22" customHeight="true" s="1" customFormat="true" hidden="true" outlineLevel="3">
      <c r="A5036" s="6" t="s">
        <v>5434</v>
      </c>
      <c r="B5036" s="6" t="e"/>
      <c r="C5036" s="6" t="s">
        <v>1214</v>
      </c>
      <c r="D5036" s="6" t="s">
        <v>11</v>
      </c>
      <c r="E5036" s="6" t="e"/>
    </row>
    <row r="5037" ht="22" customHeight="true" s="1" customFormat="true" hidden="true" outlineLevel="3">
      <c r="A5037" s="6" t="s">
        <v>5435</v>
      </c>
      <c r="B5037" s="6" t="e"/>
      <c r="C5037" s="6" t="s">
        <v>21</v>
      </c>
      <c r="D5037" s="6" t="s">
        <v>26</v>
      </c>
      <c r="E5037" s="6" t="e"/>
    </row>
    <row r="5038" ht="33" customHeight="true" s="1" customFormat="true" hidden="true" outlineLevel="3">
      <c r="A5038" s="6" t="s">
        <v>5436</v>
      </c>
      <c r="B5038" s="6" t="e"/>
      <c r="C5038" s="6" t="s">
        <v>253</v>
      </c>
      <c r="D5038" s="6" t="s">
        <v>26</v>
      </c>
      <c r="E5038" s="6" t="e"/>
    </row>
    <row r="5039" ht="22" customHeight="true" s="1" customFormat="true" hidden="true" outlineLevel="3">
      <c r="A5039" s="6" t="s">
        <v>5437</v>
      </c>
      <c r="B5039" s="6" t="e"/>
      <c r="C5039" s="6" t="s">
        <v>2768</v>
      </c>
      <c r="D5039" s="6" t="s">
        <v>57</v>
      </c>
      <c r="E5039" s="6" t="e"/>
    </row>
    <row r="5040" ht="33" customHeight="true" s="1" customFormat="true" hidden="true" outlineLevel="3">
      <c r="A5040" s="6" t="s">
        <v>5438</v>
      </c>
      <c r="B5040" s="6" t="e"/>
      <c r="C5040" s="6" t="s">
        <v>21</v>
      </c>
      <c r="D5040" s="6" t="s">
        <v>26</v>
      </c>
      <c r="E5040" s="6" t="e"/>
    </row>
    <row r="5041" ht="44" customHeight="true" s="1" customFormat="true" hidden="true" outlineLevel="3">
      <c r="A5041" s="6" t="s">
        <v>5439</v>
      </c>
      <c r="B5041" s="6" t="e"/>
      <c r="C5041" s="6" t="s">
        <v>1214</v>
      </c>
      <c r="D5041" s="6" t="s">
        <v>26</v>
      </c>
      <c r="E5041" s="6" t="e"/>
    </row>
    <row r="5042" ht="22" customHeight="true" s="1" customFormat="true" hidden="true" outlineLevel="3">
      <c r="A5042" s="6" t="s">
        <v>5440</v>
      </c>
      <c r="B5042" s="6" t="e"/>
      <c r="C5042" s="6" t="s">
        <v>1214</v>
      </c>
      <c r="D5042" s="6" t="s">
        <v>11</v>
      </c>
      <c r="E5042" s="6" t="e"/>
    </row>
    <row r="5043" ht="22" customHeight="true" s="1" customFormat="true" hidden="true" outlineLevel="3">
      <c r="A5043" s="6" t="s">
        <v>5441</v>
      </c>
      <c r="B5043" s="6" t="e"/>
      <c r="C5043" s="6" t="s">
        <v>2678</v>
      </c>
      <c r="D5043" s="6" t="s">
        <v>11</v>
      </c>
      <c r="E5043" s="6" t="e"/>
    </row>
    <row r="5044" ht="33" customHeight="true" s="1" customFormat="true" hidden="true" outlineLevel="3">
      <c r="A5044" s="6" t="s">
        <v>5442</v>
      </c>
      <c r="B5044" s="6" t="e"/>
      <c r="C5044" s="6" t="s">
        <v>1214</v>
      </c>
      <c r="D5044" s="6" t="s">
        <v>11</v>
      </c>
      <c r="E5044" s="6" t="e"/>
    </row>
    <row r="5045" ht="22" customHeight="true" s="1" customFormat="true" hidden="true" outlineLevel="3">
      <c r="A5045" s="6" t="s">
        <v>5443</v>
      </c>
      <c r="B5045" s="6" t="e"/>
      <c r="C5045" s="6" t="s">
        <v>1181</v>
      </c>
      <c r="D5045" s="6" t="s">
        <v>11</v>
      </c>
      <c r="E5045" s="6" t="e"/>
    </row>
    <row r="5046" ht="33" customHeight="true" s="1" customFormat="true" hidden="true" outlineLevel="3">
      <c r="A5046" s="6" t="s">
        <v>5444</v>
      </c>
      <c r="B5046" s="6" t="e"/>
      <c r="C5046" s="6" t="s">
        <v>82</v>
      </c>
      <c r="D5046" s="6" t="s">
        <v>26</v>
      </c>
      <c r="E5046" s="6" t="e"/>
    </row>
    <row r="5047" ht="22" customHeight="true" s="1" customFormat="true" hidden="true" outlineLevel="3">
      <c r="A5047" s="6" t="s">
        <v>5445</v>
      </c>
      <c r="B5047" s="6" t="e"/>
      <c r="C5047" s="6" t="s">
        <v>369</v>
      </c>
      <c r="D5047" s="6" t="s">
        <v>11</v>
      </c>
      <c r="E5047" s="6" t="e"/>
    </row>
    <row r="5048" ht="22" customHeight="true" s="1" customFormat="true" hidden="true" outlineLevel="3">
      <c r="A5048" s="6" t="s">
        <v>5446</v>
      </c>
      <c r="B5048" s="6" t="e"/>
      <c r="C5048" s="6" t="s">
        <v>2768</v>
      </c>
      <c r="D5048" s="6" t="s">
        <v>11</v>
      </c>
      <c r="E5048" s="6" t="e"/>
    </row>
    <row r="5049" ht="33" customHeight="true" s="1" customFormat="true" hidden="true" outlineLevel="3">
      <c r="A5049" s="6" t="s">
        <v>5447</v>
      </c>
      <c r="B5049" s="6" t="e"/>
      <c r="C5049" s="6" t="s">
        <v>369</v>
      </c>
      <c r="D5049" s="6" t="s">
        <v>11</v>
      </c>
      <c r="E5049" s="6" t="e"/>
    </row>
    <row r="5050" ht="33" customHeight="true" s="1" customFormat="true" hidden="true" outlineLevel="3">
      <c r="A5050" s="6" t="s">
        <v>5448</v>
      </c>
      <c r="B5050" s="6" t="e"/>
      <c r="C5050" s="6" t="s">
        <v>2768</v>
      </c>
      <c r="D5050" s="6" t="s">
        <v>40</v>
      </c>
      <c r="E5050" s="6" t="e"/>
    </row>
    <row r="5051" ht="33" customHeight="true" s="1" customFormat="true" hidden="true" outlineLevel="3">
      <c r="A5051" s="6" t="s">
        <v>5449</v>
      </c>
      <c r="B5051" s="6" t="e"/>
      <c r="C5051" s="6" t="s">
        <v>21</v>
      </c>
      <c r="D5051" s="6" t="s">
        <v>40</v>
      </c>
      <c r="E5051" s="6" t="e"/>
    </row>
    <row r="5052" ht="33" customHeight="true" s="1" customFormat="true" hidden="true" outlineLevel="3">
      <c r="A5052" s="6" t="s">
        <v>5450</v>
      </c>
      <c r="B5052" s="6" t="e"/>
      <c r="C5052" s="6" t="s">
        <v>3428</v>
      </c>
      <c r="D5052" s="6" t="s">
        <v>40</v>
      </c>
      <c r="E5052" s="6" t="e"/>
    </row>
    <row r="5053" ht="33" customHeight="true" s="1" customFormat="true" hidden="true" outlineLevel="3">
      <c r="A5053" s="6" t="s">
        <v>5451</v>
      </c>
      <c r="B5053" s="6" t="e"/>
      <c r="C5053" s="6" t="s">
        <v>371</v>
      </c>
      <c r="D5053" s="6" t="s">
        <v>11</v>
      </c>
      <c r="E5053" s="6" t="e"/>
    </row>
    <row r="5054" ht="33" customHeight="true" s="1" customFormat="true" hidden="true" outlineLevel="3">
      <c r="A5054" s="6" t="s">
        <v>5452</v>
      </c>
      <c r="B5054" s="6" t="e"/>
      <c r="C5054" s="6" t="s">
        <v>371</v>
      </c>
      <c r="D5054" s="6" t="s">
        <v>11</v>
      </c>
      <c r="E5054" s="6" t="e"/>
    </row>
    <row r="5055" ht="22" customHeight="true" s="1" customFormat="true" hidden="true" outlineLevel="3">
      <c r="A5055" s="6" t="s">
        <v>5453</v>
      </c>
      <c r="B5055" s="6" t="e"/>
      <c r="C5055" s="6" t="s">
        <v>253</v>
      </c>
      <c r="D5055" s="6" t="s">
        <v>11</v>
      </c>
      <c r="E5055" s="6" t="e"/>
    </row>
    <row r="5056" ht="33" customHeight="true" s="1" customFormat="true" hidden="true" outlineLevel="3">
      <c r="A5056" s="6" t="s">
        <v>5454</v>
      </c>
      <c r="B5056" s="6" t="e"/>
      <c r="C5056" s="6" t="s">
        <v>3428</v>
      </c>
      <c r="D5056" s="6" t="s">
        <v>11</v>
      </c>
      <c r="E5056" s="6" t="e"/>
    </row>
    <row r="5057" ht="33" customHeight="true" s="1" customFormat="true" hidden="true" outlineLevel="3">
      <c r="A5057" s="6" t="s">
        <v>5455</v>
      </c>
      <c r="B5057" s="6" t="e"/>
      <c r="C5057" s="6" t="s">
        <v>3428</v>
      </c>
      <c r="D5057" s="6" t="s">
        <v>11</v>
      </c>
      <c r="E5057" s="6" t="e"/>
    </row>
    <row r="5058" ht="33" customHeight="true" s="1" customFormat="true" hidden="true" outlineLevel="3">
      <c r="A5058" s="6" t="s">
        <v>5456</v>
      </c>
      <c r="B5058" s="6" t="e"/>
      <c r="C5058" s="6" t="s">
        <v>253</v>
      </c>
      <c r="D5058" s="6" t="s">
        <v>40</v>
      </c>
      <c r="E5058" s="6" t="e"/>
    </row>
    <row r="5059" ht="22" customHeight="true" s="1" customFormat="true" hidden="true" outlineLevel="3">
      <c r="A5059" s="6" t="s">
        <v>5457</v>
      </c>
      <c r="B5059" s="6" t="e"/>
      <c r="C5059" s="6" t="s">
        <v>18</v>
      </c>
      <c r="D5059" s="6" t="s">
        <v>11</v>
      </c>
      <c r="E5059" s="6" t="e"/>
    </row>
    <row r="5060" ht="33" customHeight="true" s="1" customFormat="true" hidden="true" outlineLevel="3">
      <c r="A5060" s="6" t="s">
        <v>5458</v>
      </c>
      <c r="B5060" s="6" t="e"/>
      <c r="C5060" s="6" t="s">
        <v>2200</v>
      </c>
      <c r="D5060" s="6" t="s">
        <v>11</v>
      </c>
      <c r="E5060" s="6" t="e"/>
    </row>
    <row r="5061" ht="33" customHeight="true" s="1" customFormat="true" hidden="true" outlineLevel="3">
      <c r="A5061" s="6" t="s">
        <v>5459</v>
      </c>
      <c r="B5061" s="6" t="e"/>
      <c r="C5061" s="6" t="s">
        <v>2768</v>
      </c>
      <c r="D5061" s="6" t="s">
        <v>26</v>
      </c>
      <c r="E5061" s="6" t="e"/>
    </row>
    <row r="5062" ht="33" customHeight="true" s="1" customFormat="true" hidden="true" outlineLevel="3">
      <c r="A5062" s="6" t="s">
        <v>5460</v>
      </c>
      <c r="B5062" s="6" t="e"/>
      <c r="C5062" s="6" t="s">
        <v>82</v>
      </c>
      <c r="D5062" s="6" t="s">
        <v>40</v>
      </c>
      <c r="E5062" s="6" t="e"/>
    </row>
    <row r="5063" ht="22" customHeight="true" s="1" customFormat="true" hidden="true" outlineLevel="3">
      <c r="A5063" s="6" t="s">
        <v>5461</v>
      </c>
      <c r="B5063" s="6" t="e"/>
      <c r="C5063" s="6" t="s">
        <v>3428</v>
      </c>
      <c r="D5063" s="6" t="s">
        <v>11</v>
      </c>
      <c r="E5063" s="6" t="e"/>
    </row>
    <row r="5064" ht="33" customHeight="true" s="1" customFormat="true" hidden="true" outlineLevel="3">
      <c r="A5064" s="6" t="s">
        <v>5462</v>
      </c>
      <c r="B5064" s="6" t="e"/>
      <c r="C5064" s="6" t="s">
        <v>253</v>
      </c>
      <c r="D5064" s="6" t="s">
        <v>26</v>
      </c>
      <c r="E5064" s="6" t="e"/>
    </row>
    <row r="5065" ht="33" customHeight="true" s="1" customFormat="true" hidden="true" outlineLevel="3">
      <c r="A5065" s="6" t="s">
        <v>5463</v>
      </c>
      <c r="B5065" s="6" t="e"/>
      <c r="C5065" s="6" t="s">
        <v>83</v>
      </c>
      <c r="D5065" s="6" t="s">
        <v>26</v>
      </c>
      <c r="E5065" s="6" t="e"/>
    </row>
    <row r="5066" ht="33" customHeight="true" s="1" customFormat="true" hidden="true" outlineLevel="3">
      <c r="A5066" s="6" t="s">
        <v>5464</v>
      </c>
      <c r="B5066" s="6" t="e"/>
      <c r="C5066" s="6" t="s">
        <v>82</v>
      </c>
      <c r="D5066" s="6" t="s">
        <v>11</v>
      </c>
      <c r="E5066" s="6" t="e"/>
    </row>
    <row r="5067" ht="33" customHeight="true" s="1" customFormat="true" hidden="true" outlineLevel="3">
      <c r="A5067" s="6" t="s">
        <v>5465</v>
      </c>
      <c r="B5067" s="6" t="e"/>
      <c r="C5067" s="6" t="s">
        <v>3428</v>
      </c>
      <c r="D5067" s="6" t="s">
        <v>11</v>
      </c>
      <c r="E5067" s="6" t="e"/>
    </row>
    <row r="5068" ht="33" customHeight="true" s="1" customFormat="true" hidden="true" outlineLevel="3">
      <c r="A5068" s="6" t="s">
        <v>5466</v>
      </c>
      <c r="B5068" s="6" t="e"/>
      <c r="C5068" s="6" t="s">
        <v>1212</v>
      </c>
      <c r="D5068" s="6" t="s">
        <v>11</v>
      </c>
      <c r="E5068" s="6" t="e"/>
    </row>
    <row r="5069" ht="33" customHeight="true" s="1" customFormat="true" hidden="true" outlineLevel="3">
      <c r="A5069" s="6" t="s">
        <v>5467</v>
      </c>
      <c r="B5069" s="6" t="e"/>
      <c r="C5069" s="6" t="s">
        <v>18</v>
      </c>
      <c r="D5069" s="6" t="s">
        <v>40</v>
      </c>
      <c r="E5069" s="6" t="e"/>
    </row>
    <row r="5070" ht="33" customHeight="true" s="1" customFormat="true" hidden="true" outlineLevel="3">
      <c r="A5070" s="6" t="s">
        <v>5468</v>
      </c>
      <c r="B5070" s="6" t="e"/>
      <c r="C5070" s="6" t="s">
        <v>82</v>
      </c>
      <c r="D5070" s="6" t="s">
        <v>26</v>
      </c>
      <c r="E5070" s="6" t="e"/>
    </row>
    <row r="5071" ht="33" customHeight="true" s="1" customFormat="true" hidden="true" outlineLevel="3">
      <c r="A5071" s="6" t="s">
        <v>5469</v>
      </c>
      <c r="B5071" s="6" t="e"/>
      <c r="C5071" s="6" t="s">
        <v>3428</v>
      </c>
      <c r="D5071" s="6" t="s">
        <v>11</v>
      </c>
      <c r="E5071" s="6" t="e"/>
    </row>
    <row r="5072" ht="33" customHeight="true" s="1" customFormat="true" hidden="true" outlineLevel="3">
      <c r="A5072" s="6" t="s">
        <v>5470</v>
      </c>
      <c r="B5072" s="6" t="e"/>
      <c r="C5072" s="6" t="s">
        <v>3428</v>
      </c>
      <c r="D5072" s="6" t="s">
        <v>11</v>
      </c>
      <c r="E5072" s="6" t="e"/>
    </row>
    <row r="5073" ht="33" customHeight="true" s="1" customFormat="true" hidden="true" outlineLevel="3">
      <c r="A5073" s="6" t="s">
        <v>5471</v>
      </c>
      <c r="B5073" s="6" t="e"/>
      <c r="C5073" s="6" t="s">
        <v>1186</v>
      </c>
      <c r="D5073" s="6" t="s">
        <v>26</v>
      </c>
      <c r="E5073" s="6" t="e"/>
    </row>
    <row r="5074" ht="33" customHeight="true" s="1" customFormat="true" hidden="true" outlineLevel="3">
      <c r="A5074" s="6" t="s">
        <v>5472</v>
      </c>
      <c r="B5074" s="6" t="e"/>
      <c r="C5074" s="6" t="s">
        <v>2768</v>
      </c>
      <c r="D5074" s="6" t="s">
        <v>40</v>
      </c>
      <c r="E5074" s="6" t="e"/>
    </row>
    <row r="5075" ht="22" customHeight="true" s="1" customFormat="true" hidden="true" outlineLevel="3">
      <c r="A5075" s="6" t="s">
        <v>5473</v>
      </c>
      <c r="B5075" s="6" t="e"/>
      <c r="C5075" s="6" t="s">
        <v>2768</v>
      </c>
      <c r="D5075" s="6" t="s">
        <v>40</v>
      </c>
      <c r="E5075" s="6" t="e"/>
    </row>
    <row r="5076" ht="22" customHeight="true" s="1" customFormat="true" hidden="true" outlineLevel="3">
      <c r="A5076" s="6" t="s">
        <v>5474</v>
      </c>
      <c r="B5076" s="6" t="e"/>
      <c r="C5076" s="6" t="s">
        <v>2768</v>
      </c>
      <c r="D5076" s="6" t="s">
        <v>11</v>
      </c>
      <c r="E5076" s="6" t="e"/>
    </row>
    <row r="5077" ht="22" customHeight="true" s="1" customFormat="true" hidden="true" outlineLevel="3">
      <c r="A5077" s="6" t="s">
        <v>5475</v>
      </c>
      <c r="B5077" s="6" t="e"/>
      <c r="C5077" s="6" t="s">
        <v>82</v>
      </c>
      <c r="D5077" s="6" t="s">
        <v>11</v>
      </c>
      <c r="E5077" s="6" t="e"/>
    </row>
    <row r="5078" ht="22" customHeight="true" s="1" customFormat="true" hidden="true" outlineLevel="3">
      <c r="A5078" s="6" t="s">
        <v>5476</v>
      </c>
      <c r="B5078" s="6" t="e"/>
      <c r="C5078" s="6" t="s">
        <v>82</v>
      </c>
      <c r="D5078" s="6" t="s">
        <v>40</v>
      </c>
      <c r="E5078" s="6" t="e"/>
    </row>
    <row r="5079" ht="22" customHeight="true" s="1" customFormat="true" hidden="true" outlineLevel="3">
      <c r="A5079" s="6" t="s">
        <v>5477</v>
      </c>
      <c r="B5079" s="6" t="e"/>
      <c r="C5079" s="6" t="s">
        <v>2768</v>
      </c>
      <c r="D5079" s="6" t="s">
        <v>26</v>
      </c>
      <c r="E5079" s="6" t="e"/>
    </row>
    <row r="5080" ht="33" customHeight="true" s="1" customFormat="true" hidden="true" outlineLevel="3">
      <c r="A5080" s="6" t="s">
        <v>5478</v>
      </c>
      <c r="B5080" s="6" t="e"/>
      <c r="C5080" s="6" t="s">
        <v>21</v>
      </c>
      <c r="D5080" s="6" t="s">
        <v>26</v>
      </c>
      <c r="E5080" s="6" t="e"/>
    </row>
    <row r="5081" ht="22" customHeight="true" s="1" customFormat="true" hidden="true" outlineLevel="3">
      <c r="A5081" s="6" t="s">
        <v>5479</v>
      </c>
      <c r="B5081" s="6" t="e"/>
      <c r="C5081" s="6" t="s">
        <v>2768</v>
      </c>
      <c r="D5081" s="6" t="s">
        <v>40</v>
      </c>
      <c r="E5081" s="6" t="e"/>
    </row>
    <row r="5082" ht="22" customHeight="true" s="1" customFormat="true" hidden="true" outlineLevel="3">
      <c r="A5082" s="6" t="s">
        <v>5480</v>
      </c>
      <c r="B5082" s="6" t="e"/>
      <c r="C5082" s="6" t="s">
        <v>1214</v>
      </c>
      <c r="D5082" s="6" t="s">
        <v>11</v>
      </c>
      <c r="E5082" s="6" t="e"/>
    </row>
    <row r="5083" ht="33" customHeight="true" s="1" customFormat="true" hidden="true" outlineLevel="3">
      <c r="A5083" s="6" t="s">
        <v>5481</v>
      </c>
      <c r="B5083" s="6" t="e"/>
      <c r="C5083" s="6" t="s">
        <v>2768</v>
      </c>
      <c r="D5083" s="6" t="s">
        <v>26</v>
      </c>
      <c r="E5083" s="6" t="e"/>
    </row>
    <row r="5084" ht="33" customHeight="true" s="1" customFormat="true" hidden="true" outlineLevel="3">
      <c r="A5084" s="6" t="s">
        <v>5482</v>
      </c>
      <c r="B5084" s="6" t="e"/>
      <c r="C5084" s="6" t="s">
        <v>21</v>
      </c>
      <c r="D5084" s="6" t="s">
        <v>11</v>
      </c>
      <c r="E5084" s="6" t="e"/>
    </row>
    <row r="5085" ht="33" customHeight="true" s="1" customFormat="true" hidden="true" outlineLevel="3">
      <c r="A5085" s="6" t="s">
        <v>5483</v>
      </c>
      <c r="B5085" s="6" t="e"/>
      <c r="C5085" s="6" t="s">
        <v>2200</v>
      </c>
      <c r="D5085" s="6" t="s">
        <v>11</v>
      </c>
      <c r="E5085" s="6" t="e"/>
    </row>
    <row r="5086" ht="22" customHeight="true" s="1" customFormat="true" hidden="true" outlineLevel="3">
      <c r="A5086" s="6" t="s">
        <v>5484</v>
      </c>
      <c r="B5086" s="6" t="e"/>
      <c r="C5086" s="6" t="s">
        <v>82</v>
      </c>
      <c r="D5086" s="6" t="s">
        <v>11</v>
      </c>
      <c r="E5086" s="6" t="e"/>
    </row>
    <row r="5087" ht="22" customHeight="true" s="1" customFormat="true" hidden="true" outlineLevel="3">
      <c r="A5087" s="6" t="s">
        <v>5485</v>
      </c>
      <c r="B5087" s="6" t="e"/>
      <c r="C5087" s="6" t="s">
        <v>2768</v>
      </c>
      <c r="D5087" s="6" t="s">
        <v>11</v>
      </c>
      <c r="E5087" s="6" t="e"/>
    </row>
    <row r="5088" ht="33" customHeight="true" s="1" customFormat="true" hidden="true" outlineLevel="3">
      <c r="A5088" s="6" t="s">
        <v>5486</v>
      </c>
      <c r="B5088" s="6" t="e"/>
      <c r="C5088" s="6" t="s">
        <v>1214</v>
      </c>
      <c r="D5088" s="6" t="s">
        <v>26</v>
      </c>
      <c r="E5088" s="6" t="e"/>
    </row>
    <row r="5089" ht="33" customHeight="true" s="1" customFormat="true" hidden="true" outlineLevel="3">
      <c r="A5089" s="6" t="s">
        <v>5487</v>
      </c>
      <c r="B5089" s="6" t="e"/>
      <c r="C5089" s="6" t="s">
        <v>1186</v>
      </c>
      <c r="D5089" s="6" t="s">
        <v>26</v>
      </c>
      <c r="E5089" s="6" t="e"/>
    </row>
    <row r="5090" ht="33" customHeight="true" s="1" customFormat="true" hidden="true" outlineLevel="3">
      <c r="A5090" s="6" t="s">
        <v>5488</v>
      </c>
      <c r="B5090" s="6" t="e"/>
      <c r="C5090" s="6" t="s">
        <v>2678</v>
      </c>
      <c r="D5090" s="6" t="s">
        <v>11</v>
      </c>
      <c r="E5090" s="6" t="e"/>
    </row>
    <row r="5091" ht="33" customHeight="true" s="1" customFormat="true" hidden="true" outlineLevel="3">
      <c r="A5091" s="6" t="s">
        <v>5489</v>
      </c>
      <c r="B5091" s="6" t="e"/>
      <c r="C5091" s="6" t="s">
        <v>2678</v>
      </c>
      <c r="D5091" s="6" t="s">
        <v>26</v>
      </c>
      <c r="E5091" s="6" t="e"/>
    </row>
    <row r="5092" ht="33" customHeight="true" s="1" customFormat="true" hidden="true" outlineLevel="3">
      <c r="A5092" s="6" t="s">
        <v>5490</v>
      </c>
      <c r="B5092" s="6" t="e"/>
      <c r="C5092" s="6" t="s">
        <v>1212</v>
      </c>
      <c r="D5092" s="6" t="s">
        <v>11</v>
      </c>
      <c r="E5092" s="6" t="e"/>
    </row>
    <row r="5093" ht="33" customHeight="true" s="1" customFormat="true" hidden="true" outlineLevel="3">
      <c r="A5093" s="6" t="s">
        <v>5491</v>
      </c>
      <c r="B5093" s="6" t="e"/>
      <c r="C5093" s="6" t="s">
        <v>2678</v>
      </c>
      <c r="D5093" s="6" t="s">
        <v>11</v>
      </c>
      <c r="E5093" s="6" t="e"/>
    </row>
    <row r="5094" ht="33" customHeight="true" s="1" customFormat="true" hidden="true" outlineLevel="3">
      <c r="A5094" s="6" t="s">
        <v>5492</v>
      </c>
      <c r="B5094" s="6" t="e"/>
      <c r="C5094" s="6" t="s">
        <v>325</v>
      </c>
      <c r="D5094" s="6" t="s">
        <v>11</v>
      </c>
      <c r="E5094" s="6" t="e"/>
    </row>
    <row r="5095" ht="33" customHeight="true" s="1" customFormat="true" hidden="true" outlineLevel="3">
      <c r="A5095" s="6" t="s">
        <v>5493</v>
      </c>
      <c r="B5095" s="6" t="e"/>
      <c r="C5095" s="6" t="s">
        <v>1212</v>
      </c>
      <c r="D5095" s="6" t="s">
        <v>26</v>
      </c>
      <c r="E5095" s="6" t="e"/>
    </row>
    <row r="5096" ht="33" customHeight="true" s="1" customFormat="true" hidden="true" outlineLevel="3">
      <c r="A5096" s="6" t="s">
        <v>5494</v>
      </c>
      <c r="B5096" s="6" t="e"/>
      <c r="C5096" s="6" t="s">
        <v>1212</v>
      </c>
      <c r="D5096" s="6" t="s">
        <v>26</v>
      </c>
      <c r="E5096" s="6" t="e"/>
    </row>
    <row r="5097" ht="22" customHeight="true" s="1" customFormat="true" hidden="true" outlineLevel="3">
      <c r="A5097" s="6" t="s">
        <v>5495</v>
      </c>
      <c r="B5097" s="6" t="e"/>
      <c r="C5097" s="6" t="s">
        <v>325</v>
      </c>
      <c r="D5097" s="6" t="s">
        <v>11</v>
      </c>
      <c r="E5097" s="6" t="e"/>
    </row>
    <row r="5098" ht="22" customHeight="true" s="1" customFormat="true" hidden="true" outlineLevel="3">
      <c r="A5098" s="6" t="s">
        <v>5496</v>
      </c>
      <c r="B5098" s="6" t="e"/>
      <c r="C5098" s="6" t="s">
        <v>325</v>
      </c>
      <c r="D5098" s="6" t="s">
        <v>11</v>
      </c>
      <c r="E5098" s="6" t="e"/>
    </row>
    <row r="5099" ht="33" customHeight="true" s="1" customFormat="true" hidden="true" outlineLevel="3">
      <c r="A5099" s="6" t="s">
        <v>5497</v>
      </c>
      <c r="B5099" s="6" t="e"/>
      <c r="C5099" s="6" t="s">
        <v>325</v>
      </c>
      <c r="D5099" s="6" t="s">
        <v>11</v>
      </c>
      <c r="E5099" s="6" t="e"/>
    </row>
    <row r="5100" ht="33" customHeight="true" s="1" customFormat="true" hidden="true" outlineLevel="3">
      <c r="A5100" s="6" t="s">
        <v>5498</v>
      </c>
      <c r="B5100" s="6" t="e"/>
      <c r="C5100" s="6" t="s">
        <v>1186</v>
      </c>
      <c r="D5100" s="6" t="s">
        <v>57</v>
      </c>
      <c r="E5100" s="6" t="e"/>
    </row>
    <row r="5101" ht="33" customHeight="true" s="1" customFormat="true" hidden="true" outlineLevel="3">
      <c r="A5101" s="6" t="s">
        <v>5499</v>
      </c>
      <c r="B5101" s="6" t="e"/>
      <c r="C5101" s="6" t="s">
        <v>2768</v>
      </c>
      <c r="D5101" s="6" t="s">
        <v>26</v>
      </c>
      <c r="E5101" s="6" t="e"/>
    </row>
    <row r="5102" ht="22" customHeight="true" s="1" customFormat="true" hidden="true" outlineLevel="3">
      <c r="A5102" s="6" t="s">
        <v>5500</v>
      </c>
      <c r="B5102" s="6" t="e"/>
      <c r="C5102" s="6" t="s">
        <v>82</v>
      </c>
      <c r="D5102" s="6" t="s">
        <v>11</v>
      </c>
      <c r="E5102" s="6" t="e"/>
    </row>
    <row r="5103" ht="33" customHeight="true" s="1" customFormat="true" hidden="true" outlineLevel="3">
      <c r="A5103" s="6" t="s">
        <v>5501</v>
      </c>
      <c r="B5103" s="6" t="e"/>
      <c r="C5103" s="6" t="s">
        <v>21</v>
      </c>
      <c r="D5103" s="6" t="s">
        <v>184</v>
      </c>
      <c r="E5103" s="6" t="e"/>
    </row>
    <row r="5104" ht="33" customHeight="true" s="1" customFormat="true" hidden="true" outlineLevel="3">
      <c r="A5104" s="6" t="s">
        <v>5502</v>
      </c>
      <c r="B5104" s="6" t="e"/>
      <c r="C5104" s="6" t="s">
        <v>2678</v>
      </c>
      <c r="D5104" s="6" t="s">
        <v>11</v>
      </c>
      <c r="E5104" s="6" t="e"/>
    </row>
    <row r="5105" ht="33" customHeight="true" s="1" customFormat="true" hidden="true" outlineLevel="3">
      <c r="A5105" s="6" t="s">
        <v>5503</v>
      </c>
      <c r="B5105" s="6" t="e"/>
      <c r="C5105" s="6" t="s">
        <v>4868</v>
      </c>
      <c r="D5105" s="6" t="s">
        <v>11</v>
      </c>
      <c r="E5105" s="6" t="e"/>
    </row>
    <row r="5106" ht="33" customHeight="true" s="1" customFormat="true" hidden="true" collapsed="true" outlineLevel="3">
      <c r="A5106" s="6" t="s">
        <v>5504</v>
      </c>
      <c r="B5106" s="6" t="e"/>
      <c r="C5106" s="6" t="s">
        <v>4868</v>
      </c>
      <c r="D5106" s="6" t="s">
        <v>11</v>
      </c>
      <c r="E5106" s="6" t="e"/>
    </row>
    <row r="5107" ht="11" customHeight="true" s="1" customFormat="true" hidden="true" collapsed="true" outlineLevel="2">
      <c r="A5107" s="5" t="s">
        <v>5505</v>
      </c>
      <c r="B5107" s="5" t="e"/>
      <c r="C5107" s="5" t="e"/>
      <c r="D5107" s="5" t="e"/>
      <c r="E5107" s="5" t="e"/>
    </row>
    <row r="5108" ht="33" customHeight="true" s="1" customFormat="true" hidden="true" outlineLevel="3">
      <c r="A5108" s="6" t="s">
        <v>5506</v>
      </c>
      <c r="B5108" s="6" t="e"/>
      <c r="C5108" s="6" t="s">
        <v>2768</v>
      </c>
      <c r="D5108" s="6" t="s">
        <v>11</v>
      </c>
      <c r="E5108" s="6" t="e"/>
    </row>
    <row r="5109" ht="33" customHeight="true" s="1" customFormat="true" hidden="true" outlineLevel="3">
      <c r="A5109" s="6" t="s">
        <v>5507</v>
      </c>
      <c r="B5109" s="6" t="e"/>
      <c r="C5109" s="6" t="s">
        <v>2200</v>
      </c>
      <c r="D5109" s="6" t="s">
        <v>26</v>
      </c>
      <c r="E5109" s="6" t="e"/>
    </row>
    <row r="5110" ht="33" customHeight="true" s="1" customFormat="true" hidden="true" outlineLevel="3">
      <c r="A5110" s="6" t="s">
        <v>5508</v>
      </c>
      <c r="B5110" s="6" t="e"/>
      <c r="C5110" s="6" t="s">
        <v>83</v>
      </c>
      <c r="D5110" s="6" t="s">
        <v>26</v>
      </c>
      <c r="E5110" s="6" t="e"/>
    </row>
    <row r="5111" ht="33" customHeight="true" s="1" customFormat="true" hidden="true" outlineLevel="3">
      <c r="A5111" s="6" t="s">
        <v>5509</v>
      </c>
      <c r="B5111" s="6" t="e"/>
      <c r="C5111" s="6" t="s">
        <v>82</v>
      </c>
      <c r="D5111" s="6" t="s">
        <v>11</v>
      </c>
      <c r="E5111" s="6" t="e"/>
    </row>
    <row r="5112" ht="33" customHeight="true" s="1" customFormat="true" hidden="true" collapsed="true" outlineLevel="3">
      <c r="A5112" s="6" t="s">
        <v>5510</v>
      </c>
      <c r="B5112" s="6" t="e"/>
      <c r="C5112" s="6" t="s">
        <v>369</v>
      </c>
      <c r="D5112" s="6" t="s">
        <v>26</v>
      </c>
      <c r="E5112" s="6" t="e"/>
    </row>
    <row r="5113" ht="11" customHeight="true" s="1" customFormat="true" hidden="true" collapsed="true" outlineLevel="2">
      <c r="A5113" s="5" t="s">
        <v>5511</v>
      </c>
      <c r="B5113" s="5" t="e"/>
      <c r="C5113" s="5" t="e"/>
      <c r="D5113" s="5" t="e"/>
      <c r="E5113" s="5" t="e"/>
    </row>
    <row r="5114" ht="22" customHeight="true" s="1" customFormat="true" hidden="true" outlineLevel="3">
      <c r="A5114" s="6" t="s">
        <v>5512</v>
      </c>
      <c r="B5114" s="6" t="e"/>
      <c r="C5114" s="6" t="s">
        <v>3428</v>
      </c>
      <c r="D5114" s="6" t="s">
        <v>11</v>
      </c>
      <c r="E5114" s="6" t="e"/>
    </row>
    <row r="5115" ht="33" customHeight="true" s="1" customFormat="true" hidden="true" outlineLevel="3">
      <c r="A5115" s="6" t="s">
        <v>5513</v>
      </c>
      <c r="B5115" s="6" t="e"/>
      <c r="C5115" s="6" t="s">
        <v>82</v>
      </c>
      <c r="D5115" s="6" t="s">
        <v>11</v>
      </c>
      <c r="E5115" s="6" t="e"/>
    </row>
    <row r="5116" ht="22" customHeight="true" s="1" customFormat="true" hidden="true" outlineLevel="3">
      <c r="A5116" s="6" t="s">
        <v>5514</v>
      </c>
      <c r="B5116" s="6" t="e"/>
      <c r="C5116" s="6" t="s">
        <v>369</v>
      </c>
      <c r="D5116" s="6" t="s">
        <v>11</v>
      </c>
      <c r="E5116" s="6" t="e"/>
    </row>
    <row r="5117" ht="22" customHeight="true" s="1" customFormat="true" hidden="true" outlineLevel="3">
      <c r="A5117" s="6" t="s">
        <v>5515</v>
      </c>
      <c r="B5117" s="6" t="e"/>
      <c r="C5117" s="6" t="s">
        <v>18</v>
      </c>
      <c r="D5117" s="6" t="s">
        <v>11</v>
      </c>
      <c r="E5117" s="6" t="e"/>
    </row>
    <row r="5118" ht="22" customHeight="true" s="1" customFormat="true" hidden="true" outlineLevel="3">
      <c r="A5118" s="6" t="s">
        <v>5516</v>
      </c>
      <c r="B5118" s="6" t="e"/>
      <c r="C5118" s="6" t="s">
        <v>18</v>
      </c>
      <c r="D5118" s="6" t="s">
        <v>11</v>
      </c>
      <c r="E5118" s="6" t="e"/>
    </row>
    <row r="5119" ht="33" customHeight="true" s="1" customFormat="true" hidden="true" outlineLevel="3">
      <c r="A5119" s="6" t="s">
        <v>5517</v>
      </c>
      <c r="B5119" s="6" t="e"/>
      <c r="C5119" s="6" t="s">
        <v>1212</v>
      </c>
      <c r="D5119" s="6" t="s">
        <v>11</v>
      </c>
      <c r="E5119" s="6" t="e"/>
    </row>
    <row r="5120" ht="22" customHeight="true" s="1" customFormat="true" hidden="true" outlineLevel="3">
      <c r="A5120" s="6" t="s">
        <v>5518</v>
      </c>
      <c r="B5120" s="6" t="e"/>
      <c r="C5120" s="6" t="s">
        <v>3428</v>
      </c>
      <c r="D5120" s="6" t="s">
        <v>11</v>
      </c>
      <c r="E5120" s="6" t="e"/>
    </row>
    <row r="5121" ht="22" customHeight="true" s="1" customFormat="true" hidden="true" outlineLevel="3">
      <c r="A5121" s="6" t="s">
        <v>5519</v>
      </c>
      <c r="B5121" s="6" t="e"/>
      <c r="C5121" s="6" t="s">
        <v>253</v>
      </c>
      <c r="D5121" s="6" t="s">
        <v>11</v>
      </c>
      <c r="E5121" s="6" t="e"/>
    </row>
    <row r="5122" ht="22" customHeight="true" s="1" customFormat="true" hidden="true" outlineLevel="3">
      <c r="A5122" s="6" t="s">
        <v>5520</v>
      </c>
      <c r="B5122" s="6" t="e"/>
      <c r="C5122" s="6" t="s">
        <v>21</v>
      </c>
      <c r="D5122" s="6" t="s">
        <v>40</v>
      </c>
      <c r="E5122" s="6" t="e"/>
    </row>
    <row r="5123" ht="22" customHeight="true" s="1" customFormat="true" hidden="true" outlineLevel="3">
      <c r="A5123" s="6" t="s">
        <v>5521</v>
      </c>
      <c r="B5123" s="6" t="e"/>
      <c r="C5123" s="6" t="s">
        <v>369</v>
      </c>
      <c r="D5123" s="6" t="s">
        <v>11</v>
      </c>
      <c r="E5123" s="6" t="e"/>
    </row>
    <row r="5124" ht="22" customHeight="true" s="1" customFormat="true" hidden="true" outlineLevel="3">
      <c r="A5124" s="6" t="s">
        <v>5522</v>
      </c>
      <c r="B5124" s="6" t="e"/>
      <c r="C5124" s="6" t="s">
        <v>82</v>
      </c>
      <c r="D5124" s="6" t="s">
        <v>11</v>
      </c>
      <c r="E5124" s="6" t="e"/>
    </row>
    <row r="5125" ht="22" customHeight="true" s="1" customFormat="true" hidden="true" outlineLevel="3">
      <c r="A5125" s="6" t="s">
        <v>5523</v>
      </c>
      <c r="B5125" s="6" t="e"/>
      <c r="C5125" s="6" t="s">
        <v>253</v>
      </c>
      <c r="D5125" s="6" t="s">
        <v>11</v>
      </c>
      <c r="E5125" s="6" t="e"/>
    </row>
    <row r="5126" ht="22" customHeight="true" s="1" customFormat="true" hidden="true" outlineLevel="3">
      <c r="A5126" s="6" t="s">
        <v>5524</v>
      </c>
      <c r="B5126" s="6" t="e"/>
      <c r="C5126" s="6" t="s">
        <v>253</v>
      </c>
      <c r="D5126" s="6" t="s">
        <v>26</v>
      </c>
      <c r="E5126" s="6" t="e"/>
    </row>
    <row r="5127" ht="33" customHeight="true" s="1" customFormat="true" hidden="true" outlineLevel="3">
      <c r="A5127" s="6" t="s">
        <v>5525</v>
      </c>
      <c r="B5127" s="6" t="e"/>
      <c r="C5127" s="6" t="s">
        <v>1214</v>
      </c>
      <c r="D5127" s="6" t="s">
        <v>11</v>
      </c>
      <c r="E5127" s="6" t="e"/>
    </row>
    <row r="5128" ht="33" customHeight="true" s="1" customFormat="true" hidden="true" outlineLevel="3">
      <c r="A5128" s="6" t="s">
        <v>5526</v>
      </c>
      <c r="B5128" s="6" t="e"/>
      <c r="C5128" s="6" t="s">
        <v>83</v>
      </c>
      <c r="D5128" s="6" t="s">
        <v>11</v>
      </c>
      <c r="E5128" s="6" t="e"/>
    </row>
    <row r="5129" ht="22" customHeight="true" s="1" customFormat="true" hidden="true" outlineLevel="3">
      <c r="A5129" s="6" t="s">
        <v>5527</v>
      </c>
      <c r="B5129" s="6" t="e"/>
      <c r="C5129" s="6" t="s">
        <v>82</v>
      </c>
      <c r="D5129" s="6" t="s">
        <v>40</v>
      </c>
      <c r="E5129" s="6" t="e"/>
    </row>
    <row r="5130" ht="33" customHeight="true" s="1" customFormat="true" hidden="true" outlineLevel="3">
      <c r="A5130" s="6" t="s">
        <v>5528</v>
      </c>
      <c r="B5130" s="6" t="e"/>
      <c r="C5130" s="6" t="s">
        <v>126</v>
      </c>
      <c r="D5130" s="6" t="s">
        <v>11</v>
      </c>
      <c r="E5130" s="6" t="e"/>
    </row>
    <row r="5131" ht="56" customHeight="true" s="1" customFormat="true" hidden="true" outlineLevel="3">
      <c r="A5131" s="6" t="s">
        <v>5529</v>
      </c>
      <c r="B5131" s="6" t="e"/>
      <c r="C5131" s="6" t="s">
        <v>219</v>
      </c>
      <c r="D5131" s="6" t="s">
        <v>11</v>
      </c>
      <c r="E5131" s="6" t="e"/>
    </row>
    <row r="5132" ht="22" customHeight="true" s="1" customFormat="true" hidden="true" outlineLevel="3">
      <c r="A5132" s="6" t="s">
        <v>5530</v>
      </c>
      <c r="B5132" s="6" t="e"/>
      <c r="C5132" s="6" t="s">
        <v>126</v>
      </c>
      <c r="D5132" s="6" t="s">
        <v>11</v>
      </c>
      <c r="E5132" s="6" t="e"/>
    </row>
    <row r="5133" ht="22" customHeight="true" s="1" customFormat="true" hidden="true" outlineLevel="3">
      <c r="A5133" s="6" t="s">
        <v>5531</v>
      </c>
      <c r="B5133" s="6" t="e"/>
      <c r="C5133" s="6" t="s">
        <v>126</v>
      </c>
      <c r="D5133" s="6" t="s">
        <v>11</v>
      </c>
      <c r="E5133" s="6" t="e"/>
    </row>
    <row r="5134" ht="22" customHeight="true" s="1" customFormat="true" hidden="true" outlineLevel="3">
      <c r="A5134" s="6" t="s">
        <v>5532</v>
      </c>
      <c r="B5134" s="6" t="e"/>
      <c r="C5134" s="6" t="s">
        <v>155</v>
      </c>
      <c r="D5134" s="6" t="s">
        <v>11</v>
      </c>
      <c r="E5134" s="6" t="e"/>
    </row>
    <row r="5135" ht="22" customHeight="true" s="1" customFormat="true" hidden="true" outlineLevel="3">
      <c r="A5135" s="6" t="s">
        <v>5533</v>
      </c>
      <c r="B5135" s="6" t="e"/>
      <c r="C5135" s="6" t="s">
        <v>2768</v>
      </c>
      <c r="D5135" s="6" t="s">
        <v>11</v>
      </c>
      <c r="E5135" s="6" t="e"/>
    </row>
    <row r="5136" ht="22" customHeight="true" s="1" customFormat="true" hidden="true" outlineLevel="3">
      <c r="A5136" s="6" t="s">
        <v>5534</v>
      </c>
      <c r="B5136" s="6" t="e"/>
      <c r="C5136" s="6" t="s">
        <v>369</v>
      </c>
      <c r="D5136" s="6" t="s">
        <v>11</v>
      </c>
      <c r="E5136" s="6" t="e"/>
    </row>
    <row r="5137" ht="33" customHeight="true" s="1" customFormat="true" hidden="true" outlineLevel="3">
      <c r="A5137" s="6" t="s">
        <v>5535</v>
      </c>
      <c r="B5137" s="6" t="e"/>
      <c r="C5137" s="6" t="s">
        <v>1214</v>
      </c>
      <c r="D5137" s="6" t="s">
        <v>11</v>
      </c>
      <c r="E5137" s="6" t="e"/>
    </row>
    <row r="5138" ht="33" customHeight="true" s="1" customFormat="true" hidden="true" outlineLevel="3">
      <c r="A5138" s="6" t="s">
        <v>5536</v>
      </c>
      <c r="B5138" s="6" t="e"/>
      <c r="C5138" s="6" t="s">
        <v>325</v>
      </c>
      <c r="D5138" s="6" t="s">
        <v>11</v>
      </c>
      <c r="E5138" s="6" t="e"/>
    </row>
    <row r="5139" ht="33" customHeight="true" s="1" customFormat="true" hidden="true" outlineLevel="3">
      <c r="A5139" s="6" t="s">
        <v>5537</v>
      </c>
      <c r="B5139" s="6" t="e"/>
      <c r="C5139" s="6" t="s">
        <v>2200</v>
      </c>
      <c r="D5139" s="6" t="s">
        <v>11</v>
      </c>
      <c r="E5139" s="6" t="e"/>
    </row>
    <row r="5140" ht="33" customHeight="true" s="1" customFormat="true" hidden="true" outlineLevel="3">
      <c r="A5140" s="6" t="s">
        <v>5538</v>
      </c>
      <c r="B5140" s="6" t="e"/>
      <c r="C5140" s="6" t="s">
        <v>126</v>
      </c>
      <c r="D5140" s="6" t="s">
        <v>11</v>
      </c>
      <c r="E5140" s="6" t="e"/>
    </row>
    <row r="5141" ht="22" customHeight="true" s="1" customFormat="true" hidden="true" outlineLevel="3">
      <c r="A5141" s="6" t="s">
        <v>5539</v>
      </c>
      <c r="B5141" s="6" t="e"/>
      <c r="C5141" s="6" t="s">
        <v>253</v>
      </c>
      <c r="D5141" s="6" t="s">
        <v>11</v>
      </c>
      <c r="E5141" s="6" t="e"/>
    </row>
    <row r="5142" ht="22" customHeight="true" s="1" customFormat="true" hidden="true" outlineLevel="3">
      <c r="A5142" s="6" t="s">
        <v>5540</v>
      </c>
      <c r="B5142" s="6" t="e"/>
      <c r="C5142" s="6" t="s">
        <v>55</v>
      </c>
      <c r="D5142" s="6" t="s">
        <v>11</v>
      </c>
      <c r="E5142" s="6" t="e"/>
    </row>
    <row r="5143" ht="33" customHeight="true" s="1" customFormat="true" hidden="true" outlineLevel="3">
      <c r="A5143" s="6" t="s">
        <v>5541</v>
      </c>
      <c r="B5143" s="6" t="e"/>
      <c r="C5143" s="6" t="s">
        <v>18</v>
      </c>
      <c r="D5143" s="6" t="s">
        <v>11</v>
      </c>
      <c r="E5143" s="6" t="e"/>
    </row>
    <row r="5144" ht="33" customHeight="true" s="1" customFormat="true" hidden="true" outlineLevel="3">
      <c r="A5144" s="6" t="s">
        <v>5542</v>
      </c>
      <c r="B5144" s="6" t="e"/>
      <c r="C5144" s="6" t="s">
        <v>253</v>
      </c>
      <c r="D5144" s="6" t="s">
        <v>11</v>
      </c>
      <c r="E5144" s="6" t="e"/>
    </row>
    <row r="5145" ht="22" customHeight="true" s="1" customFormat="true" hidden="true" outlineLevel="3">
      <c r="A5145" s="6" t="s">
        <v>5543</v>
      </c>
      <c r="B5145" s="6" t="e"/>
      <c r="C5145" s="6" t="s">
        <v>82</v>
      </c>
      <c r="D5145" s="6" t="s">
        <v>11</v>
      </c>
      <c r="E5145" s="6" t="e"/>
    </row>
    <row r="5146" ht="33" customHeight="true" s="1" customFormat="true" hidden="true" outlineLevel="3">
      <c r="A5146" s="6" t="s">
        <v>5544</v>
      </c>
      <c r="B5146" s="6" t="e"/>
      <c r="C5146" s="6" t="s">
        <v>18</v>
      </c>
      <c r="D5146" s="6" t="s">
        <v>26</v>
      </c>
      <c r="E5146" s="6" t="e"/>
    </row>
    <row r="5147" ht="33" customHeight="true" s="1" customFormat="true" hidden="true" outlineLevel="3">
      <c r="A5147" s="6" t="s">
        <v>5545</v>
      </c>
      <c r="B5147" s="6" t="e"/>
      <c r="C5147" s="6" t="s">
        <v>2200</v>
      </c>
      <c r="D5147" s="6" t="s">
        <v>11</v>
      </c>
      <c r="E5147" s="6" t="e"/>
    </row>
    <row r="5148" ht="22" customHeight="true" s="1" customFormat="true" hidden="true" outlineLevel="3">
      <c r="A5148" s="6" t="s">
        <v>5546</v>
      </c>
      <c r="B5148" s="6" t="e"/>
      <c r="C5148" s="6" t="s">
        <v>2678</v>
      </c>
      <c r="D5148" s="6" t="s">
        <v>11</v>
      </c>
      <c r="E5148" s="6" t="e"/>
    </row>
    <row r="5149" ht="33" customHeight="true" s="1" customFormat="true" hidden="true" outlineLevel="3">
      <c r="A5149" s="6" t="s">
        <v>5547</v>
      </c>
      <c r="B5149" s="6" t="e"/>
      <c r="C5149" s="6" t="s">
        <v>1212</v>
      </c>
      <c r="D5149" s="6" t="s">
        <v>11</v>
      </c>
      <c r="E5149" s="6" t="e"/>
    </row>
    <row r="5150" ht="33" customHeight="true" s="1" customFormat="true" hidden="true" outlineLevel="3">
      <c r="A5150" s="6" t="s">
        <v>5548</v>
      </c>
      <c r="B5150" s="6" t="e"/>
      <c r="C5150" s="6" t="s">
        <v>21</v>
      </c>
      <c r="D5150" s="6" t="s">
        <v>11</v>
      </c>
      <c r="E5150" s="6" t="e"/>
    </row>
    <row r="5151" ht="33" customHeight="true" s="1" customFormat="true" hidden="true" outlineLevel="3">
      <c r="A5151" s="6" t="s">
        <v>5549</v>
      </c>
      <c r="B5151" s="6" t="e"/>
      <c r="C5151" s="6" t="s">
        <v>21</v>
      </c>
      <c r="D5151" s="6" t="s">
        <v>26</v>
      </c>
      <c r="E5151" s="6" t="e"/>
    </row>
    <row r="5152" ht="44" customHeight="true" s="1" customFormat="true" hidden="true" collapsed="true" outlineLevel="3">
      <c r="A5152" s="6" t="s">
        <v>5550</v>
      </c>
      <c r="B5152" s="6" t="e"/>
      <c r="C5152" s="6" t="s">
        <v>253</v>
      </c>
      <c r="D5152" s="6" t="s">
        <v>26</v>
      </c>
      <c r="E5152" s="6" t="e"/>
    </row>
    <row r="5153" ht="11" customHeight="true" s="1" customFormat="true" hidden="true" collapsed="true" outlineLevel="2">
      <c r="A5153" s="5" t="s">
        <v>5551</v>
      </c>
      <c r="B5153" s="5" t="e"/>
      <c r="C5153" s="5" t="e"/>
      <c r="D5153" s="5" t="e"/>
      <c r="E5153" s="5" t="e"/>
    </row>
    <row r="5154" ht="33" customHeight="true" s="1" customFormat="true" hidden="true" outlineLevel="3">
      <c r="A5154" s="6" t="s">
        <v>5552</v>
      </c>
      <c r="B5154" s="6" t="e"/>
      <c r="C5154" s="6" t="s">
        <v>2768</v>
      </c>
      <c r="D5154" s="6" t="s">
        <v>11</v>
      </c>
      <c r="E5154" s="6" t="e"/>
    </row>
    <row r="5155" ht="33" customHeight="true" s="1" customFormat="true" hidden="true" outlineLevel="3">
      <c r="A5155" s="6" t="s">
        <v>5553</v>
      </c>
      <c r="B5155" s="6" t="e"/>
      <c r="C5155" s="6" t="s">
        <v>253</v>
      </c>
      <c r="D5155" s="6" t="s">
        <v>11</v>
      </c>
      <c r="E5155" s="6" t="e"/>
    </row>
    <row r="5156" ht="33" customHeight="true" s="1" customFormat="true" hidden="true" outlineLevel="3">
      <c r="A5156" s="6" t="s">
        <v>5554</v>
      </c>
      <c r="B5156" s="6" t="e"/>
      <c r="C5156" s="6" t="s">
        <v>371</v>
      </c>
      <c r="D5156" s="6" t="s">
        <v>26</v>
      </c>
      <c r="E5156" s="6" t="e"/>
    </row>
    <row r="5157" ht="33" customHeight="true" s="1" customFormat="true" hidden="true" outlineLevel="3">
      <c r="A5157" s="6" t="s">
        <v>5555</v>
      </c>
      <c r="B5157" s="6" t="e"/>
      <c r="C5157" s="6" t="s">
        <v>2768</v>
      </c>
      <c r="D5157" s="6" t="s">
        <v>11</v>
      </c>
      <c r="E5157" s="6" t="e"/>
    </row>
    <row r="5158" ht="33" customHeight="true" s="1" customFormat="true" hidden="true" outlineLevel="3">
      <c r="A5158" s="6" t="s">
        <v>5556</v>
      </c>
      <c r="B5158" s="6" t="e"/>
      <c r="C5158" s="6" t="s">
        <v>369</v>
      </c>
      <c r="D5158" s="6" t="s">
        <v>11</v>
      </c>
      <c r="E5158" s="6" t="e"/>
    </row>
    <row r="5159" ht="22" customHeight="true" s="1" customFormat="true" hidden="true" outlineLevel="3">
      <c r="A5159" s="6" t="s">
        <v>5557</v>
      </c>
      <c r="B5159" s="6" t="e"/>
      <c r="C5159" s="6" t="s">
        <v>18</v>
      </c>
      <c r="D5159" s="6" t="s">
        <v>26</v>
      </c>
      <c r="E5159" s="6" t="e"/>
    </row>
    <row r="5160" ht="22" customHeight="true" s="1" customFormat="true" hidden="true" outlineLevel="3">
      <c r="A5160" s="6" t="s">
        <v>5558</v>
      </c>
      <c r="B5160" s="6" t="e"/>
      <c r="C5160" s="6" t="s">
        <v>1214</v>
      </c>
      <c r="D5160" s="6" t="s">
        <v>11</v>
      </c>
      <c r="E5160" s="6" t="e"/>
    </row>
    <row r="5161" ht="33" customHeight="true" s="1" customFormat="true" hidden="true" outlineLevel="3">
      <c r="A5161" s="6" t="s">
        <v>5559</v>
      </c>
      <c r="B5161" s="6" t="e"/>
      <c r="C5161" s="6" t="s">
        <v>5560</v>
      </c>
      <c r="D5161" s="6" t="s">
        <v>26</v>
      </c>
      <c r="E5161" s="6" t="e"/>
    </row>
    <row r="5162" ht="33" customHeight="true" s="1" customFormat="true" hidden="true" outlineLevel="3">
      <c r="A5162" s="6" t="s">
        <v>5561</v>
      </c>
      <c r="B5162" s="6" t="e"/>
      <c r="C5162" s="6" t="s">
        <v>5562</v>
      </c>
      <c r="D5162" s="6" t="s">
        <v>11</v>
      </c>
      <c r="E5162" s="6" t="e"/>
    </row>
    <row r="5163" ht="22" customHeight="true" s="1" customFormat="true" hidden="true" outlineLevel="3">
      <c r="A5163" s="6" t="s">
        <v>5563</v>
      </c>
      <c r="B5163" s="6" t="e"/>
      <c r="C5163" s="6" t="s">
        <v>302</v>
      </c>
      <c r="D5163" s="6" t="s">
        <v>11</v>
      </c>
      <c r="E5163" s="6" t="e"/>
    </row>
    <row r="5164" ht="33" customHeight="true" s="1" customFormat="true" hidden="true" outlineLevel="3">
      <c r="A5164" s="6" t="s">
        <v>5564</v>
      </c>
      <c r="B5164" s="6" t="e"/>
      <c r="C5164" s="6" t="s">
        <v>289</v>
      </c>
      <c r="D5164" s="6" t="s">
        <v>26</v>
      </c>
      <c r="E5164" s="6" t="e"/>
    </row>
    <row r="5165" ht="33" customHeight="true" s="1" customFormat="true" hidden="true" outlineLevel="3">
      <c r="A5165" s="6" t="s">
        <v>5565</v>
      </c>
      <c r="B5165" s="6" t="e"/>
      <c r="C5165" s="6" t="s">
        <v>87</v>
      </c>
      <c r="D5165" s="6" t="s">
        <v>11</v>
      </c>
      <c r="E5165" s="6" t="e"/>
    </row>
    <row r="5166" ht="33" customHeight="true" s="1" customFormat="true" hidden="true" outlineLevel="3">
      <c r="A5166" s="6" t="s">
        <v>5566</v>
      </c>
      <c r="B5166" s="6" t="e"/>
      <c r="C5166" s="6" t="s">
        <v>55</v>
      </c>
      <c r="D5166" s="6" t="s">
        <v>11</v>
      </c>
      <c r="E5166" s="6" t="e"/>
    </row>
    <row r="5167" ht="22" customHeight="true" s="1" customFormat="true" hidden="true" outlineLevel="3">
      <c r="A5167" s="6" t="s">
        <v>5567</v>
      </c>
      <c r="B5167" s="6" t="e"/>
      <c r="C5167" s="6" t="s">
        <v>253</v>
      </c>
      <c r="D5167" s="6" t="s">
        <v>11</v>
      </c>
      <c r="E5167" s="6" t="e"/>
    </row>
    <row r="5168" ht="33" customHeight="true" s="1" customFormat="true" hidden="true" outlineLevel="3">
      <c r="A5168" s="6" t="s">
        <v>5568</v>
      </c>
      <c r="B5168" s="6" t="e"/>
      <c r="C5168" s="6" t="s">
        <v>82</v>
      </c>
      <c r="D5168" s="6" t="s">
        <v>26</v>
      </c>
      <c r="E5168" s="6" t="e"/>
    </row>
    <row r="5169" ht="33" customHeight="true" s="1" customFormat="true" hidden="true" outlineLevel="3">
      <c r="A5169" s="6" t="s">
        <v>5569</v>
      </c>
      <c r="B5169" s="6" t="e"/>
      <c r="C5169" s="6" t="s">
        <v>1214</v>
      </c>
      <c r="D5169" s="6" t="s">
        <v>11</v>
      </c>
      <c r="E5169" s="6" t="e"/>
    </row>
    <row r="5170" ht="22" customHeight="true" s="1" customFormat="true" hidden="true" outlineLevel="3">
      <c r="A5170" s="6" t="s">
        <v>5570</v>
      </c>
      <c r="B5170" s="6" t="e"/>
      <c r="C5170" s="6" t="s">
        <v>1214</v>
      </c>
      <c r="D5170" s="6" t="s">
        <v>26</v>
      </c>
      <c r="E5170" s="6" t="e"/>
    </row>
    <row r="5171" ht="33" customHeight="true" s="1" customFormat="true" hidden="true" outlineLevel="3">
      <c r="A5171" s="6" t="s">
        <v>5571</v>
      </c>
      <c r="B5171" s="6" t="e"/>
      <c r="C5171" s="6" t="s">
        <v>3428</v>
      </c>
      <c r="D5171" s="6" t="s">
        <v>11</v>
      </c>
      <c r="E5171" s="6" t="e"/>
    </row>
    <row r="5172" ht="33" customHeight="true" s="1" customFormat="true" hidden="true" outlineLevel="3">
      <c r="A5172" s="6" t="s">
        <v>5572</v>
      </c>
      <c r="B5172" s="6" t="e"/>
      <c r="C5172" s="6" t="s">
        <v>1214</v>
      </c>
      <c r="D5172" s="6" t="s">
        <v>11</v>
      </c>
      <c r="E5172" s="6" t="e"/>
    </row>
    <row r="5173" ht="33" customHeight="true" s="1" customFormat="true" hidden="true" outlineLevel="3">
      <c r="A5173" s="6" t="s">
        <v>5573</v>
      </c>
      <c r="B5173" s="6" t="e"/>
      <c r="C5173" s="6" t="s">
        <v>82</v>
      </c>
      <c r="D5173" s="6" t="s">
        <v>11</v>
      </c>
      <c r="E5173" s="6" t="e"/>
    </row>
    <row r="5174" ht="33" customHeight="true" s="1" customFormat="true" hidden="true" outlineLevel="3">
      <c r="A5174" s="6" t="s">
        <v>5574</v>
      </c>
      <c r="B5174" s="6" t="e"/>
      <c r="C5174" s="6" t="s">
        <v>1214</v>
      </c>
      <c r="D5174" s="6" t="s">
        <v>11</v>
      </c>
      <c r="E5174" s="6" t="e"/>
    </row>
    <row r="5175" ht="22" customHeight="true" s="1" customFormat="true" hidden="true" outlineLevel="3">
      <c r="A5175" s="6" t="s">
        <v>5575</v>
      </c>
      <c r="B5175" s="6" t="e"/>
      <c r="C5175" s="6" t="s">
        <v>55</v>
      </c>
      <c r="D5175" s="6" t="s">
        <v>11</v>
      </c>
      <c r="E5175" s="6" t="e"/>
    </row>
    <row r="5176" ht="44" customHeight="true" s="1" customFormat="true" hidden="true" outlineLevel="3">
      <c r="A5176" s="6" t="s">
        <v>5576</v>
      </c>
      <c r="B5176" s="6" t="e"/>
      <c r="C5176" s="6" t="s">
        <v>61</v>
      </c>
      <c r="D5176" s="6" t="s">
        <v>11</v>
      </c>
      <c r="E5176" s="6" t="e"/>
    </row>
    <row r="5177" ht="44" customHeight="true" s="1" customFormat="true" hidden="true" outlineLevel="3">
      <c r="A5177" s="6" t="s">
        <v>5577</v>
      </c>
      <c r="B5177" s="6" t="e"/>
      <c r="C5177" s="6" t="s">
        <v>61</v>
      </c>
      <c r="D5177" s="6" t="s">
        <v>11</v>
      </c>
      <c r="E5177" s="6" t="e"/>
    </row>
    <row r="5178" ht="44" customHeight="true" s="1" customFormat="true" hidden="true" outlineLevel="3">
      <c r="A5178" s="6" t="s">
        <v>5578</v>
      </c>
      <c r="B5178" s="6" t="e"/>
      <c r="C5178" s="6" t="s">
        <v>55</v>
      </c>
      <c r="D5178" s="6" t="s">
        <v>11</v>
      </c>
      <c r="E5178" s="6" t="e"/>
    </row>
    <row r="5179" ht="33" customHeight="true" s="1" customFormat="true" hidden="true" collapsed="true" outlineLevel="3">
      <c r="A5179" s="6" t="s">
        <v>5579</v>
      </c>
      <c r="B5179" s="6" t="e"/>
      <c r="C5179" s="6" t="s">
        <v>369</v>
      </c>
      <c r="D5179" s="6" t="s">
        <v>11</v>
      </c>
      <c r="E5179" s="6" t="e"/>
    </row>
    <row r="5180" ht="11" customHeight="true" s="1" customFormat="true" hidden="true" collapsed="true" outlineLevel="2">
      <c r="A5180" s="5" t="s">
        <v>5580</v>
      </c>
      <c r="B5180" s="5" t="e"/>
      <c r="C5180" s="5" t="e"/>
      <c r="D5180" s="5" t="e"/>
      <c r="E5180" s="5" t="e"/>
    </row>
    <row r="5181" ht="33" customHeight="true" s="1" customFormat="true" hidden="true" outlineLevel="3">
      <c r="A5181" s="6" t="s">
        <v>5581</v>
      </c>
      <c r="B5181" s="6" t="e"/>
      <c r="C5181" s="6" t="s">
        <v>55</v>
      </c>
      <c r="D5181" s="6" t="s">
        <v>26</v>
      </c>
      <c r="E5181" s="6" t="e"/>
    </row>
    <row r="5182" ht="33" customHeight="true" s="1" customFormat="true" hidden="true" outlineLevel="3">
      <c r="A5182" s="6" t="s">
        <v>5582</v>
      </c>
      <c r="B5182" s="6" t="e"/>
      <c r="C5182" s="6" t="s">
        <v>5583</v>
      </c>
      <c r="D5182" s="6" t="s">
        <v>11</v>
      </c>
      <c r="E5182" s="6" t="e"/>
    </row>
    <row r="5183" ht="33" customHeight="true" s="1" customFormat="true" hidden="true" outlineLevel="3">
      <c r="A5183" s="6" t="s">
        <v>5584</v>
      </c>
      <c r="B5183" s="6" t="e"/>
      <c r="C5183" s="6" t="s">
        <v>1212</v>
      </c>
      <c r="D5183" s="6" t="s">
        <v>11</v>
      </c>
      <c r="E5183" s="6" t="e"/>
    </row>
    <row r="5184" ht="22" customHeight="true" s="1" customFormat="true" hidden="true" outlineLevel="3">
      <c r="A5184" s="6" t="s">
        <v>5585</v>
      </c>
      <c r="B5184" s="6" t="e"/>
      <c r="C5184" s="6" t="s">
        <v>371</v>
      </c>
      <c r="D5184" s="6" t="s">
        <v>11</v>
      </c>
      <c r="E5184" s="6" t="e"/>
    </row>
    <row r="5185" ht="33" customHeight="true" s="1" customFormat="true" hidden="true" outlineLevel="3">
      <c r="A5185" s="6" t="s">
        <v>5586</v>
      </c>
      <c r="B5185" s="6" t="e"/>
      <c r="C5185" s="6" t="s">
        <v>83</v>
      </c>
      <c r="D5185" s="6" t="s">
        <v>11</v>
      </c>
      <c r="E5185" s="6" t="e"/>
    </row>
    <row r="5186" ht="22" customHeight="true" s="1" customFormat="true" hidden="true" outlineLevel="3">
      <c r="A5186" s="6" t="s">
        <v>5587</v>
      </c>
      <c r="B5186" s="6" t="e"/>
      <c r="C5186" s="6" t="s">
        <v>289</v>
      </c>
      <c r="D5186" s="6" t="s">
        <v>11</v>
      </c>
      <c r="E5186" s="6" t="e"/>
    </row>
    <row r="5187" ht="22" customHeight="true" s="1" customFormat="true" hidden="true" outlineLevel="3">
      <c r="A5187" s="6" t="s">
        <v>5588</v>
      </c>
      <c r="B5187" s="6" t="e"/>
      <c r="C5187" s="6" t="s">
        <v>371</v>
      </c>
      <c r="D5187" s="6" t="s">
        <v>11</v>
      </c>
      <c r="E5187" s="6" t="e"/>
    </row>
    <row r="5188" ht="22" customHeight="true" s="1" customFormat="true" hidden="true" outlineLevel="3">
      <c r="A5188" s="6" t="s">
        <v>5589</v>
      </c>
      <c r="B5188" s="6" t="e"/>
      <c r="C5188" s="6" t="s">
        <v>253</v>
      </c>
      <c r="D5188" s="6" t="s">
        <v>11</v>
      </c>
      <c r="E5188" s="6" t="e"/>
    </row>
    <row r="5189" ht="22" customHeight="true" s="1" customFormat="true" hidden="true" outlineLevel="3">
      <c r="A5189" s="6" t="s">
        <v>5590</v>
      </c>
      <c r="B5189" s="6" t="e"/>
      <c r="C5189" s="6" t="s">
        <v>18</v>
      </c>
      <c r="D5189" s="6" t="s">
        <v>26</v>
      </c>
      <c r="E5189" s="6" t="e"/>
    </row>
    <row r="5190" ht="33" customHeight="true" s="1" customFormat="true" hidden="true" outlineLevel="3">
      <c r="A5190" s="6" t="s">
        <v>5591</v>
      </c>
      <c r="B5190" s="6" t="e"/>
      <c r="C5190" s="6" t="s">
        <v>82</v>
      </c>
      <c r="D5190" s="6" t="s">
        <v>11</v>
      </c>
      <c r="E5190" s="6" t="e"/>
    </row>
    <row r="5191" ht="22" customHeight="true" s="1" customFormat="true" hidden="true" outlineLevel="3">
      <c r="A5191" s="6" t="s">
        <v>5592</v>
      </c>
      <c r="B5191" s="6" t="e"/>
      <c r="C5191" s="6" t="s">
        <v>2768</v>
      </c>
      <c r="D5191" s="6" t="s">
        <v>26</v>
      </c>
      <c r="E5191" s="6" t="e"/>
    </row>
    <row r="5192" ht="22" customHeight="true" s="1" customFormat="true" hidden="true" outlineLevel="3">
      <c r="A5192" s="6" t="s">
        <v>5593</v>
      </c>
      <c r="B5192" s="6" t="e"/>
      <c r="C5192" s="6" t="s">
        <v>83</v>
      </c>
      <c r="D5192" s="6" t="s">
        <v>11</v>
      </c>
      <c r="E5192" s="6" t="e"/>
    </row>
    <row r="5193" ht="33" customHeight="true" s="1" customFormat="true" hidden="true" outlineLevel="3">
      <c r="A5193" s="6" t="s">
        <v>5594</v>
      </c>
      <c r="B5193" s="6" t="e"/>
      <c r="C5193" s="6" t="s">
        <v>18</v>
      </c>
      <c r="D5193" s="6" t="s">
        <v>11</v>
      </c>
      <c r="E5193" s="6" t="e"/>
    </row>
    <row r="5194" ht="33" customHeight="true" s="1" customFormat="true" hidden="true" outlineLevel="3">
      <c r="A5194" s="6" t="s">
        <v>5595</v>
      </c>
      <c r="B5194" s="6" t="e"/>
      <c r="C5194" s="6" t="s">
        <v>2678</v>
      </c>
      <c r="D5194" s="6" t="s">
        <v>11</v>
      </c>
      <c r="E5194" s="6" t="e"/>
    </row>
    <row r="5195" ht="22" customHeight="true" s="1" customFormat="true" hidden="true" outlineLevel="3">
      <c r="A5195" s="6" t="s">
        <v>5596</v>
      </c>
      <c r="B5195" s="6" t="e"/>
      <c r="C5195" s="6" t="s">
        <v>2768</v>
      </c>
      <c r="D5195" s="6" t="s">
        <v>11</v>
      </c>
      <c r="E5195" s="6" t="e"/>
    </row>
    <row r="5196" ht="22" customHeight="true" s="1" customFormat="true" hidden="true" outlineLevel="3">
      <c r="A5196" s="6" t="s">
        <v>5597</v>
      </c>
      <c r="B5196" s="6" t="e"/>
      <c r="C5196" s="6" t="s">
        <v>1214</v>
      </c>
      <c r="D5196" s="6" t="s">
        <v>26</v>
      </c>
      <c r="E5196" s="6" t="e"/>
    </row>
    <row r="5197" ht="22" customHeight="true" s="1" customFormat="true" hidden="true" outlineLevel="3">
      <c r="A5197" s="6" t="s">
        <v>5598</v>
      </c>
      <c r="B5197" s="6" t="e"/>
      <c r="C5197" s="6" t="s">
        <v>18</v>
      </c>
      <c r="D5197" s="6" t="s">
        <v>11</v>
      </c>
      <c r="E5197" s="6" t="e"/>
    </row>
    <row r="5198" ht="22" customHeight="true" s="1" customFormat="true" hidden="true" outlineLevel="3">
      <c r="A5198" s="6" t="s">
        <v>5599</v>
      </c>
      <c r="B5198" s="6" t="e"/>
      <c r="C5198" s="6" t="s">
        <v>325</v>
      </c>
      <c r="D5198" s="6" t="s">
        <v>11</v>
      </c>
      <c r="E5198" s="6" t="e"/>
    </row>
    <row r="5199" ht="22" customHeight="true" s="1" customFormat="true" hidden="true" outlineLevel="3">
      <c r="A5199" s="6" t="s">
        <v>5600</v>
      </c>
      <c r="B5199" s="6" t="e"/>
      <c r="C5199" s="6" t="s">
        <v>1212</v>
      </c>
      <c r="D5199" s="6" t="s">
        <v>11</v>
      </c>
      <c r="E5199" s="6" t="e"/>
    </row>
    <row r="5200" ht="33" customHeight="true" s="1" customFormat="true" hidden="true" outlineLevel="3">
      <c r="A5200" s="6" t="s">
        <v>5601</v>
      </c>
      <c r="B5200" s="6" t="e"/>
      <c r="C5200" s="6" t="s">
        <v>279</v>
      </c>
      <c r="D5200" s="6" t="s">
        <v>11</v>
      </c>
      <c r="E5200" s="6" t="e"/>
    </row>
    <row r="5201" ht="44" customHeight="true" s="1" customFormat="true" hidden="true" outlineLevel="3">
      <c r="A5201" s="6" t="s">
        <v>5602</v>
      </c>
      <c r="B5201" s="6" t="e"/>
      <c r="C5201" s="6" t="s">
        <v>5373</v>
      </c>
      <c r="D5201" s="6" t="s">
        <v>11</v>
      </c>
      <c r="E5201" s="6" t="e"/>
    </row>
    <row r="5202" ht="22" customHeight="true" s="1" customFormat="true" hidden="true" outlineLevel="3">
      <c r="A5202" s="6" t="s">
        <v>5603</v>
      </c>
      <c r="B5202" s="6" t="e"/>
      <c r="C5202" s="6" t="s">
        <v>83</v>
      </c>
      <c r="D5202" s="6" t="s">
        <v>11</v>
      </c>
      <c r="E5202" s="6" t="e"/>
    </row>
    <row r="5203" ht="22" customHeight="true" s="1" customFormat="true" hidden="true" outlineLevel="3">
      <c r="A5203" s="6" t="s">
        <v>5604</v>
      </c>
      <c r="B5203" s="6" t="e"/>
      <c r="C5203" s="6" t="s">
        <v>18</v>
      </c>
      <c r="D5203" s="6" t="s">
        <v>11</v>
      </c>
      <c r="E5203" s="6" t="e"/>
    </row>
    <row r="5204" ht="22" customHeight="true" s="1" customFormat="true" hidden="true" outlineLevel="3">
      <c r="A5204" s="6" t="s">
        <v>5605</v>
      </c>
      <c r="B5204" s="6" t="e"/>
      <c r="C5204" s="6" t="s">
        <v>83</v>
      </c>
      <c r="D5204" s="6" t="s">
        <v>26</v>
      </c>
      <c r="E5204" s="6" t="e"/>
    </row>
    <row r="5205" ht="22" customHeight="true" s="1" customFormat="true" hidden="true" outlineLevel="3">
      <c r="A5205" s="6" t="s">
        <v>5606</v>
      </c>
      <c r="B5205" s="6" t="e"/>
      <c r="C5205" s="6" t="s">
        <v>369</v>
      </c>
      <c r="D5205" s="6" t="s">
        <v>11</v>
      </c>
      <c r="E5205" s="6" t="e"/>
    </row>
    <row r="5206" ht="33" customHeight="true" s="1" customFormat="true" hidden="true" outlineLevel="3">
      <c r="A5206" s="6" t="s">
        <v>5607</v>
      </c>
      <c r="B5206" s="6" t="e"/>
      <c r="C5206" s="6" t="s">
        <v>83</v>
      </c>
      <c r="D5206" s="6" t="s">
        <v>11</v>
      </c>
      <c r="E5206" s="6" t="e"/>
    </row>
    <row r="5207" ht="33" customHeight="true" s="1" customFormat="true" hidden="true" outlineLevel="3">
      <c r="A5207" s="6" t="s">
        <v>5608</v>
      </c>
      <c r="B5207" s="6" t="e"/>
      <c r="C5207" s="6" t="s">
        <v>369</v>
      </c>
      <c r="D5207" s="6" t="s">
        <v>26</v>
      </c>
      <c r="E5207" s="6" t="e"/>
    </row>
    <row r="5208" ht="33" customHeight="true" s="1" customFormat="true" hidden="true" outlineLevel="3">
      <c r="A5208" s="6" t="s">
        <v>5609</v>
      </c>
      <c r="B5208" s="6" t="e"/>
      <c r="C5208" s="6" t="s">
        <v>325</v>
      </c>
      <c r="D5208" s="6" t="s">
        <v>11</v>
      </c>
      <c r="E5208" s="6" t="e"/>
    </row>
    <row r="5209" ht="22" customHeight="true" s="1" customFormat="true" hidden="true" outlineLevel="3">
      <c r="A5209" s="6" t="s">
        <v>5610</v>
      </c>
      <c r="B5209" s="6" t="e"/>
      <c r="C5209" s="6" t="s">
        <v>2786</v>
      </c>
      <c r="D5209" s="6" t="s">
        <v>11</v>
      </c>
      <c r="E5209" s="6" t="e"/>
    </row>
    <row r="5210" ht="22" customHeight="true" s="1" customFormat="true" hidden="true" collapsed="true" outlineLevel="3">
      <c r="A5210" s="6" t="s">
        <v>5611</v>
      </c>
      <c r="B5210" s="6" t="e"/>
      <c r="C5210" s="6" t="s">
        <v>2678</v>
      </c>
      <c r="D5210" s="6" t="s">
        <v>11</v>
      </c>
      <c r="E5210" s="6" t="e"/>
    </row>
    <row r="5211" ht="11" customHeight="true" s="1" customFormat="true" hidden="true" collapsed="true" outlineLevel="2">
      <c r="A5211" s="5" t="s">
        <v>5612</v>
      </c>
      <c r="B5211" s="5" t="e"/>
      <c r="C5211" s="5" t="e"/>
      <c r="D5211" s="5" t="e"/>
      <c r="E5211" s="5" t="e"/>
    </row>
    <row r="5212" ht="22" customHeight="true" s="1" customFormat="true" hidden="true" outlineLevel="3">
      <c r="A5212" s="6" t="s">
        <v>5613</v>
      </c>
      <c r="B5212" s="6" t="e"/>
      <c r="C5212" s="6" t="s">
        <v>82</v>
      </c>
      <c r="D5212" s="6" t="s">
        <v>11</v>
      </c>
      <c r="E5212" s="6" t="e"/>
    </row>
    <row r="5213" ht="22" customHeight="true" s="1" customFormat="true" hidden="true" outlineLevel="3">
      <c r="A5213" s="6" t="s">
        <v>5614</v>
      </c>
      <c r="B5213" s="6" t="e"/>
      <c r="C5213" s="6" t="s">
        <v>82</v>
      </c>
      <c r="D5213" s="6" t="s">
        <v>11</v>
      </c>
      <c r="E5213" s="6" t="e"/>
    </row>
    <row r="5214" ht="22" customHeight="true" s="1" customFormat="true" hidden="true" outlineLevel="3">
      <c r="A5214" s="6" t="s">
        <v>5615</v>
      </c>
      <c r="B5214" s="6" t="e"/>
      <c r="C5214" s="6" t="s">
        <v>21</v>
      </c>
      <c r="D5214" s="6" t="s">
        <v>11</v>
      </c>
      <c r="E5214" s="6" t="e"/>
    </row>
    <row r="5215" ht="33" customHeight="true" s="1" customFormat="true" hidden="true" outlineLevel="3">
      <c r="A5215" s="6" t="s">
        <v>5616</v>
      </c>
      <c r="B5215" s="6" t="e"/>
      <c r="C5215" s="6" t="s">
        <v>2200</v>
      </c>
      <c r="D5215" s="6" t="s">
        <v>11</v>
      </c>
      <c r="E5215" s="6" t="e"/>
    </row>
    <row r="5216" ht="22" customHeight="true" s="1" customFormat="true" hidden="true" outlineLevel="3">
      <c r="A5216" s="6" t="s">
        <v>5617</v>
      </c>
      <c r="B5216" s="6" t="e"/>
      <c r="C5216" s="6" t="s">
        <v>253</v>
      </c>
      <c r="D5216" s="6" t="s">
        <v>11</v>
      </c>
      <c r="E5216" s="6" t="e"/>
    </row>
    <row r="5217" ht="33" customHeight="true" s="1" customFormat="true" hidden="true" outlineLevel="3">
      <c r="A5217" s="6" t="s">
        <v>5618</v>
      </c>
      <c r="B5217" s="6" t="e"/>
      <c r="C5217" s="6" t="s">
        <v>83</v>
      </c>
      <c r="D5217" s="6" t="s">
        <v>11</v>
      </c>
      <c r="E5217" s="6" t="e"/>
    </row>
    <row r="5218" ht="22" customHeight="true" s="1" customFormat="true" hidden="true" outlineLevel="3">
      <c r="A5218" s="6" t="s">
        <v>5619</v>
      </c>
      <c r="B5218" s="6" t="e"/>
      <c r="C5218" s="6" t="s">
        <v>2768</v>
      </c>
      <c r="D5218" s="6" t="s">
        <v>11</v>
      </c>
      <c r="E5218" s="6" t="e"/>
    </row>
    <row r="5219" ht="22" customHeight="true" s="1" customFormat="true" hidden="true" outlineLevel="3">
      <c r="A5219" s="6" t="s">
        <v>5620</v>
      </c>
      <c r="B5219" s="6" t="e"/>
      <c r="C5219" s="6" t="s">
        <v>21</v>
      </c>
      <c r="D5219" s="6" t="s">
        <v>26</v>
      </c>
      <c r="E5219" s="6" t="e"/>
    </row>
    <row r="5220" ht="22" customHeight="true" s="1" customFormat="true" hidden="true" outlineLevel="3">
      <c r="A5220" s="6" t="s">
        <v>5621</v>
      </c>
      <c r="B5220" s="6" t="e"/>
      <c r="C5220" s="6" t="s">
        <v>1214</v>
      </c>
      <c r="D5220" s="6" t="s">
        <v>26</v>
      </c>
      <c r="E5220" s="6" t="e"/>
    </row>
    <row r="5221" ht="33" customHeight="true" s="1" customFormat="true" hidden="true" outlineLevel="3">
      <c r="A5221" s="6" t="s">
        <v>5622</v>
      </c>
      <c r="B5221" s="6" t="e"/>
      <c r="C5221" s="6" t="s">
        <v>3428</v>
      </c>
      <c r="D5221" s="6" t="s">
        <v>15</v>
      </c>
      <c r="E5221" s="6" t="e"/>
    </row>
    <row r="5222" ht="22" customHeight="true" s="1" customFormat="true" hidden="true" outlineLevel="3">
      <c r="A5222" s="6" t="s">
        <v>5623</v>
      </c>
      <c r="B5222" s="6" t="e"/>
      <c r="C5222" s="6" t="s">
        <v>3428</v>
      </c>
      <c r="D5222" s="6" t="s">
        <v>40</v>
      </c>
      <c r="E5222" s="6" t="e"/>
    </row>
    <row r="5223" ht="33" customHeight="true" s="1" customFormat="true" hidden="true" outlineLevel="3">
      <c r="A5223" s="6" t="s">
        <v>5624</v>
      </c>
      <c r="B5223" s="6" t="e"/>
      <c r="C5223" s="6" t="s">
        <v>3428</v>
      </c>
      <c r="D5223" s="6" t="s">
        <v>26</v>
      </c>
      <c r="E5223" s="6" t="e"/>
    </row>
    <row r="5224" ht="22" customHeight="true" s="1" customFormat="true" hidden="true" outlineLevel="3">
      <c r="A5224" s="6" t="s">
        <v>5625</v>
      </c>
      <c r="B5224" s="6" t="e"/>
      <c r="C5224" s="6" t="s">
        <v>21</v>
      </c>
      <c r="D5224" s="6" t="s">
        <v>11</v>
      </c>
      <c r="E5224" s="6" t="e"/>
    </row>
    <row r="5225" ht="22" customHeight="true" s="1" customFormat="true" hidden="true" outlineLevel="3">
      <c r="A5225" s="6" t="s">
        <v>5626</v>
      </c>
      <c r="B5225" s="6" t="e"/>
      <c r="C5225" s="6" t="s">
        <v>371</v>
      </c>
      <c r="D5225" s="6" t="s">
        <v>11</v>
      </c>
      <c r="E5225" s="6" t="e"/>
    </row>
    <row r="5226" ht="33" customHeight="true" s="1" customFormat="true" hidden="true" outlineLevel="3">
      <c r="A5226" s="6" t="s">
        <v>5627</v>
      </c>
      <c r="B5226" s="6" t="e"/>
      <c r="C5226" s="6" t="s">
        <v>3428</v>
      </c>
      <c r="D5226" s="6" t="s">
        <v>11</v>
      </c>
      <c r="E5226" s="6" t="e"/>
    </row>
    <row r="5227" ht="33" customHeight="true" s="1" customFormat="true" hidden="true" outlineLevel="3">
      <c r="A5227" s="6" t="s">
        <v>5628</v>
      </c>
      <c r="B5227" s="6" t="e"/>
      <c r="C5227" s="6" t="s">
        <v>325</v>
      </c>
      <c r="D5227" s="6" t="s">
        <v>11</v>
      </c>
      <c r="E5227" s="6" t="e"/>
    </row>
    <row r="5228" ht="33" customHeight="true" s="1" customFormat="true" hidden="true" outlineLevel="3">
      <c r="A5228" s="6" t="s">
        <v>5629</v>
      </c>
      <c r="B5228" s="6" t="e"/>
      <c r="C5228" s="6" t="s">
        <v>3428</v>
      </c>
      <c r="D5228" s="6" t="s">
        <v>26</v>
      </c>
      <c r="E5228" s="6" t="e"/>
    </row>
    <row r="5229" ht="33" customHeight="true" s="1" customFormat="true" hidden="true" outlineLevel="3">
      <c r="A5229" s="6" t="s">
        <v>5630</v>
      </c>
      <c r="B5229" s="6" t="e"/>
      <c r="C5229" s="6" t="s">
        <v>5631</v>
      </c>
      <c r="D5229" s="6" t="s">
        <v>26</v>
      </c>
      <c r="E5229" s="6" t="e"/>
    </row>
    <row r="5230" ht="33" customHeight="true" s="1" customFormat="true" hidden="true" outlineLevel="3">
      <c r="A5230" s="6" t="s">
        <v>5632</v>
      </c>
      <c r="B5230" s="6" t="e"/>
      <c r="C5230" s="6" t="s">
        <v>1212</v>
      </c>
      <c r="D5230" s="6" t="s">
        <v>11</v>
      </c>
      <c r="E5230" s="6" t="e"/>
    </row>
    <row r="5231" ht="33" customHeight="true" s="1" customFormat="true" hidden="true" outlineLevel="3">
      <c r="A5231" s="6" t="s">
        <v>5633</v>
      </c>
      <c r="B5231" s="6" t="e"/>
      <c r="C5231" s="6" t="s">
        <v>3428</v>
      </c>
      <c r="D5231" s="6" t="s">
        <v>11</v>
      </c>
      <c r="E5231" s="6" t="e"/>
    </row>
    <row r="5232" ht="22" customHeight="true" s="1" customFormat="true" hidden="true" outlineLevel="3">
      <c r="A5232" s="6" t="s">
        <v>5634</v>
      </c>
      <c r="B5232" s="6" t="e"/>
      <c r="C5232" s="6" t="s">
        <v>3428</v>
      </c>
      <c r="D5232" s="6" t="s">
        <v>40</v>
      </c>
      <c r="E5232" s="6" t="e"/>
    </row>
    <row r="5233" ht="22" customHeight="true" s="1" customFormat="true" hidden="true" outlineLevel="3">
      <c r="A5233" s="6" t="s">
        <v>5635</v>
      </c>
      <c r="B5233" s="6" t="e"/>
      <c r="C5233" s="6" t="s">
        <v>51</v>
      </c>
      <c r="D5233" s="6" t="s">
        <v>15</v>
      </c>
      <c r="E5233" s="6" t="e"/>
    </row>
    <row r="5234" ht="33" customHeight="true" s="1" customFormat="true" hidden="true" outlineLevel="3">
      <c r="A5234" s="6" t="s">
        <v>5636</v>
      </c>
      <c r="B5234" s="6" t="e"/>
      <c r="C5234" s="6" t="s">
        <v>1186</v>
      </c>
      <c r="D5234" s="6" t="s">
        <v>26</v>
      </c>
      <c r="E5234" s="6" t="e"/>
    </row>
    <row r="5235" ht="33" customHeight="true" s="1" customFormat="true" hidden="true" outlineLevel="3">
      <c r="A5235" s="6" t="s">
        <v>5637</v>
      </c>
      <c r="B5235" s="6" t="e"/>
      <c r="C5235" s="6" t="s">
        <v>82</v>
      </c>
      <c r="D5235" s="6" t="s">
        <v>26</v>
      </c>
      <c r="E5235" s="6" t="e"/>
    </row>
    <row r="5236" ht="33" customHeight="true" s="1" customFormat="true" hidden="true" outlineLevel="3">
      <c r="A5236" s="6" t="s">
        <v>5638</v>
      </c>
      <c r="B5236" s="6" t="e"/>
      <c r="C5236" s="6" t="s">
        <v>3428</v>
      </c>
      <c r="D5236" s="6" t="s">
        <v>11</v>
      </c>
      <c r="E5236" s="6" t="e"/>
    </row>
    <row r="5237" ht="33" customHeight="true" s="1" customFormat="true" hidden="true" outlineLevel="3">
      <c r="A5237" s="6" t="s">
        <v>5639</v>
      </c>
      <c r="B5237" s="6" t="e"/>
      <c r="C5237" s="6" t="s">
        <v>3428</v>
      </c>
      <c r="D5237" s="6" t="s">
        <v>11</v>
      </c>
      <c r="E5237" s="6" t="e"/>
    </row>
    <row r="5238" ht="33" customHeight="true" s="1" customFormat="true" hidden="true" outlineLevel="3">
      <c r="A5238" s="6" t="s">
        <v>5640</v>
      </c>
      <c r="B5238" s="6" t="e"/>
      <c r="C5238" s="6" t="s">
        <v>82</v>
      </c>
      <c r="D5238" s="6" t="s">
        <v>26</v>
      </c>
      <c r="E5238" s="6" t="e"/>
    </row>
    <row r="5239" ht="33" customHeight="true" s="1" customFormat="true" hidden="true" outlineLevel="3">
      <c r="A5239" s="6" t="s">
        <v>5641</v>
      </c>
      <c r="B5239" s="6" t="e"/>
      <c r="C5239" s="6" t="s">
        <v>83</v>
      </c>
      <c r="D5239" s="6" t="s">
        <v>11</v>
      </c>
      <c r="E5239" s="6" t="e"/>
    </row>
    <row r="5240" ht="33" customHeight="true" s="1" customFormat="true" hidden="true" outlineLevel="3">
      <c r="A5240" s="6" t="s">
        <v>5642</v>
      </c>
      <c r="B5240" s="6" t="e"/>
      <c r="C5240" s="6" t="s">
        <v>83</v>
      </c>
      <c r="D5240" s="6" t="s">
        <v>40</v>
      </c>
      <c r="E5240" s="6" t="e"/>
    </row>
    <row r="5241" ht="22" customHeight="true" s="1" customFormat="true" hidden="true" outlineLevel="3">
      <c r="A5241" s="6" t="s">
        <v>5643</v>
      </c>
      <c r="B5241" s="6" t="e"/>
      <c r="C5241" s="6" t="s">
        <v>18</v>
      </c>
      <c r="D5241" s="6" t="s">
        <v>26</v>
      </c>
      <c r="E5241" s="6" t="e"/>
    </row>
    <row r="5242" ht="22" customHeight="true" s="1" customFormat="true" hidden="true" outlineLevel="3">
      <c r="A5242" s="6" t="s">
        <v>5644</v>
      </c>
      <c r="B5242" s="6" t="e"/>
      <c r="C5242" s="6" t="s">
        <v>18</v>
      </c>
      <c r="D5242" s="6" t="s">
        <v>11</v>
      </c>
      <c r="E5242" s="6" t="e"/>
    </row>
    <row r="5243" ht="44" customHeight="true" s="1" customFormat="true" hidden="true" outlineLevel="3">
      <c r="A5243" s="6" t="s">
        <v>5645</v>
      </c>
      <c r="B5243" s="6" t="e"/>
      <c r="C5243" s="6" t="s">
        <v>83</v>
      </c>
      <c r="D5243" s="6" t="s">
        <v>11</v>
      </c>
      <c r="E5243" s="6" t="e"/>
    </row>
    <row r="5244" ht="44" customHeight="true" s="1" customFormat="true" hidden="true" outlineLevel="3">
      <c r="A5244" s="6" t="s">
        <v>5646</v>
      </c>
      <c r="B5244" s="6" t="e"/>
      <c r="C5244" s="6" t="s">
        <v>325</v>
      </c>
      <c r="D5244" s="6" t="s">
        <v>11</v>
      </c>
      <c r="E5244" s="6" t="e"/>
    </row>
    <row r="5245" ht="33" customHeight="true" s="1" customFormat="true" hidden="true" outlineLevel="3">
      <c r="A5245" s="6" t="s">
        <v>5647</v>
      </c>
      <c r="B5245" s="6" t="e"/>
      <c r="C5245" s="6" t="s">
        <v>83</v>
      </c>
      <c r="D5245" s="6" t="s">
        <v>26</v>
      </c>
      <c r="E5245" s="6" t="e"/>
    </row>
    <row r="5246" ht="33" customHeight="true" s="1" customFormat="true" hidden="true" outlineLevel="3">
      <c r="A5246" s="6" t="s">
        <v>5648</v>
      </c>
      <c r="B5246" s="6" t="e"/>
      <c r="C5246" s="6" t="s">
        <v>82</v>
      </c>
      <c r="D5246" s="6" t="s">
        <v>40</v>
      </c>
      <c r="E5246" s="6" t="e"/>
    </row>
    <row r="5247" ht="33" customHeight="true" s="1" customFormat="true" hidden="true" outlineLevel="3">
      <c r="A5247" s="6" t="s">
        <v>5649</v>
      </c>
      <c r="B5247" s="6" t="e"/>
      <c r="C5247" s="6" t="s">
        <v>83</v>
      </c>
      <c r="D5247" s="6" t="s">
        <v>184</v>
      </c>
      <c r="E5247" s="6" t="e"/>
    </row>
    <row r="5248" ht="33" customHeight="true" s="1" customFormat="true" hidden="true" outlineLevel="3">
      <c r="A5248" s="6" t="s">
        <v>5650</v>
      </c>
      <c r="B5248" s="6" t="e"/>
      <c r="C5248" s="6" t="s">
        <v>369</v>
      </c>
      <c r="D5248" s="6" t="s">
        <v>11</v>
      </c>
      <c r="E5248" s="6" t="e"/>
    </row>
    <row r="5249" ht="33" customHeight="true" s="1" customFormat="true" hidden="true" outlineLevel="3">
      <c r="A5249" s="6" t="s">
        <v>5651</v>
      </c>
      <c r="B5249" s="6" t="e"/>
      <c r="C5249" s="6" t="s">
        <v>83</v>
      </c>
      <c r="D5249" s="6" t="s">
        <v>11</v>
      </c>
      <c r="E5249" s="6" t="e"/>
    </row>
    <row r="5250" ht="33" customHeight="true" s="1" customFormat="true" hidden="true" outlineLevel="3">
      <c r="A5250" s="6" t="s">
        <v>5652</v>
      </c>
      <c r="B5250" s="6" t="e"/>
      <c r="C5250" s="6" t="s">
        <v>369</v>
      </c>
      <c r="D5250" s="6" t="s">
        <v>11</v>
      </c>
      <c r="E5250" s="6" t="e"/>
    </row>
    <row r="5251" ht="33" customHeight="true" s="1" customFormat="true" hidden="true" outlineLevel="3">
      <c r="A5251" s="6" t="s">
        <v>5653</v>
      </c>
      <c r="B5251" s="6" t="e"/>
      <c r="C5251" s="6" t="s">
        <v>83</v>
      </c>
      <c r="D5251" s="6" t="s">
        <v>11</v>
      </c>
      <c r="E5251" s="6" t="e"/>
    </row>
    <row r="5252" ht="33" customHeight="true" s="1" customFormat="true" hidden="true" outlineLevel="3">
      <c r="A5252" s="6" t="s">
        <v>5654</v>
      </c>
      <c r="B5252" s="6" t="e"/>
      <c r="C5252" s="6" t="s">
        <v>219</v>
      </c>
      <c r="D5252" s="6" t="s">
        <v>11</v>
      </c>
      <c r="E5252" s="6" t="e"/>
    </row>
    <row r="5253" ht="22" customHeight="true" s="1" customFormat="true" hidden="true" outlineLevel="3">
      <c r="A5253" s="6" t="s">
        <v>5655</v>
      </c>
      <c r="B5253" s="6" t="e"/>
      <c r="C5253" s="6" t="s">
        <v>126</v>
      </c>
      <c r="D5253" s="6" t="s">
        <v>26</v>
      </c>
      <c r="E5253" s="6" t="e"/>
    </row>
    <row r="5254" ht="33" customHeight="true" s="1" customFormat="true" hidden="true" outlineLevel="3">
      <c r="A5254" s="6" t="s">
        <v>5656</v>
      </c>
      <c r="B5254" s="6" t="e"/>
      <c r="C5254" s="6" t="s">
        <v>21</v>
      </c>
      <c r="D5254" s="6" t="s">
        <v>11</v>
      </c>
      <c r="E5254" s="6" t="e"/>
    </row>
    <row r="5255" ht="33" customHeight="true" s="1" customFormat="true" hidden="true" outlineLevel="3">
      <c r="A5255" s="6" t="s">
        <v>5657</v>
      </c>
      <c r="B5255" s="6" t="e"/>
      <c r="C5255" s="6" t="s">
        <v>21</v>
      </c>
      <c r="D5255" s="6" t="s">
        <v>11</v>
      </c>
      <c r="E5255" s="6" t="e"/>
    </row>
    <row r="5256" ht="22" customHeight="true" s="1" customFormat="true" hidden="true" outlineLevel="3">
      <c r="A5256" s="6" t="s">
        <v>5658</v>
      </c>
      <c r="B5256" s="6" t="e"/>
      <c r="C5256" s="6" t="s">
        <v>126</v>
      </c>
      <c r="D5256" s="6" t="s">
        <v>40</v>
      </c>
      <c r="E5256" s="6" t="e"/>
    </row>
    <row r="5257" ht="33" customHeight="true" s="1" customFormat="true" hidden="true" outlineLevel="3">
      <c r="A5257" s="6" t="s">
        <v>5659</v>
      </c>
      <c r="B5257" s="6" t="e"/>
      <c r="C5257" s="6" t="s">
        <v>219</v>
      </c>
      <c r="D5257" s="6" t="s">
        <v>26</v>
      </c>
      <c r="E5257" s="6" t="e"/>
    </row>
    <row r="5258" ht="22" customHeight="true" s="1" customFormat="true" hidden="true" outlineLevel="3">
      <c r="A5258" s="6" t="s">
        <v>5660</v>
      </c>
      <c r="B5258" s="6" t="e"/>
      <c r="C5258" s="6" t="s">
        <v>126</v>
      </c>
      <c r="D5258" s="6" t="s">
        <v>11</v>
      </c>
      <c r="E5258" s="6" t="e"/>
    </row>
    <row r="5259" ht="33" customHeight="true" s="1" customFormat="true" hidden="true" outlineLevel="3">
      <c r="A5259" s="6" t="s">
        <v>5661</v>
      </c>
      <c r="B5259" s="6" t="e"/>
      <c r="C5259" s="6" t="s">
        <v>2768</v>
      </c>
      <c r="D5259" s="6" t="s">
        <v>26</v>
      </c>
      <c r="E5259" s="6" t="e"/>
    </row>
    <row r="5260" ht="33" customHeight="true" s="1" customFormat="true" hidden="true" outlineLevel="3">
      <c r="A5260" s="6" t="s">
        <v>5662</v>
      </c>
      <c r="B5260" s="6" t="e"/>
      <c r="C5260" s="6" t="s">
        <v>2768</v>
      </c>
      <c r="D5260" s="6" t="s">
        <v>11</v>
      </c>
      <c r="E5260" s="6" t="e"/>
    </row>
    <row r="5261" ht="33" customHeight="true" s="1" customFormat="true" hidden="true" outlineLevel="3">
      <c r="A5261" s="6" t="s">
        <v>5663</v>
      </c>
      <c r="B5261" s="6" t="e"/>
      <c r="C5261" s="6" t="s">
        <v>2768</v>
      </c>
      <c r="D5261" s="6" t="s">
        <v>11</v>
      </c>
      <c r="E5261" s="6" t="e"/>
    </row>
    <row r="5262" ht="22" customHeight="true" s="1" customFormat="true" hidden="true" outlineLevel="3">
      <c r="A5262" s="6" t="s">
        <v>5664</v>
      </c>
      <c r="B5262" s="6" t="e"/>
      <c r="C5262" s="6" t="s">
        <v>126</v>
      </c>
      <c r="D5262" s="6" t="s">
        <v>11</v>
      </c>
      <c r="E5262" s="6" t="e"/>
    </row>
    <row r="5263" ht="44" customHeight="true" s="1" customFormat="true" hidden="true" outlineLevel="3">
      <c r="A5263" s="6" t="s">
        <v>5665</v>
      </c>
      <c r="B5263" s="6" t="e"/>
      <c r="C5263" s="6" t="s">
        <v>1214</v>
      </c>
      <c r="D5263" s="6" t="s">
        <v>11</v>
      </c>
      <c r="E5263" s="6" t="e"/>
    </row>
    <row r="5264" ht="33" customHeight="true" s="1" customFormat="true" hidden="true" outlineLevel="3">
      <c r="A5264" s="6" t="s">
        <v>5666</v>
      </c>
      <c r="B5264" s="6" t="e"/>
      <c r="C5264" s="6" t="s">
        <v>83</v>
      </c>
      <c r="D5264" s="6" t="s">
        <v>26</v>
      </c>
      <c r="E5264" s="6" t="e"/>
    </row>
    <row r="5265" ht="56" customHeight="true" s="1" customFormat="true" hidden="true" outlineLevel="3">
      <c r="A5265" s="6" t="s">
        <v>5667</v>
      </c>
      <c r="B5265" s="6" t="e"/>
      <c r="C5265" s="6" t="s">
        <v>3428</v>
      </c>
      <c r="D5265" s="6" t="s">
        <v>40</v>
      </c>
      <c r="E5265" s="6" t="e"/>
    </row>
    <row r="5266" ht="33" customHeight="true" s="1" customFormat="true" hidden="true" outlineLevel="3">
      <c r="A5266" s="6" t="s">
        <v>5668</v>
      </c>
      <c r="B5266" s="6" t="e"/>
      <c r="C5266" s="6" t="s">
        <v>2768</v>
      </c>
      <c r="D5266" s="6" t="s">
        <v>40</v>
      </c>
      <c r="E5266" s="6" t="e"/>
    </row>
    <row r="5267" ht="33" customHeight="true" s="1" customFormat="true" hidden="true" outlineLevel="3">
      <c r="A5267" s="6" t="s">
        <v>5669</v>
      </c>
      <c r="B5267" s="6" t="e"/>
      <c r="C5267" s="6" t="s">
        <v>2200</v>
      </c>
      <c r="D5267" s="6" t="s">
        <v>26</v>
      </c>
      <c r="E5267" s="6" t="e"/>
    </row>
    <row r="5268" ht="33" customHeight="true" s="1" customFormat="true" hidden="true" outlineLevel="3">
      <c r="A5268" s="6" t="s">
        <v>5670</v>
      </c>
      <c r="B5268" s="6" t="e"/>
      <c r="C5268" s="6" t="s">
        <v>369</v>
      </c>
      <c r="D5268" s="6" t="s">
        <v>15</v>
      </c>
      <c r="E5268" s="6" t="e"/>
    </row>
    <row r="5269" ht="33" customHeight="true" s="1" customFormat="true" hidden="true" outlineLevel="3">
      <c r="A5269" s="6" t="s">
        <v>5671</v>
      </c>
      <c r="B5269" s="6" t="e"/>
      <c r="C5269" s="6" t="s">
        <v>2200</v>
      </c>
      <c r="D5269" s="6" t="s">
        <v>11</v>
      </c>
      <c r="E5269" s="6" t="e"/>
    </row>
    <row r="5270" ht="33" customHeight="true" s="1" customFormat="true" hidden="true" outlineLevel="3">
      <c r="A5270" s="6" t="s">
        <v>5672</v>
      </c>
      <c r="B5270" s="6" t="e"/>
      <c r="C5270" s="6" t="s">
        <v>2200</v>
      </c>
      <c r="D5270" s="6" t="s">
        <v>11</v>
      </c>
      <c r="E5270" s="6" t="e"/>
    </row>
    <row r="5271" ht="22" customHeight="true" s="1" customFormat="true" hidden="true" outlineLevel="3">
      <c r="A5271" s="6" t="s">
        <v>5673</v>
      </c>
      <c r="B5271" s="6" t="e"/>
      <c r="C5271" s="6" t="s">
        <v>2768</v>
      </c>
      <c r="D5271" s="6" t="s">
        <v>26</v>
      </c>
      <c r="E5271" s="6" t="e"/>
    </row>
    <row r="5272" ht="22" customHeight="true" s="1" customFormat="true" hidden="true" outlineLevel="3">
      <c r="A5272" s="6" t="s">
        <v>5674</v>
      </c>
      <c r="B5272" s="6" t="e"/>
      <c r="C5272" s="6" t="s">
        <v>2768</v>
      </c>
      <c r="D5272" s="6" t="s">
        <v>11</v>
      </c>
      <c r="E5272" s="6" t="e"/>
    </row>
    <row r="5273" ht="33" customHeight="true" s="1" customFormat="true" hidden="true" outlineLevel="3">
      <c r="A5273" s="6" t="s">
        <v>5675</v>
      </c>
      <c r="B5273" s="6" t="e"/>
      <c r="C5273" s="6" t="s">
        <v>3428</v>
      </c>
      <c r="D5273" s="6" t="s">
        <v>11</v>
      </c>
      <c r="E5273" s="6" t="e"/>
    </row>
    <row r="5274" ht="44" customHeight="true" s="1" customFormat="true" hidden="true" outlineLevel="3">
      <c r="A5274" s="6" t="s">
        <v>5676</v>
      </c>
      <c r="B5274" s="6" t="e"/>
      <c r="C5274" s="6" t="s">
        <v>3428</v>
      </c>
      <c r="D5274" s="6" t="s">
        <v>26</v>
      </c>
      <c r="E5274" s="6" t="e"/>
    </row>
    <row r="5275" ht="33" customHeight="true" s="1" customFormat="true" hidden="true" outlineLevel="3">
      <c r="A5275" s="6" t="s">
        <v>5677</v>
      </c>
      <c r="B5275" s="6" t="e"/>
      <c r="C5275" s="6" t="s">
        <v>83</v>
      </c>
      <c r="D5275" s="6" t="s">
        <v>11</v>
      </c>
      <c r="E5275" s="6" t="e"/>
    </row>
    <row r="5276" ht="33" customHeight="true" s="1" customFormat="true" hidden="true" outlineLevel="3">
      <c r="A5276" s="6" t="s">
        <v>5678</v>
      </c>
      <c r="B5276" s="6" t="e"/>
      <c r="C5276" s="6" t="s">
        <v>83</v>
      </c>
      <c r="D5276" s="6" t="s">
        <v>11</v>
      </c>
      <c r="E5276" s="6" t="e"/>
    </row>
    <row r="5277" ht="33" customHeight="true" s="1" customFormat="true" hidden="true" outlineLevel="3">
      <c r="A5277" s="6" t="s">
        <v>5679</v>
      </c>
      <c r="B5277" s="6" t="e"/>
      <c r="C5277" s="6" t="s">
        <v>18</v>
      </c>
      <c r="D5277" s="6" t="s">
        <v>11</v>
      </c>
      <c r="E5277" s="6" t="e"/>
    </row>
    <row r="5278" ht="22" customHeight="true" s="1" customFormat="true" hidden="true" outlineLevel="3">
      <c r="A5278" s="6" t="s">
        <v>5680</v>
      </c>
      <c r="B5278" s="6" t="e"/>
      <c r="C5278" s="6" t="s">
        <v>83</v>
      </c>
      <c r="D5278" s="6" t="s">
        <v>26</v>
      </c>
      <c r="E5278" s="6" t="e"/>
    </row>
    <row r="5279" ht="22" customHeight="true" s="1" customFormat="true" hidden="true" outlineLevel="3">
      <c r="A5279" s="6" t="s">
        <v>5681</v>
      </c>
      <c r="B5279" s="6" t="e"/>
      <c r="C5279" s="6" t="s">
        <v>2768</v>
      </c>
      <c r="D5279" s="6" t="s">
        <v>11</v>
      </c>
      <c r="E5279" s="6" t="e"/>
    </row>
    <row r="5280" ht="33" customHeight="true" s="1" customFormat="true" hidden="true" outlineLevel="3">
      <c r="A5280" s="6" t="s">
        <v>5682</v>
      </c>
      <c r="B5280" s="6" t="e"/>
      <c r="C5280" s="6" t="s">
        <v>2200</v>
      </c>
      <c r="D5280" s="6" t="s">
        <v>11</v>
      </c>
      <c r="E5280" s="6" t="e"/>
    </row>
    <row r="5281" ht="22" customHeight="true" s="1" customFormat="true" hidden="true" outlineLevel="3">
      <c r="A5281" s="6" t="s">
        <v>5683</v>
      </c>
      <c r="B5281" s="6" t="e"/>
      <c r="C5281" s="6" t="s">
        <v>83</v>
      </c>
      <c r="D5281" s="6" t="s">
        <v>11</v>
      </c>
      <c r="E5281" s="6" t="e"/>
    </row>
    <row r="5282" ht="33" customHeight="true" s="1" customFormat="true" hidden="true" outlineLevel="3">
      <c r="A5282" s="6" t="s">
        <v>5684</v>
      </c>
      <c r="B5282" s="6" t="e"/>
      <c r="C5282" s="6" t="s">
        <v>83</v>
      </c>
      <c r="D5282" s="6" t="s">
        <v>11</v>
      </c>
      <c r="E5282" s="6" t="e"/>
    </row>
    <row r="5283" ht="33" customHeight="true" s="1" customFormat="true" hidden="true" outlineLevel="3">
      <c r="A5283" s="6" t="s">
        <v>5685</v>
      </c>
      <c r="B5283" s="6" t="e"/>
      <c r="C5283" s="6" t="s">
        <v>253</v>
      </c>
      <c r="D5283" s="6" t="s">
        <v>26</v>
      </c>
      <c r="E5283" s="6" t="e"/>
    </row>
    <row r="5284" ht="22" customHeight="true" s="1" customFormat="true" hidden="true" outlineLevel="3">
      <c r="A5284" s="6" t="s">
        <v>5686</v>
      </c>
      <c r="B5284" s="6" t="e"/>
      <c r="C5284" s="6" t="s">
        <v>188</v>
      </c>
      <c r="D5284" s="6" t="s">
        <v>26</v>
      </c>
      <c r="E5284" s="6" t="e"/>
    </row>
    <row r="5285" ht="33" customHeight="true" s="1" customFormat="true" hidden="true" outlineLevel="3">
      <c r="A5285" s="6" t="s">
        <v>5687</v>
      </c>
      <c r="B5285" s="6" t="e"/>
      <c r="C5285" s="6" t="s">
        <v>253</v>
      </c>
      <c r="D5285" s="6" t="s">
        <v>26</v>
      </c>
      <c r="E5285" s="6" t="e"/>
    </row>
    <row r="5286" ht="22" customHeight="true" s="1" customFormat="true" hidden="true" outlineLevel="3">
      <c r="A5286" s="6" t="s">
        <v>5688</v>
      </c>
      <c r="B5286" s="6" t="e"/>
      <c r="C5286" s="6" t="s">
        <v>126</v>
      </c>
      <c r="D5286" s="6" t="s">
        <v>11</v>
      </c>
      <c r="E5286" s="6" t="e"/>
    </row>
    <row r="5287" ht="33" customHeight="true" s="1" customFormat="true" hidden="true" outlineLevel="3">
      <c r="A5287" s="6" t="s">
        <v>5689</v>
      </c>
      <c r="B5287" s="6" t="e"/>
      <c r="C5287" s="6" t="s">
        <v>82</v>
      </c>
      <c r="D5287" s="6" t="s">
        <v>11</v>
      </c>
      <c r="E5287" s="6" t="e"/>
    </row>
    <row r="5288" ht="33" customHeight="true" s="1" customFormat="true" hidden="true" outlineLevel="3">
      <c r="A5288" s="6" t="s">
        <v>5690</v>
      </c>
      <c r="B5288" s="6" t="e"/>
      <c r="C5288" s="6" t="s">
        <v>82</v>
      </c>
      <c r="D5288" s="6" t="s">
        <v>15</v>
      </c>
      <c r="E5288" s="6" t="e"/>
    </row>
    <row r="5289" ht="33" customHeight="true" s="1" customFormat="true" hidden="true" outlineLevel="3">
      <c r="A5289" s="6" t="s">
        <v>5691</v>
      </c>
      <c r="B5289" s="6" t="e"/>
      <c r="C5289" s="6" t="s">
        <v>371</v>
      </c>
      <c r="D5289" s="6" t="s">
        <v>11</v>
      </c>
      <c r="E5289" s="6" t="e"/>
    </row>
    <row r="5290" ht="33" customHeight="true" s="1" customFormat="true" hidden="true" outlineLevel="3">
      <c r="A5290" s="6" t="s">
        <v>5692</v>
      </c>
      <c r="B5290" s="6" t="e"/>
      <c r="C5290" s="6" t="s">
        <v>3428</v>
      </c>
      <c r="D5290" s="6" t="s">
        <v>15</v>
      </c>
      <c r="E5290" s="6" t="e"/>
    </row>
    <row r="5291" ht="33" customHeight="true" s="1" customFormat="true" hidden="true" collapsed="true" outlineLevel="3">
      <c r="A5291" s="6" t="s">
        <v>5693</v>
      </c>
      <c r="B5291" s="6" t="e"/>
      <c r="C5291" s="6" t="s">
        <v>3428</v>
      </c>
      <c r="D5291" s="6" t="s">
        <v>15</v>
      </c>
      <c r="E5291" s="6" t="e"/>
    </row>
    <row r="5292" ht="11" customHeight="true" s="1" customFormat="true" hidden="true" collapsed="true" outlineLevel="2">
      <c r="A5292" s="5" t="s">
        <v>5694</v>
      </c>
      <c r="B5292" s="5" t="e"/>
      <c r="C5292" s="5" t="e"/>
      <c r="D5292" s="5" t="e"/>
      <c r="E5292" s="5" t="e"/>
    </row>
    <row r="5293" ht="33" customHeight="true" s="1" customFormat="true" hidden="true" outlineLevel="3">
      <c r="A5293" s="6" t="s">
        <v>5695</v>
      </c>
      <c r="B5293" s="6" t="e"/>
      <c r="C5293" s="6" t="s">
        <v>253</v>
      </c>
      <c r="D5293" s="6" t="s">
        <v>11</v>
      </c>
      <c r="E5293" s="6" t="e"/>
    </row>
    <row r="5294" ht="33" customHeight="true" s="1" customFormat="true" hidden="true" outlineLevel="3">
      <c r="A5294" s="6" t="s">
        <v>5696</v>
      </c>
      <c r="B5294" s="6" t="e"/>
      <c r="C5294" s="6" t="s">
        <v>371</v>
      </c>
      <c r="D5294" s="6" t="s">
        <v>26</v>
      </c>
      <c r="E5294" s="6" t="e"/>
    </row>
    <row r="5295" ht="33" customHeight="true" s="1" customFormat="true" hidden="true" outlineLevel="3">
      <c r="A5295" s="6" t="s">
        <v>5697</v>
      </c>
      <c r="B5295" s="6" t="e"/>
      <c r="C5295" s="6" t="s">
        <v>1214</v>
      </c>
      <c r="D5295" s="6" t="s">
        <v>11</v>
      </c>
      <c r="E5295" s="6" t="e"/>
    </row>
    <row r="5296" ht="33" customHeight="true" s="1" customFormat="true" hidden="true" outlineLevel="3">
      <c r="A5296" s="6" t="s">
        <v>5698</v>
      </c>
      <c r="B5296" s="6" t="e"/>
      <c r="C5296" s="6" t="s">
        <v>1214</v>
      </c>
      <c r="D5296" s="6" t="s">
        <v>11</v>
      </c>
      <c r="E5296" s="6" t="e"/>
    </row>
    <row r="5297" ht="33" customHeight="true" s="1" customFormat="true" hidden="true" outlineLevel="3">
      <c r="A5297" s="6" t="s">
        <v>5699</v>
      </c>
      <c r="B5297" s="6" t="e"/>
      <c r="C5297" s="6" t="s">
        <v>18</v>
      </c>
      <c r="D5297" s="6" t="s">
        <v>11</v>
      </c>
      <c r="E5297" s="6" t="e"/>
    </row>
    <row r="5298" ht="33" customHeight="true" s="1" customFormat="true" hidden="true" outlineLevel="3">
      <c r="A5298" s="6" t="s">
        <v>5700</v>
      </c>
      <c r="B5298" s="6" t="e"/>
      <c r="C5298" s="6" t="s">
        <v>82</v>
      </c>
      <c r="D5298" s="6" t="s">
        <v>26</v>
      </c>
      <c r="E5298" s="6" t="e"/>
    </row>
    <row r="5299" ht="33" customHeight="true" s="1" customFormat="true" hidden="true" outlineLevel="3">
      <c r="A5299" s="6" t="s">
        <v>5701</v>
      </c>
      <c r="B5299" s="6" t="e"/>
      <c r="C5299" s="6" t="s">
        <v>369</v>
      </c>
      <c r="D5299" s="6" t="s">
        <v>11</v>
      </c>
      <c r="E5299" s="6" t="e"/>
    </row>
    <row r="5300" ht="33" customHeight="true" s="1" customFormat="true" hidden="true" outlineLevel="3">
      <c r="A5300" s="6" t="s">
        <v>5702</v>
      </c>
      <c r="B5300" s="6" t="e"/>
      <c r="C5300" s="6" t="s">
        <v>21</v>
      </c>
      <c r="D5300" s="6" t="s">
        <v>11</v>
      </c>
      <c r="E5300" s="6" t="e"/>
    </row>
    <row r="5301" ht="33" customHeight="true" s="1" customFormat="true" hidden="true" outlineLevel="3">
      <c r="A5301" s="6" t="s">
        <v>5703</v>
      </c>
      <c r="B5301" s="6" t="e"/>
      <c r="C5301" s="6" t="s">
        <v>82</v>
      </c>
      <c r="D5301" s="6" t="s">
        <v>11</v>
      </c>
      <c r="E5301" s="6" t="e"/>
    </row>
    <row r="5302" ht="33" customHeight="true" s="1" customFormat="true" hidden="true" outlineLevel="3">
      <c r="A5302" s="6" t="s">
        <v>5704</v>
      </c>
      <c r="B5302" s="6" t="e"/>
      <c r="C5302" s="6" t="s">
        <v>253</v>
      </c>
      <c r="D5302" s="6" t="s">
        <v>11</v>
      </c>
      <c r="E5302" s="6" t="e"/>
    </row>
    <row r="5303" ht="33" customHeight="true" s="1" customFormat="true" hidden="true" outlineLevel="3">
      <c r="A5303" s="6" t="s">
        <v>5705</v>
      </c>
      <c r="B5303" s="6" t="e"/>
      <c r="C5303" s="6" t="s">
        <v>253</v>
      </c>
      <c r="D5303" s="6" t="s">
        <v>11</v>
      </c>
      <c r="E5303" s="6" t="e"/>
    </row>
    <row r="5304" ht="33" customHeight="true" s="1" customFormat="true" hidden="true" outlineLevel="3">
      <c r="A5304" s="6" t="s">
        <v>5706</v>
      </c>
      <c r="B5304" s="6" t="e"/>
      <c r="C5304" s="6" t="s">
        <v>253</v>
      </c>
      <c r="D5304" s="6" t="s">
        <v>11</v>
      </c>
      <c r="E5304" s="6" t="e"/>
    </row>
    <row r="5305" ht="33" customHeight="true" s="1" customFormat="true" hidden="true" outlineLevel="3">
      <c r="A5305" s="6" t="s">
        <v>5707</v>
      </c>
      <c r="B5305" s="6" t="e"/>
      <c r="C5305" s="6" t="s">
        <v>253</v>
      </c>
      <c r="D5305" s="6" t="s">
        <v>11</v>
      </c>
      <c r="E5305" s="6" t="e"/>
    </row>
    <row r="5306" ht="33" customHeight="true" s="1" customFormat="true" hidden="true" outlineLevel="3">
      <c r="A5306" s="6" t="s">
        <v>5708</v>
      </c>
      <c r="B5306" s="6" t="e"/>
      <c r="C5306" s="6" t="s">
        <v>82</v>
      </c>
      <c r="D5306" s="6" t="s">
        <v>11</v>
      </c>
      <c r="E5306" s="6" t="e"/>
    </row>
    <row r="5307" ht="33" customHeight="true" s="1" customFormat="true" hidden="true" collapsed="true" outlineLevel="3">
      <c r="A5307" s="6" t="s">
        <v>5709</v>
      </c>
      <c r="B5307" s="6" t="e"/>
      <c r="C5307" s="6" t="s">
        <v>82</v>
      </c>
      <c r="D5307" s="6" t="s">
        <v>11</v>
      </c>
      <c r="E5307" s="6" t="e"/>
    </row>
    <row r="5308" ht="11" customHeight="true" s="1" customFormat="true" hidden="true" collapsed="true" outlineLevel="2">
      <c r="A5308" s="5" t="s">
        <v>5710</v>
      </c>
      <c r="B5308" s="5" t="e"/>
      <c r="C5308" s="5" t="e"/>
      <c r="D5308" s="5" t="e"/>
      <c r="E5308" s="5" t="e"/>
    </row>
    <row r="5309" ht="33" customHeight="true" s="1" customFormat="true" hidden="true" outlineLevel="3">
      <c r="A5309" s="6" t="s">
        <v>5711</v>
      </c>
      <c r="B5309" s="6" t="e"/>
      <c r="C5309" s="6" t="s">
        <v>55</v>
      </c>
      <c r="D5309" s="6" t="s">
        <v>11</v>
      </c>
      <c r="E5309" s="6" t="e"/>
    </row>
    <row r="5310" ht="44" customHeight="true" s="1" customFormat="true" hidden="true" outlineLevel="3">
      <c r="A5310" s="6" t="s">
        <v>5712</v>
      </c>
      <c r="B5310" s="6" t="e"/>
      <c r="C5310" s="6" t="s">
        <v>3428</v>
      </c>
      <c r="D5310" s="6" t="s">
        <v>40</v>
      </c>
      <c r="E5310" s="6" t="e"/>
    </row>
    <row r="5311" ht="33" customHeight="true" s="1" customFormat="true" hidden="true" outlineLevel="3">
      <c r="A5311" s="6" t="s">
        <v>5713</v>
      </c>
      <c r="B5311" s="6" t="e"/>
      <c r="C5311" s="6" t="s">
        <v>371</v>
      </c>
      <c r="D5311" s="6" t="s">
        <v>11</v>
      </c>
      <c r="E5311" s="6" t="e"/>
    </row>
    <row r="5312" ht="33" customHeight="true" s="1" customFormat="true" hidden="true" outlineLevel="3">
      <c r="A5312" s="6" t="s">
        <v>5714</v>
      </c>
      <c r="B5312" s="6" t="e"/>
      <c r="C5312" s="6" t="s">
        <v>364</v>
      </c>
      <c r="D5312" s="6" t="s">
        <v>26</v>
      </c>
      <c r="E5312" s="6" t="e"/>
    </row>
    <row r="5313" ht="22" customHeight="true" s="1" customFormat="true" hidden="true" outlineLevel="3">
      <c r="A5313" s="6" t="s">
        <v>5715</v>
      </c>
      <c r="B5313" s="6" t="e"/>
      <c r="C5313" s="6" t="s">
        <v>18</v>
      </c>
      <c r="D5313" s="6" t="s">
        <v>11</v>
      </c>
      <c r="E5313" s="6" t="e"/>
    </row>
    <row r="5314" ht="22" customHeight="true" s="1" customFormat="true" hidden="true" outlineLevel="3">
      <c r="A5314" s="6" t="s">
        <v>5716</v>
      </c>
      <c r="B5314" s="6" t="e"/>
      <c r="C5314" s="6" t="s">
        <v>371</v>
      </c>
      <c r="D5314" s="6" t="s">
        <v>11</v>
      </c>
      <c r="E5314" s="6" t="e"/>
    </row>
    <row r="5315" ht="22" customHeight="true" s="1" customFormat="true" hidden="true" outlineLevel="3">
      <c r="A5315" s="6" t="s">
        <v>5717</v>
      </c>
      <c r="B5315" s="6" t="e"/>
      <c r="C5315" s="6" t="s">
        <v>371</v>
      </c>
      <c r="D5315" s="6" t="s">
        <v>11</v>
      </c>
      <c r="E5315" s="6" t="e"/>
    </row>
    <row r="5316" ht="22" customHeight="true" s="1" customFormat="true" hidden="true" outlineLevel="3">
      <c r="A5316" s="6" t="s">
        <v>5718</v>
      </c>
      <c r="B5316" s="6" t="e"/>
      <c r="C5316" s="6" t="s">
        <v>82</v>
      </c>
      <c r="D5316" s="6" t="s">
        <v>11</v>
      </c>
      <c r="E5316" s="6" t="e"/>
    </row>
    <row r="5317" ht="22" customHeight="true" s="1" customFormat="true" hidden="true" outlineLevel="3">
      <c r="A5317" s="6" t="s">
        <v>5719</v>
      </c>
      <c r="B5317" s="6" t="e"/>
      <c r="C5317" s="6" t="s">
        <v>82</v>
      </c>
      <c r="D5317" s="6" t="s">
        <v>11</v>
      </c>
      <c r="E5317" s="6" t="e"/>
    </row>
    <row r="5318" ht="22" customHeight="true" s="1" customFormat="true" hidden="true" outlineLevel="3">
      <c r="A5318" s="6" t="s">
        <v>5720</v>
      </c>
      <c r="B5318" s="6" t="e"/>
      <c r="C5318" s="6" t="s">
        <v>371</v>
      </c>
      <c r="D5318" s="6" t="s">
        <v>40</v>
      </c>
      <c r="E5318" s="6" t="e"/>
    </row>
    <row r="5319" ht="22" customHeight="true" s="1" customFormat="true" hidden="true" outlineLevel="3">
      <c r="A5319" s="6" t="s">
        <v>5721</v>
      </c>
      <c r="B5319" s="6" t="e"/>
      <c r="C5319" s="6" t="s">
        <v>82</v>
      </c>
      <c r="D5319" s="6" t="s">
        <v>11</v>
      </c>
      <c r="E5319" s="6" t="e"/>
    </row>
    <row r="5320" ht="33" customHeight="true" s="1" customFormat="true" hidden="true" outlineLevel="3">
      <c r="A5320" s="6" t="s">
        <v>5722</v>
      </c>
      <c r="B5320" s="6" t="e"/>
      <c r="C5320" s="6" t="s">
        <v>83</v>
      </c>
      <c r="D5320" s="6" t="s">
        <v>11</v>
      </c>
      <c r="E5320" s="6" t="e"/>
    </row>
    <row r="5321" ht="33" customHeight="true" s="1" customFormat="true" hidden="true" outlineLevel="3">
      <c r="A5321" s="6" t="s">
        <v>5723</v>
      </c>
      <c r="B5321" s="6" t="e"/>
      <c r="C5321" s="6" t="s">
        <v>55</v>
      </c>
      <c r="D5321" s="6" t="s">
        <v>40</v>
      </c>
      <c r="E5321" s="6" t="e"/>
    </row>
    <row r="5322" ht="33" customHeight="true" s="1" customFormat="true" hidden="true" outlineLevel="3">
      <c r="A5322" s="6" t="s">
        <v>5724</v>
      </c>
      <c r="B5322" s="6" t="e"/>
      <c r="C5322" s="6" t="s">
        <v>155</v>
      </c>
      <c r="D5322" s="6" t="s">
        <v>11</v>
      </c>
      <c r="E5322" s="6" t="e"/>
    </row>
    <row r="5323" ht="22" customHeight="true" s="1" customFormat="true" hidden="true" outlineLevel="3">
      <c r="A5323" s="6" t="s">
        <v>5725</v>
      </c>
      <c r="B5323" s="6" t="e"/>
      <c r="C5323" s="6" t="s">
        <v>155</v>
      </c>
      <c r="D5323" s="6" t="s">
        <v>11</v>
      </c>
      <c r="E5323" s="6" t="e"/>
    </row>
    <row r="5324" ht="22" customHeight="true" s="1" customFormat="true" hidden="true" outlineLevel="3">
      <c r="A5324" s="6" t="s">
        <v>5726</v>
      </c>
      <c r="B5324" s="6" t="e"/>
      <c r="C5324" s="6" t="s">
        <v>225</v>
      </c>
      <c r="D5324" s="6" t="s">
        <v>26</v>
      </c>
      <c r="E5324" s="6" t="e"/>
    </row>
    <row r="5325" ht="22" customHeight="true" s="1" customFormat="true" hidden="true" outlineLevel="3">
      <c r="A5325" s="6" t="s">
        <v>5727</v>
      </c>
      <c r="B5325" s="6" t="e"/>
      <c r="C5325" s="6" t="s">
        <v>219</v>
      </c>
      <c r="D5325" s="6" t="s">
        <v>11</v>
      </c>
      <c r="E5325" s="6" t="e"/>
    </row>
    <row r="5326" ht="22" customHeight="true" s="1" customFormat="true" hidden="true" outlineLevel="3">
      <c r="A5326" s="6" t="s">
        <v>5728</v>
      </c>
      <c r="B5326" s="6" t="e"/>
      <c r="C5326" s="6" t="s">
        <v>18</v>
      </c>
      <c r="D5326" s="6" t="s">
        <v>11</v>
      </c>
      <c r="E5326" s="6" t="e"/>
    </row>
    <row r="5327" ht="22" customHeight="true" s="1" customFormat="true" hidden="true" outlineLevel="3">
      <c r="A5327" s="6" t="s">
        <v>5729</v>
      </c>
      <c r="B5327" s="6" t="e"/>
      <c r="C5327" s="6" t="s">
        <v>83</v>
      </c>
      <c r="D5327" s="6" t="s">
        <v>11</v>
      </c>
      <c r="E5327" s="6" t="e"/>
    </row>
    <row r="5328" ht="22" customHeight="true" s="1" customFormat="true" hidden="true" outlineLevel="3">
      <c r="A5328" s="6" t="s">
        <v>5730</v>
      </c>
      <c r="B5328" s="6" t="e"/>
      <c r="C5328" s="6" t="s">
        <v>83</v>
      </c>
      <c r="D5328" s="6" t="s">
        <v>123</v>
      </c>
      <c r="E5328" s="6" t="e"/>
    </row>
    <row r="5329" ht="33" customHeight="true" s="1" customFormat="true" hidden="true" outlineLevel="3">
      <c r="A5329" s="6" t="s">
        <v>5731</v>
      </c>
      <c r="B5329" s="6" t="e"/>
      <c r="C5329" s="6" t="s">
        <v>436</v>
      </c>
      <c r="D5329" s="6" t="s">
        <v>11</v>
      </c>
      <c r="E5329" s="6" t="e"/>
    </row>
    <row r="5330" ht="22" customHeight="true" s="1" customFormat="true" hidden="true" outlineLevel="3">
      <c r="A5330" s="6" t="s">
        <v>5732</v>
      </c>
      <c r="B5330" s="6" t="e"/>
      <c r="C5330" s="6" t="s">
        <v>371</v>
      </c>
      <c r="D5330" s="6" t="s">
        <v>11</v>
      </c>
      <c r="E5330" s="6" t="e"/>
    </row>
    <row r="5331" ht="22" customHeight="true" s="1" customFormat="true" hidden="true" outlineLevel="3">
      <c r="A5331" s="6" t="s">
        <v>5733</v>
      </c>
      <c r="B5331" s="6" t="e"/>
      <c r="C5331" s="6" t="s">
        <v>2768</v>
      </c>
      <c r="D5331" s="6" t="s">
        <v>11</v>
      </c>
      <c r="E5331" s="6" t="e"/>
    </row>
    <row r="5332" ht="33" customHeight="true" s="1" customFormat="true" hidden="true" outlineLevel="3">
      <c r="A5332" s="6" t="s">
        <v>5734</v>
      </c>
      <c r="B5332" s="6" t="e"/>
      <c r="C5332" s="6" t="s">
        <v>3428</v>
      </c>
      <c r="D5332" s="6" t="s">
        <v>40</v>
      </c>
      <c r="E5332" s="6" t="e"/>
    </row>
    <row r="5333" ht="22" customHeight="true" s="1" customFormat="true" hidden="true" outlineLevel="3">
      <c r="A5333" s="6" t="s">
        <v>5735</v>
      </c>
      <c r="B5333" s="6" t="e"/>
      <c r="C5333" s="6" t="s">
        <v>82</v>
      </c>
      <c r="D5333" s="6" t="s">
        <v>40</v>
      </c>
      <c r="E5333" s="6" t="e"/>
    </row>
    <row r="5334" ht="33" customHeight="true" s="1" customFormat="true" hidden="true" outlineLevel="3">
      <c r="A5334" s="6" t="s">
        <v>5736</v>
      </c>
      <c r="B5334" s="6" t="e"/>
      <c r="C5334" s="6" t="s">
        <v>364</v>
      </c>
      <c r="D5334" s="6" t="s">
        <v>123</v>
      </c>
      <c r="E5334" s="6" t="e"/>
    </row>
    <row r="5335" ht="33" customHeight="true" s="1" customFormat="true" hidden="true" outlineLevel="3">
      <c r="A5335" s="6" t="s">
        <v>5737</v>
      </c>
      <c r="B5335" s="6" t="e"/>
      <c r="C5335" s="6" t="s">
        <v>2768</v>
      </c>
      <c r="D5335" s="6" t="s">
        <v>11</v>
      </c>
      <c r="E5335" s="6" t="e"/>
    </row>
    <row r="5336" ht="22" customHeight="true" s="1" customFormat="true" hidden="true" outlineLevel="3">
      <c r="A5336" s="6" t="s">
        <v>5738</v>
      </c>
      <c r="B5336" s="6" t="e"/>
      <c r="C5336" s="6" t="s">
        <v>219</v>
      </c>
      <c r="D5336" s="6" t="s">
        <v>11</v>
      </c>
      <c r="E5336" s="6" t="e"/>
    </row>
    <row r="5337" ht="22" customHeight="true" s="1" customFormat="true" hidden="true" outlineLevel="3">
      <c r="A5337" s="6" t="s">
        <v>5739</v>
      </c>
      <c r="B5337" s="6" t="e"/>
      <c r="C5337" s="6" t="s">
        <v>371</v>
      </c>
      <c r="D5337" s="6" t="s">
        <v>11</v>
      </c>
      <c r="E5337" s="6" t="e"/>
    </row>
    <row r="5338" ht="22" customHeight="true" s="1" customFormat="true" hidden="true" outlineLevel="3">
      <c r="A5338" s="6" t="s">
        <v>5740</v>
      </c>
      <c r="B5338" s="6" t="e"/>
      <c r="C5338" s="6" t="s">
        <v>371</v>
      </c>
      <c r="D5338" s="6" t="s">
        <v>11</v>
      </c>
      <c r="E5338" s="6" t="e"/>
    </row>
    <row r="5339" ht="33" customHeight="true" s="1" customFormat="true" hidden="true" outlineLevel="3">
      <c r="A5339" s="6" t="s">
        <v>5741</v>
      </c>
      <c r="B5339" s="6" t="e"/>
      <c r="C5339" s="6" t="s">
        <v>82</v>
      </c>
      <c r="D5339" s="6" t="s">
        <v>11</v>
      </c>
      <c r="E5339" s="6" t="e"/>
    </row>
    <row r="5340" ht="33" customHeight="true" s="1" customFormat="true" hidden="true" outlineLevel="3">
      <c r="A5340" s="6" t="s">
        <v>5742</v>
      </c>
      <c r="B5340" s="6" t="e"/>
      <c r="C5340" s="6" t="s">
        <v>18</v>
      </c>
      <c r="D5340" s="6" t="s">
        <v>11</v>
      </c>
      <c r="E5340" s="6" t="e"/>
    </row>
    <row r="5341" ht="22" customHeight="true" s="1" customFormat="true" hidden="true" outlineLevel="3">
      <c r="A5341" s="6" t="s">
        <v>5743</v>
      </c>
      <c r="B5341" s="6" t="e"/>
      <c r="C5341" s="6" t="s">
        <v>3428</v>
      </c>
      <c r="D5341" s="6" t="s">
        <v>11</v>
      </c>
      <c r="E5341" s="6" t="e"/>
    </row>
    <row r="5342" ht="22" customHeight="true" s="1" customFormat="true" hidden="true" outlineLevel="3">
      <c r="A5342" s="6" t="s">
        <v>5744</v>
      </c>
      <c r="B5342" s="6" t="e"/>
      <c r="C5342" s="6" t="s">
        <v>3428</v>
      </c>
      <c r="D5342" s="6" t="s">
        <v>26</v>
      </c>
      <c r="E5342" s="6" t="e"/>
    </row>
    <row r="5343" ht="22" customHeight="true" s="1" customFormat="true" hidden="true" outlineLevel="3">
      <c r="A5343" s="6" t="s">
        <v>5745</v>
      </c>
      <c r="B5343" s="6" t="e"/>
      <c r="C5343" s="6" t="s">
        <v>369</v>
      </c>
      <c r="D5343" s="6" t="s">
        <v>11</v>
      </c>
      <c r="E5343" s="6" t="e"/>
    </row>
    <row r="5344" ht="22" customHeight="true" s="1" customFormat="true" hidden="true" outlineLevel="3">
      <c r="A5344" s="6" t="s">
        <v>5746</v>
      </c>
      <c r="B5344" s="6" t="e"/>
      <c r="C5344" s="6" t="s">
        <v>253</v>
      </c>
      <c r="D5344" s="6" t="s">
        <v>26</v>
      </c>
      <c r="E5344" s="6" t="e"/>
    </row>
    <row r="5345" ht="33" customHeight="true" s="1" customFormat="true" hidden="true" outlineLevel="3">
      <c r="A5345" s="6" t="s">
        <v>5747</v>
      </c>
      <c r="B5345" s="6" t="e"/>
      <c r="C5345" s="6" t="s">
        <v>2768</v>
      </c>
      <c r="D5345" s="6" t="s">
        <v>26</v>
      </c>
      <c r="E5345" s="6" t="e"/>
    </row>
    <row r="5346" ht="22" customHeight="true" s="1" customFormat="true" hidden="true" outlineLevel="3">
      <c r="A5346" s="6" t="s">
        <v>5748</v>
      </c>
      <c r="B5346" s="6" t="e"/>
      <c r="C5346" s="6" t="s">
        <v>50</v>
      </c>
      <c r="D5346" s="6" t="s">
        <v>26</v>
      </c>
      <c r="E5346" s="6" t="e"/>
    </row>
    <row r="5347" ht="22" customHeight="true" s="1" customFormat="true" hidden="true" outlineLevel="3">
      <c r="A5347" s="6" t="s">
        <v>5749</v>
      </c>
      <c r="B5347" s="6" t="e"/>
      <c r="C5347" s="6" t="s">
        <v>1214</v>
      </c>
      <c r="D5347" s="6" t="s">
        <v>11</v>
      </c>
      <c r="E5347" s="6" t="e"/>
    </row>
    <row r="5348" ht="44" customHeight="true" s="1" customFormat="true" hidden="true" collapsed="true" outlineLevel="3">
      <c r="A5348" s="6" t="s">
        <v>5750</v>
      </c>
      <c r="B5348" s="6" t="e"/>
      <c r="C5348" s="6" t="s">
        <v>82</v>
      </c>
      <c r="D5348" s="6" t="s">
        <v>26</v>
      </c>
      <c r="E5348" s="6" t="e"/>
    </row>
    <row r="5349" ht="11" customHeight="true" s="1" customFormat="true" hidden="true" collapsed="true" outlineLevel="2">
      <c r="A5349" s="5" t="s">
        <v>5751</v>
      </c>
      <c r="B5349" s="5" t="e"/>
      <c r="C5349" s="5" t="e"/>
      <c r="D5349" s="5" t="e"/>
      <c r="E5349" s="5" t="e"/>
    </row>
    <row r="5350" ht="22" customHeight="true" s="1" customFormat="true" hidden="true" outlineLevel="3">
      <c r="A5350" s="6" t="s">
        <v>5752</v>
      </c>
      <c r="B5350" s="6" t="e"/>
      <c r="C5350" s="6" t="s">
        <v>21</v>
      </c>
      <c r="D5350" s="6" t="s">
        <v>11</v>
      </c>
      <c r="E5350" s="6" t="e"/>
    </row>
    <row r="5351" ht="22" customHeight="true" s="1" customFormat="true" hidden="true" outlineLevel="3">
      <c r="A5351" s="6" t="s">
        <v>5753</v>
      </c>
      <c r="B5351" s="6" t="e"/>
      <c r="C5351" s="6" t="s">
        <v>5583</v>
      </c>
      <c r="D5351" s="6" t="s">
        <v>11</v>
      </c>
      <c r="E5351" s="6" t="e"/>
    </row>
    <row r="5352" ht="22" customHeight="true" s="1" customFormat="true" hidden="true" outlineLevel="3">
      <c r="A5352" s="6" t="s">
        <v>5754</v>
      </c>
      <c r="B5352" s="6" t="e"/>
      <c r="C5352" s="6" t="s">
        <v>82</v>
      </c>
      <c r="D5352" s="6" t="s">
        <v>11</v>
      </c>
      <c r="E5352" s="6" t="e"/>
    </row>
    <row r="5353" ht="22" customHeight="true" s="1" customFormat="true" hidden="true" outlineLevel="3">
      <c r="A5353" s="6" t="s">
        <v>5755</v>
      </c>
      <c r="B5353" s="6" t="e"/>
      <c r="C5353" s="6" t="s">
        <v>83</v>
      </c>
      <c r="D5353" s="6" t="s">
        <v>11</v>
      </c>
      <c r="E5353" s="6" t="e"/>
    </row>
    <row r="5354" ht="22" customHeight="true" s="1" customFormat="true" hidden="true" outlineLevel="3">
      <c r="A5354" s="6" t="s">
        <v>5756</v>
      </c>
      <c r="B5354" s="6" t="e"/>
      <c r="C5354" s="6" t="s">
        <v>2678</v>
      </c>
      <c r="D5354" s="6" t="s">
        <v>11</v>
      </c>
      <c r="E5354" s="6" t="e"/>
    </row>
    <row r="5355" ht="22" customHeight="true" s="1" customFormat="true" hidden="true" outlineLevel="3">
      <c r="A5355" s="6" t="s">
        <v>5757</v>
      </c>
      <c r="B5355" s="6" t="e"/>
      <c r="C5355" s="6" t="s">
        <v>3428</v>
      </c>
      <c r="D5355" s="6" t="s">
        <v>11</v>
      </c>
      <c r="E5355" s="6" t="e"/>
    </row>
    <row r="5356" ht="22" customHeight="true" s="1" customFormat="true" hidden="true" outlineLevel="3">
      <c r="A5356" s="6" t="s">
        <v>5758</v>
      </c>
      <c r="B5356" s="6" t="e"/>
      <c r="C5356" s="6" t="s">
        <v>1186</v>
      </c>
      <c r="D5356" s="6" t="s">
        <v>11</v>
      </c>
      <c r="E5356" s="6" t="e"/>
    </row>
    <row r="5357" ht="22" customHeight="true" s="1" customFormat="true" hidden="true" outlineLevel="3">
      <c r="A5357" s="6" t="s">
        <v>5759</v>
      </c>
      <c r="B5357" s="6" t="e"/>
      <c r="C5357" s="6" t="s">
        <v>1212</v>
      </c>
      <c r="D5357" s="6" t="s">
        <v>11</v>
      </c>
      <c r="E5357" s="6" t="e"/>
    </row>
    <row r="5358" ht="22" customHeight="true" s="1" customFormat="true" hidden="true" outlineLevel="3">
      <c r="A5358" s="6" t="s">
        <v>5760</v>
      </c>
      <c r="B5358" s="6" t="e"/>
      <c r="C5358" s="6" t="s">
        <v>5761</v>
      </c>
      <c r="D5358" s="6" t="s">
        <v>11</v>
      </c>
      <c r="E5358" s="6" t="e"/>
    </row>
    <row r="5359" ht="22" customHeight="true" s="1" customFormat="true" hidden="true" outlineLevel="3">
      <c r="A5359" s="6" t="s">
        <v>5762</v>
      </c>
      <c r="B5359" s="6" t="e"/>
      <c r="C5359" s="6" t="s">
        <v>369</v>
      </c>
      <c r="D5359" s="6" t="s">
        <v>11</v>
      </c>
      <c r="E5359" s="6" t="e"/>
    </row>
    <row r="5360" ht="22" customHeight="true" s="1" customFormat="true" hidden="true" outlineLevel="3">
      <c r="A5360" s="6" t="s">
        <v>5763</v>
      </c>
      <c r="B5360" s="6" t="e"/>
      <c r="C5360" s="6" t="s">
        <v>2768</v>
      </c>
      <c r="D5360" s="6" t="s">
        <v>26</v>
      </c>
      <c r="E5360" s="6" t="e"/>
    </row>
    <row r="5361" ht="22" customHeight="true" s="1" customFormat="true" hidden="true" outlineLevel="3">
      <c r="A5361" s="6" t="s">
        <v>5764</v>
      </c>
      <c r="B5361" s="6" t="e"/>
      <c r="C5361" s="6" t="s">
        <v>155</v>
      </c>
      <c r="D5361" s="6" t="s">
        <v>11</v>
      </c>
      <c r="E5361" s="6" t="e"/>
    </row>
    <row r="5362" ht="22" customHeight="true" s="1" customFormat="true" hidden="true" outlineLevel="3">
      <c r="A5362" s="6" t="s">
        <v>5765</v>
      </c>
      <c r="B5362" s="6" t="e"/>
      <c r="C5362" s="6" t="s">
        <v>2768</v>
      </c>
      <c r="D5362" s="6" t="s">
        <v>11</v>
      </c>
      <c r="E5362" s="6" t="e"/>
    </row>
    <row r="5363" ht="22" customHeight="true" s="1" customFormat="true" hidden="true" collapsed="true" outlineLevel="3">
      <c r="A5363" s="6" t="s">
        <v>5766</v>
      </c>
      <c r="B5363" s="6" t="e"/>
      <c r="C5363" s="6" t="s">
        <v>103</v>
      </c>
      <c r="D5363" s="6" t="s">
        <v>26</v>
      </c>
      <c r="E5363" s="6" t="e"/>
    </row>
    <row r="5364" ht="11" customHeight="true" s="1" customFormat="true" hidden="true" collapsed="true" outlineLevel="2">
      <c r="A5364" s="5" t="s">
        <v>5767</v>
      </c>
      <c r="B5364" s="5" t="e"/>
      <c r="C5364" s="5" t="e"/>
      <c r="D5364" s="5" t="e"/>
      <c r="E5364" s="5" t="e"/>
    </row>
    <row r="5365" ht="44" customHeight="true" s="1" customFormat="true" hidden="true" collapsed="true" outlineLevel="3">
      <c r="A5365" s="6" t="s">
        <v>5768</v>
      </c>
      <c r="B5365" s="6" t="e"/>
      <c r="C5365" s="6" t="s">
        <v>126</v>
      </c>
      <c r="D5365" s="6" t="s">
        <v>11</v>
      </c>
      <c r="E5365" s="6" t="e"/>
    </row>
    <row r="5366" ht="11" customHeight="true" s="1" customFormat="true" hidden="true" collapsed="true" outlineLevel="2">
      <c r="A5366" s="5" t="s">
        <v>5769</v>
      </c>
      <c r="B5366" s="5" t="e"/>
      <c r="C5366" s="5" t="e"/>
      <c r="D5366" s="5" t="e"/>
      <c r="E5366" s="5" t="e"/>
    </row>
    <row r="5367" ht="22" customHeight="true" s="1" customFormat="true" hidden="true" outlineLevel="3">
      <c r="A5367" s="6" t="s">
        <v>5770</v>
      </c>
      <c r="B5367" s="6" t="e"/>
      <c r="C5367" s="6" t="s">
        <v>149</v>
      </c>
      <c r="D5367" s="6" t="s">
        <v>11</v>
      </c>
      <c r="E5367" s="6" t="e"/>
    </row>
    <row r="5368" ht="22" customHeight="true" s="1" customFormat="true" hidden="true" outlineLevel="3">
      <c r="A5368" s="6" t="s">
        <v>5771</v>
      </c>
      <c r="B5368" s="6" t="e"/>
      <c r="C5368" s="6" t="s">
        <v>136</v>
      </c>
      <c r="D5368" s="6" t="s">
        <v>11</v>
      </c>
      <c r="E5368" s="6" t="e"/>
    </row>
    <row r="5369" ht="33" customHeight="true" s="1" customFormat="true" hidden="true" outlineLevel="3">
      <c r="A5369" s="6" t="s">
        <v>5772</v>
      </c>
      <c r="B5369" s="6" t="e"/>
      <c r="C5369" s="6" t="s">
        <v>2768</v>
      </c>
      <c r="D5369" s="6" t="s">
        <v>11</v>
      </c>
      <c r="E5369" s="6" t="e"/>
    </row>
    <row r="5370" ht="22" customHeight="true" s="1" customFormat="true" hidden="true" outlineLevel="3">
      <c r="A5370" s="6" t="s">
        <v>5773</v>
      </c>
      <c r="B5370" s="6" t="e"/>
      <c r="C5370" s="6" t="s">
        <v>155</v>
      </c>
      <c r="D5370" s="6" t="s">
        <v>40</v>
      </c>
      <c r="E5370" s="6" t="e"/>
    </row>
    <row r="5371" ht="33" customHeight="true" s="1" customFormat="true" hidden="true" outlineLevel="3">
      <c r="A5371" s="6" t="s">
        <v>5774</v>
      </c>
      <c r="B5371" s="6" t="e"/>
      <c r="C5371" s="6" t="s">
        <v>371</v>
      </c>
      <c r="D5371" s="6" t="s">
        <v>11</v>
      </c>
      <c r="E5371" s="6" t="e"/>
    </row>
    <row r="5372" ht="33" customHeight="true" s="1" customFormat="true" hidden="true" outlineLevel="3">
      <c r="A5372" s="6" t="s">
        <v>5775</v>
      </c>
      <c r="B5372" s="6" t="e"/>
      <c r="C5372" s="6" t="s">
        <v>371</v>
      </c>
      <c r="D5372" s="6" t="s">
        <v>26</v>
      </c>
      <c r="E5372" s="6" t="e"/>
    </row>
    <row r="5373" ht="22" customHeight="true" s="1" customFormat="true" hidden="true" outlineLevel="3">
      <c r="A5373" s="6" t="s">
        <v>5776</v>
      </c>
      <c r="B5373" s="6" t="e"/>
      <c r="C5373" s="6" t="s">
        <v>103</v>
      </c>
      <c r="D5373" s="6" t="s">
        <v>11</v>
      </c>
      <c r="E5373" s="6" t="e"/>
    </row>
    <row r="5374" ht="33" customHeight="true" s="1" customFormat="true" hidden="true" outlineLevel="3">
      <c r="A5374" s="6" t="s">
        <v>5777</v>
      </c>
      <c r="B5374" s="6" t="e"/>
      <c r="C5374" s="6" t="s">
        <v>82</v>
      </c>
      <c r="D5374" s="6" t="s">
        <v>26</v>
      </c>
      <c r="E5374" s="6" t="e"/>
    </row>
    <row r="5375" ht="33" customHeight="true" s="1" customFormat="true" hidden="true" outlineLevel="3">
      <c r="A5375" s="6" t="s">
        <v>5778</v>
      </c>
      <c r="B5375" s="6" t="e"/>
      <c r="C5375" s="6" t="s">
        <v>371</v>
      </c>
      <c r="D5375" s="6" t="s">
        <v>11</v>
      </c>
      <c r="E5375" s="6" t="e"/>
    </row>
    <row r="5376" ht="22" customHeight="true" s="1" customFormat="true" hidden="true" outlineLevel="3">
      <c r="A5376" s="6" t="s">
        <v>5779</v>
      </c>
      <c r="B5376" s="6" t="e"/>
      <c r="C5376" s="6" t="s">
        <v>371</v>
      </c>
      <c r="D5376" s="6" t="s">
        <v>11</v>
      </c>
      <c r="E5376" s="6" t="e"/>
    </row>
    <row r="5377" ht="33" customHeight="true" s="1" customFormat="true" hidden="true" outlineLevel="3">
      <c r="A5377" s="6" t="s">
        <v>5780</v>
      </c>
      <c r="B5377" s="6" t="e"/>
      <c r="C5377" s="6" t="s">
        <v>82</v>
      </c>
      <c r="D5377" s="6" t="s">
        <v>11</v>
      </c>
      <c r="E5377" s="6" t="e"/>
    </row>
    <row r="5378" ht="22" customHeight="true" s="1" customFormat="true" hidden="true" outlineLevel="3">
      <c r="A5378" s="6" t="s">
        <v>5781</v>
      </c>
      <c r="B5378" s="6" t="e"/>
      <c r="C5378" s="6" t="s">
        <v>55</v>
      </c>
      <c r="D5378" s="6" t="s">
        <v>11</v>
      </c>
      <c r="E5378" s="6" t="e"/>
    </row>
    <row r="5379" ht="33" customHeight="true" s="1" customFormat="true" hidden="true" outlineLevel="3">
      <c r="A5379" s="6" t="s">
        <v>5782</v>
      </c>
      <c r="B5379" s="6" t="e"/>
      <c r="C5379" s="6" t="s">
        <v>2768</v>
      </c>
      <c r="D5379" s="6" t="s">
        <v>11</v>
      </c>
      <c r="E5379" s="6" t="e"/>
    </row>
    <row r="5380" ht="22" customHeight="true" s="1" customFormat="true" hidden="true" outlineLevel="3">
      <c r="A5380" s="6" t="s">
        <v>5783</v>
      </c>
      <c r="B5380" s="6" t="e"/>
      <c r="C5380" s="6" t="s">
        <v>225</v>
      </c>
      <c r="D5380" s="6" t="s">
        <v>26</v>
      </c>
      <c r="E5380" s="6" t="e"/>
    </row>
    <row r="5381" ht="22" customHeight="true" s="1" customFormat="true" hidden="true" outlineLevel="3">
      <c r="A5381" s="6" t="s">
        <v>5784</v>
      </c>
      <c r="B5381" s="6" t="e"/>
      <c r="C5381" s="6" t="s">
        <v>155</v>
      </c>
      <c r="D5381" s="6" t="s">
        <v>26</v>
      </c>
      <c r="E5381" s="6" t="e"/>
    </row>
    <row r="5382" ht="33" customHeight="true" s="1" customFormat="true" hidden="true" outlineLevel="3">
      <c r="A5382" s="6" t="s">
        <v>5785</v>
      </c>
      <c r="B5382" s="6" t="e"/>
      <c r="C5382" s="6" t="s">
        <v>253</v>
      </c>
      <c r="D5382" s="6" t="s">
        <v>11</v>
      </c>
      <c r="E5382" s="6" t="e"/>
    </row>
    <row r="5383" ht="33" customHeight="true" s="1" customFormat="true" hidden="true" outlineLevel="3">
      <c r="A5383" s="6" t="s">
        <v>5786</v>
      </c>
      <c r="B5383" s="6" t="e"/>
      <c r="C5383" s="6" t="s">
        <v>253</v>
      </c>
      <c r="D5383" s="6" t="s">
        <v>11</v>
      </c>
      <c r="E5383" s="6" t="e"/>
    </row>
    <row r="5384" ht="22" customHeight="true" s="1" customFormat="true" hidden="true" outlineLevel="3">
      <c r="A5384" s="6" t="s">
        <v>5787</v>
      </c>
      <c r="B5384" s="6" t="e"/>
      <c r="C5384" s="6" t="s">
        <v>55</v>
      </c>
      <c r="D5384" s="6" t="s">
        <v>11</v>
      </c>
      <c r="E5384" s="6" t="e"/>
    </row>
    <row r="5385" ht="22" customHeight="true" s="1" customFormat="true" hidden="true" outlineLevel="3">
      <c r="A5385" s="6" t="s">
        <v>5788</v>
      </c>
      <c r="B5385" s="6" t="e"/>
      <c r="C5385" s="6" t="s">
        <v>225</v>
      </c>
      <c r="D5385" s="6" t="s">
        <v>11</v>
      </c>
      <c r="E5385" s="6" t="e"/>
    </row>
    <row r="5386" ht="22" customHeight="true" s="1" customFormat="true" hidden="true" outlineLevel="3">
      <c r="A5386" s="6" t="s">
        <v>5789</v>
      </c>
      <c r="B5386" s="6" t="e"/>
      <c r="C5386" s="6" t="s">
        <v>141</v>
      </c>
      <c r="D5386" s="6" t="s">
        <v>11</v>
      </c>
      <c r="E5386" s="6" t="e"/>
    </row>
    <row r="5387" ht="33" customHeight="true" s="1" customFormat="true" hidden="true" outlineLevel="3">
      <c r="A5387" s="6" t="s">
        <v>5790</v>
      </c>
      <c r="B5387" s="6" t="e"/>
      <c r="C5387" s="6" t="s">
        <v>1214</v>
      </c>
      <c r="D5387" s="6" t="s">
        <v>26</v>
      </c>
      <c r="E5387" s="6" t="e"/>
    </row>
    <row r="5388" ht="22" customHeight="true" s="1" customFormat="true" hidden="true" outlineLevel="3">
      <c r="A5388" s="6" t="s">
        <v>5791</v>
      </c>
      <c r="B5388" s="6" t="e"/>
      <c r="C5388" s="6" t="s">
        <v>2768</v>
      </c>
      <c r="D5388" s="6" t="s">
        <v>11</v>
      </c>
      <c r="E5388" s="6" t="e"/>
    </row>
    <row r="5389" ht="22" customHeight="true" s="1" customFormat="true" hidden="true" outlineLevel="3">
      <c r="A5389" s="6" t="s">
        <v>5792</v>
      </c>
      <c r="B5389" s="6" t="e"/>
      <c r="C5389" s="6" t="s">
        <v>371</v>
      </c>
      <c r="D5389" s="6" t="s">
        <v>11</v>
      </c>
      <c r="E5389" s="6" t="e"/>
    </row>
    <row r="5390" ht="33" customHeight="true" s="1" customFormat="true" hidden="true" outlineLevel="3">
      <c r="A5390" s="6" t="s">
        <v>5793</v>
      </c>
      <c r="B5390" s="6" t="e"/>
      <c r="C5390" s="6" t="s">
        <v>2768</v>
      </c>
      <c r="D5390" s="6" t="s">
        <v>26</v>
      </c>
      <c r="E5390" s="6" t="e"/>
    </row>
    <row r="5391" ht="22" customHeight="true" s="1" customFormat="true" hidden="true" outlineLevel="3">
      <c r="A5391" s="6" t="s">
        <v>5794</v>
      </c>
      <c r="B5391" s="6" t="e"/>
      <c r="C5391" s="6" t="s">
        <v>371</v>
      </c>
      <c r="D5391" s="6" t="s">
        <v>11</v>
      </c>
      <c r="E5391" s="6" t="e"/>
    </row>
    <row r="5392" ht="33" customHeight="true" s="1" customFormat="true" hidden="true" outlineLevel="3">
      <c r="A5392" s="6" t="s">
        <v>5795</v>
      </c>
      <c r="B5392" s="6" t="e"/>
      <c r="C5392" s="6" t="s">
        <v>2768</v>
      </c>
      <c r="D5392" s="6" t="s">
        <v>15</v>
      </c>
      <c r="E5392" s="6" t="e"/>
    </row>
    <row r="5393" ht="33" customHeight="true" s="1" customFormat="true" hidden="true" outlineLevel="3">
      <c r="A5393" s="6" t="s">
        <v>5796</v>
      </c>
      <c r="B5393" s="6" t="e"/>
      <c r="C5393" s="6" t="s">
        <v>2768</v>
      </c>
      <c r="D5393" s="6" t="s">
        <v>26</v>
      </c>
      <c r="E5393" s="6" t="e"/>
    </row>
    <row r="5394" ht="44" customHeight="true" s="1" customFormat="true" hidden="true" outlineLevel="3">
      <c r="A5394" s="6" t="s">
        <v>5797</v>
      </c>
      <c r="B5394" s="6" t="e"/>
      <c r="C5394" s="6" t="s">
        <v>1186</v>
      </c>
      <c r="D5394" s="6" t="s">
        <v>26</v>
      </c>
      <c r="E5394" s="6" t="e"/>
    </row>
    <row r="5395" ht="44" customHeight="true" s="1" customFormat="true" hidden="true" outlineLevel="3">
      <c r="A5395" s="6" t="s">
        <v>5798</v>
      </c>
      <c r="B5395" s="6" t="e"/>
      <c r="C5395" s="6" t="s">
        <v>3428</v>
      </c>
      <c r="D5395" s="6" t="s">
        <v>11</v>
      </c>
      <c r="E5395" s="6" t="e"/>
    </row>
    <row r="5396" ht="33" customHeight="true" s="1" customFormat="true" hidden="true" outlineLevel="3">
      <c r="A5396" s="6" t="s">
        <v>5799</v>
      </c>
      <c r="B5396" s="6" t="e"/>
      <c r="C5396" s="6" t="s">
        <v>2768</v>
      </c>
      <c r="D5396" s="6" t="s">
        <v>57</v>
      </c>
      <c r="E5396" s="6" t="e"/>
    </row>
    <row r="5397" ht="22" customHeight="true" s="1" customFormat="true" hidden="true" outlineLevel="3">
      <c r="A5397" s="6" t="s">
        <v>5800</v>
      </c>
      <c r="B5397" s="6" t="e"/>
      <c r="C5397" s="6" t="s">
        <v>371</v>
      </c>
      <c r="D5397" s="6" t="s">
        <v>11</v>
      </c>
      <c r="E5397" s="6" t="e"/>
    </row>
    <row r="5398" ht="22" customHeight="true" s="1" customFormat="true" hidden="true" outlineLevel="3">
      <c r="A5398" s="6" t="s">
        <v>5801</v>
      </c>
      <c r="B5398" s="6" t="e"/>
      <c r="C5398" s="6" t="s">
        <v>253</v>
      </c>
      <c r="D5398" s="6" t="s">
        <v>40</v>
      </c>
      <c r="E5398" s="6" t="e"/>
    </row>
    <row r="5399" ht="33" customHeight="true" s="1" customFormat="true" hidden="true" outlineLevel="3">
      <c r="A5399" s="6" t="s">
        <v>5802</v>
      </c>
      <c r="B5399" s="6" t="e"/>
      <c r="C5399" s="6" t="s">
        <v>2768</v>
      </c>
      <c r="D5399" s="6" t="s">
        <v>11</v>
      </c>
      <c r="E5399" s="6" t="e"/>
    </row>
    <row r="5400" ht="22" customHeight="true" s="1" customFormat="true" hidden="true" outlineLevel="3">
      <c r="A5400" s="6" t="s">
        <v>5803</v>
      </c>
      <c r="B5400" s="6" t="e"/>
      <c r="C5400" s="6" t="s">
        <v>371</v>
      </c>
      <c r="D5400" s="6" t="s">
        <v>11</v>
      </c>
      <c r="E5400" s="6" t="e"/>
    </row>
    <row r="5401" ht="44" customHeight="true" s="1" customFormat="true" hidden="true" outlineLevel="3">
      <c r="A5401" s="6" t="s">
        <v>5804</v>
      </c>
      <c r="B5401" s="6" t="e"/>
      <c r="C5401" s="6" t="s">
        <v>2768</v>
      </c>
      <c r="D5401" s="6" t="s">
        <v>26</v>
      </c>
      <c r="E5401" s="6" t="e"/>
    </row>
    <row r="5402" ht="33" customHeight="true" s="1" customFormat="true" hidden="true" outlineLevel="3">
      <c r="A5402" s="6" t="s">
        <v>5805</v>
      </c>
      <c r="B5402" s="6" t="e"/>
      <c r="C5402" s="6" t="s">
        <v>253</v>
      </c>
      <c r="D5402" s="6" t="s">
        <v>11</v>
      </c>
      <c r="E5402" s="6" t="e"/>
    </row>
    <row r="5403" ht="44" customHeight="true" s="1" customFormat="true" hidden="true" outlineLevel="3">
      <c r="A5403" s="6" t="s">
        <v>5806</v>
      </c>
      <c r="B5403" s="6" t="e"/>
      <c r="C5403" s="6" t="s">
        <v>2768</v>
      </c>
      <c r="D5403" s="6" t="s">
        <v>11</v>
      </c>
      <c r="E5403" s="6" t="e"/>
    </row>
    <row r="5404" ht="33" customHeight="true" s="1" customFormat="true" hidden="true" outlineLevel="3">
      <c r="A5404" s="6" t="s">
        <v>5807</v>
      </c>
      <c r="B5404" s="6" t="e"/>
      <c r="C5404" s="6" t="s">
        <v>21</v>
      </c>
      <c r="D5404" s="6" t="s">
        <v>11</v>
      </c>
      <c r="E5404" s="6" t="e"/>
    </row>
    <row r="5405" ht="33" customHeight="true" s="1" customFormat="true" hidden="true" outlineLevel="3">
      <c r="A5405" s="6" t="s">
        <v>5808</v>
      </c>
      <c r="B5405" s="6" t="e"/>
      <c r="C5405" s="6" t="s">
        <v>253</v>
      </c>
      <c r="D5405" s="6" t="s">
        <v>11</v>
      </c>
      <c r="E5405" s="6" t="e"/>
    </row>
    <row r="5406" ht="22" customHeight="true" s="1" customFormat="true" hidden="true" outlineLevel="3">
      <c r="A5406" s="6" t="s">
        <v>5809</v>
      </c>
      <c r="B5406" s="6" t="e"/>
      <c r="C5406" s="6" t="s">
        <v>3428</v>
      </c>
      <c r="D5406" s="6" t="s">
        <v>26</v>
      </c>
      <c r="E5406" s="6" t="e"/>
    </row>
    <row r="5407" ht="33" customHeight="true" s="1" customFormat="true" hidden="true" outlineLevel="3">
      <c r="A5407" s="6" t="s">
        <v>5810</v>
      </c>
      <c r="B5407" s="6" t="e"/>
      <c r="C5407" s="6" t="s">
        <v>82</v>
      </c>
      <c r="D5407" s="6" t="s">
        <v>40</v>
      </c>
      <c r="E5407" s="6" t="e"/>
    </row>
    <row r="5408" ht="44" customHeight="true" s="1" customFormat="true" hidden="true" outlineLevel="3">
      <c r="A5408" s="6" t="s">
        <v>5811</v>
      </c>
      <c r="B5408" s="6" t="e"/>
      <c r="C5408" s="6" t="s">
        <v>3428</v>
      </c>
      <c r="D5408" s="6" t="s">
        <v>11</v>
      </c>
      <c r="E5408" s="6" t="e"/>
    </row>
    <row r="5409" ht="33" customHeight="true" s="1" customFormat="true" hidden="true" outlineLevel="3">
      <c r="A5409" s="6" t="s">
        <v>5812</v>
      </c>
      <c r="B5409" s="6" t="e"/>
      <c r="C5409" s="6" t="s">
        <v>18</v>
      </c>
      <c r="D5409" s="6" t="s">
        <v>11</v>
      </c>
      <c r="E5409" s="6" t="e"/>
    </row>
    <row r="5410" ht="44" customHeight="true" s="1" customFormat="true" hidden="true" outlineLevel="3">
      <c r="A5410" s="6" t="s">
        <v>5813</v>
      </c>
      <c r="B5410" s="6" t="e"/>
      <c r="C5410" s="6" t="s">
        <v>3428</v>
      </c>
      <c r="D5410" s="6" t="s">
        <v>11</v>
      </c>
      <c r="E5410" s="6" t="e"/>
    </row>
    <row r="5411" ht="33" customHeight="true" s="1" customFormat="true" hidden="true" outlineLevel="3">
      <c r="A5411" s="6" t="s">
        <v>5814</v>
      </c>
      <c r="B5411" s="6" t="e"/>
      <c r="C5411" s="6" t="s">
        <v>253</v>
      </c>
      <c r="D5411" s="6" t="s">
        <v>11</v>
      </c>
      <c r="E5411" s="6" t="e"/>
    </row>
    <row r="5412" ht="44" customHeight="true" s="1" customFormat="true" hidden="true" outlineLevel="3">
      <c r="A5412" s="6" t="s">
        <v>5815</v>
      </c>
      <c r="B5412" s="6" t="e"/>
      <c r="C5412" s="6" t="s">
        <v>83</v>
      </c>
      <c r="D5412" s="6" t="s">
        <v>11</v>
      </c>
      <c r="E5412" s="6" t="e"/>
    </row>
    <row r="5413" ht="22" customHeight="true" s="1" customFormat="true" hidden="true" outlineLevel="3">
      <c r="A5413" s="6" t="s">
        <v>5816</v>
      </c>
      <c r="B5413" s="6" t="e"/>
      <c r="C5413" s="6" t="s">
        <v>1212</v>
      </c>
      <c r="D5413" s="6" t="s">
        <v>26</v>
      </c>
      <c r="E5413" s="6" t="e"/>
    </row>
    <row r="5414" ht="22" customHeight="true" s="1" customFormat="true" hidden="true" outlineLevel="3">
      <c r="A5414" s="6" t="s">
        <v>5817</v>
      </c>
      <c r="B5414" s="6" t="e"/>
      <c r="C5414" s="6" t="s">
        <v>1212</v>
      </c>
      <c r="D5414" s="6" t="s">
        <v>26</v>
      </c>
      <c r="E5414" s="6" t="e"/>
    </row>
    <row r="5415" ht="22" customHeight="true" s="1" customFormat="true" hidden="true" outlineLevel="3">
      <c r="A5415" s="6" t="s">
        <v>5818</v>
      </c>
      <c r="B5415" s="6" t="e"/>
      <c r="C5415" s="6" t="s">
        <v>253</v>
      </c>
      <c r="D5415" s="6" t="s">
        <v>11</v>
      </c>
      <c r="E5415" s="6" t="e"/>
    </row>
    <row r="5416" ht="22" customHeight="true" s="1" customFormat="true" hidden="true" outlineLevel="3">
      <c r="A5416" s="6" t="s">
        <v>5819</v>
      </c>
      <c r="B5416" s="6" t="e"/>
      <c r="C5416" s="6" t="s">
        <v>126</v>
      </c>
      <c r="D5416" s="6" t="s">
        <v>26</v>
      </c>
      <c r="E5416" s="6" t="e"/>
    </row>
    <row r="5417" ht="22" customHeight="true" s="1" customFormat="true" hidden="true" outlineLevel="3">
      <c r="A5417" s="6" t="s">
        <v>5820</v>
      </c>
      <c r="B5417" s="6" t="e"/>
      <c r="C5417" s="6" t="s">
        <v>2768</v>
      </c>
      <c r="D5417" s="6" t="s">
        <v>11</v>
      </c>
      <c r="E5417" s="6" t="e"/>
    </row>
    <row r="5418" ht="22" customHeight="true" s="1" customFormat="true" hidden="true" outlineLevel="3">
      <c r="A5418" s="6" t="s">
        <v>5821</v>
      </c>
      <c r="B5418" s="6" t="e"/>
      <c r="C5418" s="6" t="s">
        <v>2768</v>
      </c>
      <c r="D5418" s="6" t="s">
        <v>40</v>
      </c>
      <c r="E5418" s="6" t="e"/>
    </row>
    <row r="5419" ht="33" customHeight="true" s="1" customFormat="true" hidden="true" outlineLevel="3">
      <c r="A5419" s="6" t="s">
        <v>5822</v>
      </c>
      <c r="B5419" s="6" t="e"/>
      <c r="C5419" s="6" t="s">
        <v>55</v>
      </c>
      <c r="D5419" s="6" t="s">
        <v>11</v>
      </c>
      <c r="E5419" s="6" t="e"/>
    </row>
    <row r="5420" ht="56" customHeight="true" s="1" customFormat="true" hidden="true" outlineLevel="3">
      <c r="A5420" s="6" t="s">
        <v>5823</v>
      </c>
      <c r="B5420" s="6" t="e"/>
      <c r="C5420" s="6" t="s">
        <v>253</v>
      </c>
      <c r="D5420" s="6" t="s">
        <v>11</v>
      </c>
      <c r="E5420" s="6" t="e"/>
    </row>
    <row r="5421" ht="33" customHeight="true" s="1" customFormat="true" hidden="true" outlineLevel="3">
      <c r="A5421" s="6" t="s">
        <v>5824</v>
      </c>
      <c r="B5421" s="6" t="e"/>
      <c r="C5421" s="6" t="s">
        <v>2768</v>
      </c>
      <c r="D5421" s="6" t="s">
        <v>11</v>
      </c>
      <c r="E5421" s="6" t="e"/>
    </row>
    <row r="5422" ht="22" customHeight="true" s="1" customFormat="true" hidden="true" outlineLevel="3">
      <c r="A5422" s="6" t="s">
        <v>5825</v>
      </c>
      <c r="B5422" s="6" t="e"/>
      <c r="C5422" s="6" t="s">
        <v>371</v>
      </c>
      <c r="D5422" s="6" t="s">
        <v>11</v>
      </c>
      <c r="E5422" s="6" t="e"/>
    </row>
    <row r="5423" ht="22" customHeight="true" s="1" customFormat="true" hidden="true" outlineLevel="3">
      <c r="A5423" s="6" t="s">
        <v>5826</v>
      </c>
      <c r="B5423" s="6" t="e"/>
      <c r="C5423" s="6" t="s">
        <v>21</v>
      </c>
      <c r="D5423" s="6" t="s">
        <v>11</v>
      </c>
      <c r="E5423" s="6" t="e"/>
    </row>
    <row r="5424" ht="22" customHeight="true" s="1" customFormat="true" hidden="true" outlineLevel="3">
      <c r="A5424" s="6" t="s">
        <v>5827</v>
      </c>
      <c r="B5424" s="6" t="e"/>
      <c r="C5424" s="6" t="s">
        <v>369</v>
      </c>
      <c r="D5424" s="6" t="s">
        <v>11</v>
      </c>
      <c r="E5424" s="6" t="e"/>
    </row>
    <row r="5425" ht="33" customHeight="true" s="1" customFormat="true" hidden="true" outlineLevel="3">
      <c r="A5425" s="6" t="s">
        <v>5828</v>
      </c>
      <c r="B5425" s="6" t="e"/>
      <c r="C5425" s="6" t="s">
        <v>2768</v>
      </c>
      <c r="D5425" s="6" t="s">
        <v>26</v>
      </c>
      <c r="E5425" s="6" t="e"/>
    </row>
    <row r="5426" ht="33" customHeight="true" s="1" customFormat="true" hidden="true" outlineLevel="3">
      <c r="A5426" s="6" t="s">
        <v>5829</v>
      </c>
      <c r="B5426" s="6" t="e"/>
      <c r="C5426" s="6" t="s">
        <v>83</v>
      </c>
      <c r="D5426" s="6" t="s">
        <v>11</v>
      </c>
      <c r="E5426" s="6" t="e"/>
    </row>
    <row r="5427" ht="22" customHeight="true" s="1" customFormat="true" hidden="true" outlineLevel="3">
      <c r="A5427" s="6" t="s">
        <v>5830</v>
      </c>
      <c r="B5427" s="6" t="e"/>
      <c r="C5427" s="6" t="s">
        <v>369</v>
      </c>
      <c r="D5427" s="6" t="s">
        <v>26</v>
      </c>
      <c r="E5427" s="6" t="e"/>
    </row>
    <row r="5428" ht="22" customHeight="true" s="1" customFormat="true" hidden="true" outlineLevel="3">
      <c r="A5428" s="6" t="s">
        <v>5831</v>
      </c>
      <c r="B5428" s="6" t="e"/>
      <c r="C5428" s="6" t="s">
        <v>21</v>
      </c>
      <c r="D5428" s="6" t="s">
        <v>11</v>
      </c>
      <c r="E5428" s="6" t="e"/>
    </row>
    <row r="5429" ht="33" customHeight="true" s="1" customFormat="true" hidden="true" outlineLevel="3">
      <c r="A5429" s="6" t="s">
        <v>5832</v>
      </c>
      <c r="B5429" s="6" t="e"/>
      <c r="C5429" s="6" t="s">
        <v>369</v>
      </c>
      <c r="D5429" s="6" t="s">
        <v>15</v>
      </c>
      <c r="E5429" s="6" t="e"/>
    </row>
    <row r="5430" ht="33" customHeight="true" s="1" customFormat="true" hidden="true" outlineLevel="3">
      <c r="A5430" s="6" t="s">
        <v>5833</v>
      </c>
      <c r="B5430" s="6" t="e"/>
      <c r="C5430" s="6" t="s">
        <v>83</v>
      </c>
      <c r="D5430" s="6" t="s">
        <v>11</v>
      </c>
      <c r="E5430" s="6" t="e"/>
    </row>
    <row r="5431" ht="33" customHeight="true" s="1" customFormat="true" hidden="true" outlineLevel="3">
      <c r="A5431" s="6" t="s">
        <v>5834</v>
      </c>
      <c r="B5431" s="6" t="e"/>
      <c r="C5431" s="6" t="s">
        <v>83</v>
      </c>
      <c r="D5431" s="6" t="s">
        <v>11</v>
      </c>
      <c r="E5431" s="6" t="e"/>
    </row>
    <row r="5432" ht="22" customHeight="true" s="1" customFormat="true" hidden="true" outlineLevel="3">
      <c r="A5432" s="6" t="s">
        <v>5835</v>
      </c>
      <c r="B5432" s="6" t="e"/>
      <c r="C5432" s="6" t="s">
        <v>82</v>
      </c>
      <c r="D5432" s="6" t="s">
        <v>26</v>
      </c>
      <c r="E5432" s="6" t="e"/>
    </row>
    <row r="5433" ht="33" customHeight="true" s="1" customFormat="true" hidden="true" outlineLevel="3">
      <c r="A5433" s="6" t="s">
        <v>5836</v>
      </c>
      <c r="B5433" s="6" t="e"/>
      <c r="C5433" s="6" t="s">
        <v>3428</v>
      </c>
      <c r="D5433" s="6" t="s">
        <v>11</v>
      </c>
      <c r="E5433" s="6" t="e"/>
    </row>
    <row r="5434" ht="22" customHeight="true" s="1" customFormat="true" hidden="true" outlineLevel="3">
      <c r="A5434" s="6" t="s">
        <v>5837</v>
      </c>
      <c r="B5434" s="6" t="e"/>
      <c r="C5434" s="6" t="s">
        <v>82</v>
      </c>
      <c r="D5434" s="6" t="s">
        <v>11</v>
      </c>
      <c r="E5434" s="6" t="e"/>
    </row>
    <row r="5435" ht="22" customHeight="true" s="1" customFormat="true" hidden="true" outlineLevel="3">
      <c r="A5435" s="6" t="s">
        <v>5838</v>
      </c>
      <c r="B5435" s="6" t="e"/>
      <c r="C5435" s="6" t="s">
        <v>82</v>
      </c>
      <c r="D5435" s="6" t="s">
        <v>11</v>
      </c>
      <c r="E5435" s="6" t="e"/>
    </row>
    <row r="5436" ht="33" customHeight="true" s="1" customFormat="true" hidden="true" outlineLevel="3">
      <c r="A5436" s="6" t="s">
        <v>5839</v>
      </c>
      <c r="B5436" s="6" t="e"/>
      <c r="C5436" s="6" t="s">
        <v>3428</v>
      </c>
      <c r="D5436" s="6" t="s">
        <v>40</v>
      </c>
      <c r="E5436" s="6" t="e"/>
    </row>
    <row r="5437" ht="33" customHeight="true" s="1" customFormat="true" hidden="true" outlineLevel="3">
      <c r="A5437" s="6" t="s">
        <v>5840</v>
      </c>
      <c r="B5437" s="6" t="e"/>
      <c r="C5437" s="6" t="s">
        <v>3428</v>
      </c>
      <c r="D5437" s="6" t="s">
        <v>11</v>
      </c>
      <c r="E5437" s="6" t="e"/>
    </row>
    <row r="5438" ht="33" customHeight="true" s="1" customFormat="true" hidden="true" outlineLevel="3">
      <c r="A5438" s="6" t="s">
        <v>5841</v>
      </c>
      <c r="B5438" s="6" t="e"/>
      <c r="C5438" s="6" t="s">
        <v>82</v>
      </c>
      <c r="D5438" s="6" t="s">
        <v>11</v>
      </c>
      <c r="E5438" s="6" t="e"/>
    </row>
    <row r="5439" ht="33" customHeight="true" s="1" customFormat="true" hidden="true" outlineLevel="3">
      <c r="A5439" s="6" t="s">
        <v>5842</v>
      </c>
      <c r="B5439" s="6" t="e"/>
      <c r="C5439" s="6" t="s">
        <v>253</v>
      </c>
      <c r="D5439" s="6" t="s">
        <v>40</v>
      </c>
      <c r="E5439" s="6" t="e"/>
    </row>
    <row r="5440" ht="33" customHeight="true" s="1" customFormat="true" hidden="true" outlineLevel="3">
      <c r="A5440" s="6" t="s">
        <v>5843</v>
      </c>
      <c r="B5440" s="6" t="e"/>
      <c r="C5440" s="6" t="s">
        <v>371</v>
      </c>
      <c r="D5440" s="6" t="s">
        <v>26</v>
      </c>
      <c r="E5440" s="6" t="e"/>
    </row>
    <row r="5441" ht="22" customHeight="true" s="1" customFormat="true" hidden="true" outlineLevel="3">
      <c r="A5441" s="6" t="s">
        <v>5844</v>
      </c>
      <c r="B5441" s="6" t="e"/>
      <c r="C5441" s="6" t="s">
        <v>77</v>
      </c>
      <c r="D5441" s="6" t="s">
        <v>11</v>
      </c>
      <c r="E5441" s="6" t="e"/>
    </row>
    <row r="5442" ht="22" customHeight="true" s="1" customFormat="true" hidden="true" outlineLevel="3">
      <c r="A5442" s="6" t="s">
        <v>5845</v>
      </c>
      <c r="B5442" s="6" t="e"/>
      <c r="C5442" s="6" t="s">
        <v>21</v>
      </c>
      <c r="D5442" s="6" t="s">
        <v>11</v>
      </c>
      <c r="E5442" s="6" t="e"/>
    </row>
    <row r="5443" ht="22" customHeight="true" s="1" customFormat="true" hidden="true" outlineLevel="3">
      <c r="A5443" s="6" t="s">
        <v>5846</v>
      </c>
      <c r="B5443" s="6" t="e"/>
      <c r="C5443" s="6" t="s">
        <v>1214</v>
      </c>
      <c r="D5443" s="6" t="s">
        <v>11</v>
      </c>
      <c r="E5443" s="6" t="e"/>
    </row>
    <row r="5444" ht="22" customHeight="true" s="1" customFormat="true" hidden="true" outlineLevel="3">
      <c r="A5444" s="6" t="s">
        <v>5847</v>
      </c>
      <c r="B5444" s="6" t="e"/>
      <c r="C5444" s="6" t="s">
        <v>1214</v>
      </c>
      <c r="D5444" s="6" t="s">
        <v>11</v>
      </c>
      <c r="E5444" s="6" t="e"/>
    </row>
    <row r="5445" ht="22" customHeight="true" s="1" customFormat="true" hidden="true" outlineLevel="3">
      <c r="A5445" s="6" t="s">
        <v>5848</v>
      </c>
      <c r="B5445" s="6" t="e"/>
      <c r="C5445" s="6" t="s">
        <v>1214</v>
      </c>
      <c r="D5445" s="6" t="s">
        <v>11</v>
      </c>
      <c r="E5445" s="6" t="e"/>
    </row>
    <row r="5446" ht="33" customHeight="true" s="1" customFormat="true" hidden="true" outlineLevel="3">
      <c r="A5446" s="6" t="s">
        <v>5849</v>
      </c>
      <c r="B5446" s="6" t="e"/>
      <c r="C5446" s="6" t="s">
        <v>2678</v>
      </c>
      <c r="D5446" s="6" t="s">
        <v>11</v>
      </c>
      <c r="E5446" s="6" t="e"/>
    </row>
    <row r="5447" ht="33" customHeight="true" s="1" customFormat="true" hidden="true" outlineLevel="3">
      <c r="A5447" s="6" t="s">
        <v>5850</v>
      </c>
      <c r="B5447" s="6" t="e"/>
      <c r="C5447" s="6" t="s">
        <v>18</v>
      </c>
      <c r="D5447" s="6" t="s">
        <v>11</v>
      </c>
      <c r="E5447" s="6" t="e"/>
    </row>
    <row r="5448" ht="33" customHeight="true" s="1" customFormat="true" hidden="true" outlineLevel="3">
      <c r="A5448" s="6" t="s">
        <v>5851</v>
      </c>
      <c r="B5448" s="6" t="e"/>
      <c r="C5448" s="6" t="s">
        <v>18</v>
      </c>
      <c r="D5448" s="6" t="s">
        <v>26</v>
      </c>
      <c r="E5448" s="6" t="e"/>
    </row>
    <row r="5449" ht="22" customHeight="true" s="1" customFormat="true" hidden="true" outlineLevel="3">
      <c r="A5449" s="6" t="s">
        <v>5852</v>
      </c>
      <c r="B5449" s="6" t="e"/>
      <c r="C5449" s="6" t="s">
        <v>83</v>
      </c>
      <c r="D5449" s="6" t="s">
        <v>26</v>
      </c>
      <c r="E5449" s="6" t="e"/>
    </row>
    <row r="5450" ht="33" customHeight="true" s="1" customFormat="true" hidden="true" outlineLevel="3">
      <c r="A5450" s="6" t="s">
        <v>5853</v>
      </c>
      <c r="B5450" s="6" t="e"/>
      <c r="C5450" s="6" t="s">
        <v>443</v>
      </c>
      <c r="D5450" s="6" t="s">
        <v>11</v>
      </c>
      <c r="E5450" s="6" t="e"/>
    </row>
    <row r="5451" ht="44" customHeight="true" s="1" customFormat="true" hidden="true" outlineLevel="3">
      <c r="A5451" s="6" t="s">
        <v>5854</v>
      </c>
      <c r="B5451" s="6" t="e"/>
      <c r="C5451" s="6" t="s">
        <v>2678</v>
      </c>
      <c r="D5451" s="6" t="s">
        <v>26</v>
      </c>
      <c r="E5451" s="6" t="e"/>
    </row>
    <row r="5452" ht="44" customHeight="true" s="1" customFormat="true" hidden="true" outlineLevel="3">
      <c r="A5452" s="6" t="s">
        <v>5855</v>
      </c>
      <c r="B5452" s="6" t="e"/>
      <c r="C5452" s="6" t="s">
        <v>2678</v>
      </c>
      <c r="D5452" s="6" t="s">
        <v>15</v>
      </c>
      <c r="E5452" s="6" t="e"/>
    </row>
    <row r="5453" ht="33" customHeight="true" s="1" customFormat="true" hidden="true" outlineLevel="3">
      <c r="A5453" s="6" t="s">
        <v>5856</v>
      </c>
      <c r="B5453" s="6" t="e"/>
      <c r="C5453" s="6" t="s">
        <v>436</v>
      </c>
      <c r="D5453" s="6" t="s">
        <v>11</v>
      </c>
      <c r="E5453" s="6" t="e"/>
    </row>
    <row r="5454" ht="33" customHeight="true" s="1" customFormat="true" hidden="true" outlineLevel="3">
      <c r="A5454" s="6" t="s">
        <v>5857</v>
      </c>
      <c r="B5454" s="6" t="e"/>
      <c r="C5454" s="6" t="s">
        <v>83</v>
      </c>
      <c r="D5454" s="6" t="s">
        <v>11</v>
      </c>
      <c r="E5454" s="6" t="e"/>
    </row>
    <row r="5455" ht="44" customHeight="true" s="1" customFormat="true" hidden="true" outlineLevel="3">
      <c r="A5455" s="6" t="s">
        <v>5858</v>
      </c>
      <c r="B5455" s="6" t="e"/>
      <c r="C5455" s="6" t="s">
        <v>2678</v>
      </c>
      <c r="D5455" s="6" t="s">
        <v>11</v>
      </c>
      <c r="E5455" s="6" t="e"/>
    </row>
    <row r="5456" ht="44" customHeight="true" s="1" customFormat="true" hidden="true" outlineLevel="3">
      <c r="A5456" s="6" t="s">
        <v>5859</v>
      </c>
      <c r="B5456" s="6" t="e"/>
      <c r="C5456" s="6" t="s">
        <v>2608</v>
      </c>
      <c r="D5456" s="6" t="s">
        <v>11</v>
      </c>
      <c r="E5456" s="6" t="e"/>
    </row>
    <row r="5457" ht="22" customHeight="true" s="1" customFormat="true" hidden="true" outlineLevel="3">
      <c r="A5457" s="6" t="s">
        <v>5860</v>
      </c>
      <c r="B5457" s="6" t="e"/>
      <c r="C5457" s="6" t="s">
        <v>188</v>
      </c>
      <c r="D5457" s="6" t="s">
        <v>11</v>
      </c>
      <c r="E5457" s="6" t="e"/>
    </row>
    <row r="5458" ht="22" customHeight="true" s="1" customFormat="true" hidden="true" outlineLevel="3">
      <c r="A5458" s="6" t="s">
        <v>5861</v>
      </c>
      <c r="B5458" s="6" t="e"/>
      <c r="C5458" s="6" t="s">
        <v>149</v>
      </c>
      <c r="D5458" s="6" t="s">
        <v>11</v>
      </c>
      <c r="E5458" s="6" t="e"/>
    </row>
    <row r="5459" ht="33" customHeight="true" s="1" customFormat="true" hidden="true" outlineLevel="3">
      <c r="A5459" s="6" t="s">
        <v>5862</v>
      </c>
      <c r="B5459" s="6" t="e"/>
      <c r="C5459" s="6" t="s">
        <v>155</v>
      </c>
      <c r="D5459" s="6" t="s">
        <v>26</v>
      </c>
      <c r="E5459" s="6" t="e"/>
    </row>
    <row r="5460" ht="33" customHeight="true" s="1" customFormat="true" hidden="true" outlineLevel="3">
      <c r="A5460" s="6" t="s">
        <v>5863</v>
      </c>
      <c r="B5460" s="6" t="e"/>
      <c r="C5460" s="6" t="s">
        <v>155</v>
      </c>
      <c r="D5460" s="6" t="s">
        <v>26</v>
      </c>
      <c r="E5460" s="6" t="e"/>
    </row>
    <row r="5461" ht="33" customHeight="true" s="1" customFormat="true" hidden="true" outlineLevel="3">
      <c r="A5461" s="6" t="s">
        <v>5864</v>
      </c>
      <c r="B5461" s="6" t="e"/>
      <c r="C5461" s="6" t="s">
        <v>155</v>
      </c>
      <c r="D5461" s="6" t="s">
        <v>26</v>
      </c>
      <c r="E5461" s="6" t="e"/>
    </row>
    <row r="5462" ht="56" customHeight="true" s="1" customFormat="true" hidden="true" outlineLevel="3">
      <c r="A5462" s="6" t="s">
        <v>5865</v>
      </c>
      <c r="B5462" s="6" t="e"/>
      <c r="C5462" s="6" t="s">
        <v>83</v>
      </c>
      <c r="D5462" s="6" t="s">
        <v>11</v>
      </c>
      <c r="E5462" s="6" t="e"/>
    </row>
    <row r="5463" ht="33" customHeight="true" s="1" customFormat="true" hidden="true" outlineLevel="3">
      <c r="A5463" s="6" t="s">
        <v>5866</v>
      </c>
      <c r="B5463" s="6" t="e"/>
      <c r="C5463" s="6" t="s">
        <v>21</v>
      </c>
      <c r="D5463" s="6" t="s">
        <v>26</v>
      </c>
      <c r="E5463" s="6" t="e"/>
    </row>
    <row r="5464" ht="33" customHeight="true" s="1" customFormat="true" hidden="true" outlineLevel="3">
      <c r="A5464" s="6" t="s">
        <v>5867</v>
      </c>
      <c r="B5464" s="6" t="e"/>
      <c r="C5464" s="6" t="s">
        <v>2768</v>
      </c>
      <c r="D5464" s="6" t="s">
        <v>11</v>
      </c>
      <c r="E5464" s="6" t="e"/>
    </row>
    <row r="5465" ht="22" customHeight="true" s="1" customFormat="true" hidden="true" outlineLevel="3">
      <c r="A5465" s="6" t="s">
        <v>5868</v>
      </c>
      <c r="B5465" s="6" t="e"/>
      <c r="C5465" s="6" t="s">
        <v>371</v>
      </c>
      <c r="D5465" s="6" t="s">
        <v>11</v>
      </c>
      <c r="E5465" s="6" t="e"/>
    </row>
    <row r="5466" ht="22" customHeight="true" s="1" customFormat="true" hidden="true" outlineLevel="3">
      <c r="A5466" s="6" t="s">
        <v>5869</v>
      </c>
      <c r="B5466" s="6" t="e"/>
      <c r="C5466" s="6" t="s">
        <v>371</v>
      </c>
      <c r="D5466" s="6" t="s">
        <v>11</v>
      </c>
      <c r="E5466" s="6" t="e"/>
    </row>
    <row r="5467" ht="33" customHeight="true" s="1" customFormat="true" hidden="true" outlineLevel="3">
      <c r="A5467" s="6" t="s">
        <v>5870</v>
      </c>
      <c r="B5467" s="6" t="e"/>
      <c r="C5467" s="6" t="s">
        <v>3428</v>
      </c>
      <c r="D5467" s="6" t="s">
        <v>11</v>
      </c>
      <c r="E5467" s="6" t="e"/>
    </row>
    <row r="5468" ht="22" customHeight="true" s="1" customFormat="true" hidden="true" outlineLevel="3">
      <c r="A5468" s="6" t="s">
        <v>5871</v>
      </c>
      <c r="B5468" s="6" t="e"/>
      <c r="C5468" s="6" t="s">
        <v>82</v>
      </c>
      <c r="D5468" s="6" t="s">
        <v>26</v>
      </c>
      <c r="E5468" s="6" t="e"/>
    </row>
    <row r="5469" ht="22" customHeight="true" s="1" customFormat="true" hidden="true" outlineLevel="3">
      <c r="A5469" s="6" t="s">
        <v>5872</v>
      </c>
      <c r="B5469" s="6" t="e"/>
      <c r="C5469" s="6" t="s">
        <v>3428</v>
      </c>
      <c r="D5469" s="6" t="s">
        <v>11</v>
      </c>
      <c r="E5469" s="6" t="e"/>
    </row>
    <row r="5470" ht="33" customHeight="true" s="1" customFormat="true" hidden="true" outlineLevel="3">
      <c r="A5470" s="6" t="s">
        <v>5873</v>
      </c>
      <c r="B5470" s="6" t="e"/>
      <c r="C5470" s="6" t="s">
        <v>83</v>
      </c>
      <c r="D5470" s="6" t="s">
        <v>26</v>
      </c>
      <c r="E5470" s="6" t="e"/>
    </row>
    <row r="5471" ht="33" customHeight="true" s="1" customFormat="true" hidden="true" outlineLevel="3">
      <c r="A5471" s="6" t="s">
        <v>5874</v>
      </c>
      <c r="B5471" s="6" t="e"/>
      <c r="C5471" s="6" t="s">
        <v>83</v>
      </c>
      <c r="D5471" s="6" t="s">
        <v>26</v>
      </c>
      <c r="E5471" s="6" t="e"/>
    </row>
    <row r="5472" ht="33" customHeight="true" s="1" customFormat="true" hidden="true" outlineLevel="3">
      <c r="A5472" s="6" t="s">
        <v>5875</v>
      </c>
      <c r="B5472" s="6" t="e"/>
      <c r="C5472" s="6" t="s">
        <v>21</v>
      </c>
      <c r="D5472" s="6" t="s">
        <v>11</v>
      </c>
      <c r="E5472" s="6" t="e"/>
    </row>
    <row r="5473" ht="33" customHeight="true" s="1" customFormat="true" hidden="true" outlineLevel="3">
      <c r="A5473" s="6" t="s">
        <v>5876</v>
      </c>
      <c r="B5473" s="6" t="e"/>
      <c r="C5473" s="6" t="s">
        <v>3428</v>
      </c>
      <c r="D5473" s="6" t="s">
        <v>11</v>
      </c>
      <c r="E5473" s="6" t="e"/>
    </row>
    <row r="5474" ht="33" customHeight="true" s="1" customFormat="true" hidden="true" outlineLevel="3">
      <c r="A5474" s="6" t="s">
        <v>5877</v>
      </c>
      <c r="B5474" s="6" t="e"/>
      <c r="C5474" s="6" t="s">
        <v>3428</v>
      </c>
      <c r="D5474" s="6" t="s">
        <v>11</v>
      </c>
      <c r="E5474" s="6" t="e"/>
    </row>
    <row r="5475" ht="33" customHeight="true" s="1" customFormat="true" hidden="true" outlineLevel="3">
      <c r="A5475" s="6" t="s">
        <v>5878</v>
      </c>
      <c r="B5475" s="6" t="e"/>
      <c r="C5475" s="6" t="s">
        <v>21</v>
      </c>
      <c r="D5475" s="6" t="s">
        <v>11</v>
      </c>
      <c r="E5475" s="6" t="e"/>
    </row>
    <row r="5476" ht="44" customHeight="true" s="1" customFormat="true" hidden="true" outlineLevel="3">
      <c r="A5476" s="6" t="s">
        <v>5879</v>
      </c>
      <c r="B5476" s="6" t="e"/>
      <c r="C5476" s="6" t="s">
        <v>21</v>
      </c>
      <c r="D5476" s="6" t="s">
        <v>11</v>
      </c>
      <c r="E5476" s="6" t="e"/>
    </row>
    <row r="5477" ht="44" customHeight="true" s="1" customFormat="true" hidden="true" outlineLevel="3">
      <c r="A5477" s="6" t="s">
        <v>5880</v>
      </c>
      <c r="B5477" s="6" t="e"/>
      <c r="C5477" s="6" t="s">
        <v>2768</v>
      </c>
      <c r="D5477" s="6" t="s">
        <v>11</v>
      </c>
      <c r="E5477" s="6" t="e"/>
    </row>
    <row r="5478" ht="44" customHeight="true" s="1" customFormat="true" hidden="true" outlineLevel="3">
      <c r="A5478" s="6" t="s">
        <v>5881</v>
      </c>
      <c r="B5478" s="6" t="e"/>
      <c r="C5478" s="6" t="s">
        <v>21</v>
      </c>
      <c r="D5478" s="6" t="s">
        <v>11</v>
      </c>
      <c r="E5478" s="6" t="e"/>
    </row>
    <row r="5479" ht="44" customHeight="true" s="1" customFormat="true" hidden="true" outlineLevel="3">
      <c r="A5479" s="6" t="s">
        <v>5882</v>
      </c>
      <c r="B5479" s="6" t="e"/>
      <c r="C5479" s="6" t="s">
        <v>369</v>
      </c>
      <c r="D5479" s="6" t="s">
        <v>11</v>
      </c>
      <c r="E5479" s="6" t="e"/>
    </row>
    <row r="5480" ht="56" customHeight="true" s="1" customFormat="true" hidden="true" outlineLevel="3">
      <c r="A5480" s="6" t="s">
        <v>5883</v>
      </c>
      <c r="B5480" s="6" t="e"/>
      <c r="C5480" s="6" t="s">
        <v>2768</v>
      </c>
      <c r="D5480" s="6" t="s">
        <v>11</v>
      </c>
      <c r="E5480" s="6" t="e"/>
    </row>
    <row r="5481" ht="22" customHeight="true" s="1" customFormat="true" hidden="true" outlineLevel="3">
      <c r="A5481" s="6" t="s">
        <v>5884</v>
      </c>
      <c r="B5481" s="6" t="e"/>
      <c r="C5481" s="6" t="s">
        <v>82</v>
      </c>
      <c r="D5481" s="6" t="s">
        <v>11</v>
      </c>
      <c r="E5481" s="6" t="e"/>
    </row>
    <row r="5482" ht="33" customHeight="true" s="1" customFormat="true" hidden="true" outlineLevel="3">
      <c r="A5482" s="6" t="s">
        <v>5885</v>
      </c>
      <c r="B5482" s="6" t="e"/>
      <c r="C5482" s="6" t="s">
        <v>3428</v>
      </c>
      <c r="D5482" s="6" t="s">
        <v>11</v>
      </c>
      <c r="E5482" s="6" t="e"/>
    </row>
    <row r="5483" ht="22" customHeight="true" s="1" customFormat="true" hidden="true" outlineLevel="3">
      <c r="A5483" s="6" t="s">
        <v>5886</v>
      </c>
      <c r="B5483" s="6" t="e"/>
      <c r="C5483" s="6" t="s">
        <v>82</v>
      </c>
      <c r="D5483" s="6" t="s">
        <v>26</v>
      </c>
      <c r="E5483" s="6" t="e"/>
    </row>
    <row r="5484" ht="33" customHeight="true" s="1" customFormat="true" hidden="true" outlineLevel="3">
      <c r="A5484" s="6" t="s">
        <v>5887</v>
      </c>
      <c r="B5484" s="6" t="e"/>
      <c r="C5484" s="6" t="s">
        <v>369</v>
      </c>
      <c r="D5484" s="6" t="s">
        <v>26</v>
      </c>
      <c r="E5484" s="6" t="e"/>
    </row>
    <row r="5485" ht="22" customHeight="true" s="1" customFormat="true" hidden="true" outlineLevel="3">
      <c r="A5485" s="6" t="s">
        <v>5888</v>
      </c>
      <c r="B5485" s="6" t="e"/>
      <c r="C5485" s="6" t="s">
        <v>21</v>
      </c>
      <c r="D5485" s="6" t="s">
        <v>11</v>
      </c>
      <c r="E5485" s="6" t="e"/>
    </row>
    <row r="5486" ht="33" customHeight="true" s="1" customFormat="true" hidden="true" outlineLevel="3">
      <c r="A5486" s="6" t="s">
        <v>5889</v>
      </c>
      <c r="B5486" s="6" t="e"/>
      <c r="C5486" s="6" t="s">
        <v>3428</v>
      </c>
      <c r="D5486" s="6" t="s">
        <v>11</v>
      </c>
      <c r="E5486" s="6" t="e"/>
    </row>
    <row r="5487" ht="33" customHeight="true" s="1" customFormat="true" hidden="true" outlineLevel="3">
      <c r="A5487" s="6" t="s">
        <v>5890</v>
      </c>
      <c r="B5487" s="6" t="e"/>
      <c r="C5487" s="6" t="s">
        <v>82</v>
      </c>
      <c r="D5487" s="6" t="s">
        <v>26</v>
      </c>
      <c r="E5487" s="6" t="e"/>
    </row>
    <row r="5488" ht="22" customHeight="true" s="1" customFormat="true" hidden="true" outlineLevel="3">
      <c r="A5488" s="6" t="s">
        <v>5891</v>
      </c>
      <c r="B5488" s="6" t="e"/>
      <c r="C5488" s="6" t="s">
        <v>371</v>
      </c>
      <c r="D5488" s="6" t="s">
        <v>26</v>
      </c>
      <c r="E5488" s="6" t="e"/>
    </row>
    <row r="5489" ht="22" customHeight="true" s="1" customFormat="true" hidden="true" outlineLevel="3">
      <c r="A5489" s="6" t="s">
        <v>5892</v>
      </c>
      <c r="B5489" s="6" t="e"/>
      <c r="C5489" s="6" t="s">
        <v>371</v>
      </c>
      <c r="D5489" s="6" t="s">
        <v>26</v>
      </c>
      <c r="E5489" s="6" t="e"/>
    </row>
    <row r="5490" ht="33" customHeight="true" s="1" customFormat="true" hidden="true" outlineLevel="3">
      <c r="A5490" s="6" t="s">
        <v>5893</v>
      </c>
      <c r="B5490" s="6" t="e"/>
      <c r="C5490" s="6" t="s">
        <v>82</v>
      </c>
      <c r="D5490" s="6" t="s">
        <v>26</v>
      </c>
      <c r="E5490" s="6" t="e"/>
    </row>
    <row r="5491" ht="56" customHeight="true" s="1" customFormat="true" hidden="true" outlineLevel="3">
      <c r="A5491" s="6" t="s">
        <v>5894</v>
      </c>
      <c r="B5491" s="6" t="e"/>
      <c r="C5491" s="6" t="s">
        <v>82</v>
      </c>
      <c r="D5491" s="6" t="s">
        <v>11</v>
      </c>
      <c r="E5491" s="6" t="e"/>
    </row>
    <row r="5492" ht="33" customHeight="true" s="1" customFormat="true" hidden="true" outlineLevel="3">
      <c r="A5492" s="6" t="s">
        <v>5895</v>
      </c>
      <c r="B5492" s="6" t="e"/>
      <c r="C5492" s="6" t="s">
        <v>55</v>
      </c>
      <c r="D5492" s="6" t="s">
        <v>11</v>
      </c>
      <c r="E5492" s="6" t="e"/>
    </row>
    <row r="5493" ht="44" customHeight="true" s="1" customFormat="true" hidden="true" outlineLevel="3">
      <c r="A5493" s="6" t="s">
        <v>5896</v>
      </c>
      <c r="B5493" s="6" t="e"/>
      <c r="C5493" s="6" t="s">
        <v>2768</v>
      </c>
      <c r="D5493" s="6" t="s">
        <v>26</v>
      </c>
      <c r="E5493" s="6" t="e"/>
    </row>
    <row r="5494" ht="33" customHeight="true" s="1" customFormat="true" hidden="true" outlineLevel="3">
      <c r="A5494" s="6" t="s">
        <v>5897</v>
      </c>
      <c r="B5494" s="6" t="e"/>
      <c r="C5494" s="6" t="s">
        <v>55</v>
      </c>
      <c r="D5494" s="6" t="s">
        <v>26</v>
      </c>
      <c r="E5494" s="6" t="e"/>
    </row>
    <row r="5495" ht="33" customHeight="true" s="1" customFormat="true" hidden="true" outlineLevel="3">
      <c r="A5495" s="6" t="s">
        <v>5898</v>
      </c>
      <c r="B5495" s="6" t="e"/>
      <c r="C5495" s="6" t="s">
        <v>2768</v>
      </c>
      <c r="D5495" s="6" t="s">
        <v>26</v>
      </c>
      <c r="E5495" s="6" t="e"/>
    </row>
    <row r="5496" ht="33" customHeight="true" s="1" customFormat="true" hidden="true" outlineLevel="3">
      <c r="A5496" s="6" t="s">
        <v>5899</v>
      </c>
      <c r="B5496" s="6" t="e"/>
      <c r="C5496" s="6" t="s">
        <v>369</v>
      </c>
      <c r="D5496" s="6" t="s">
        <v>11</v>
      </c>
      <c r="E5496" s="6" t="e"/>
    </row>
    <row r="5497" ht="22" customHeight="true" s="1" customFormat="true" hidden="true" outlineLevel="3">
      <c r="A5497" s="6" t="s">
        <v>5900</v>
      </c>
      <c r="B5497" s="6" t="e"/>
      <c r="C5497" s="6" t="s">
        <v>82</v>
      </c>
      <c r="D5497" s="6" t="s">
        <v>11</v>
      </c>
      <c r="E5497" s="6" t="e"/>
    </row>
    <row r="5498" ht="22" customHeight="true" s="1" customFormat="true" hidden="true" outlineLevel="3">
      <c r="A5498" s="6" t="s">
        <v>5901</v>
      </c>
      <c r="B5498" s="6" t="e"/>
      <c r="C5498" s="6" t="s">
        <v>2768</v>
      </c>
      <c r="D5498" s="6" t="s">
        <v>11</v>
      </c>
      <c r="E5498" s="6" t="e"/>
    </row>
    <row r="5499" ht="33" customHeight="true" s="1" customFormat="true" hidden="true" outlineLevel="3">
      <c r="A5499" s="6" t="s">
        <v>5902</v>
      </c>
      <c r="B5499" s="6" t="e"/>
      <c r="C5499" s="6" t="s">
        <v>83</v>
      </c>
      <c r="D5499" s="6" t="s">
        <v>11</v>
      </c>
      <c r="E5499" s="6" t="e"/>
    </row>
    <row r="5500" ht="22" customHeight="true" s="1" customFormat="true" hidden="true" outlineLevel="3">
      <c r="A5500" s="6" t="s">
        <v>5903</v>
      </c>
      <c r="B5500" s="6" t="e"/>
      <c r="C5500" s="6" t="s">
        <v>82</v>
      </c>
      <c r="D5500" s="6" t="s">
        <v>11</v>
      </c>
      <c r="E5500" s="6" t="e"/>
    </row>
    <row r="5501" ht="33" customHeight="true" s="1" customFormat="true" hidden="true" outlineLevel="3">
      <c r="A5501" s="6" t="s">
        <v>5904</v>
      </c>
      <c r="B5501" s="6" t="e"/>
      <c r="C5501" s="6" t="s">
        <v>82</v>
      </c>
      <c r="D5501" s="6" t="s">
        <v>11</v>
      </c>
      <c r="E5501" s="6" t="e"/>
    </row>
    <row r="5502" ht="22" customHeight="true" s="1" customFormat="true" hidden="true" outlineLevel="3">
      <c r="A5502" s="6" t="s">
        <v>5905</v>
      </c>
      <c r="B5502" s="6" t="e"/>
      <c r="C5502" s="6" t="s">
        <v>2768</v>
      </c>
      <c r="D5502" s="6" t="s">
        <v>11</v>
      </c>
      <c r="E5502" s="6" t="e"/>
    </row>
    <row r="5503" ht="44" customHeight="true" s="1" customFormat="true" hidden="true" outlineLevel="3">
      <c r="A5503" s="6" t="s">
        <v>5906</v>
      </c>
      <c r="B5503" s="6" t="e"/>
      <c r="C5503" s="6" t="s">
        <v>82</v>
      </c>
      <c r="D5503" s="6" t="s">
        <v>11</v>
      </c>
      <c r="E5503" s="6" t="e"/>
    </row>
    <row r="5504" ht="33" customHeight="true" s="1" customFormat="true" hidden="true" outlineLevel="3">
      <c r="A5504" s="6" t="s">
        <v>5907</v>
      </c>
      <c r="B5504" s="6" t="e"/>
      <c r="C5504" s="6" t="s">
        <v>369</v>
      </c>
      <c r="D5504" s="6" t="s">
        <v>26</v>
      </c>
      <c r="E5504" s="6" t="e"/>
    </row>
    <row r="5505" ht="33" customHeight="true" s="1" customFormat="true" hidden="true" outlineLevel="3">
      <c r="A5505" s="6" t="s">
        <v>5908</v>
      </c>
      <c r="B5505" s="6" t="e"/>
      <c r="C5505" s="6" t="s">
        <v>82</v>
      </c>
      <c r="D5505" s="6" t="s">
        <v>11</v>
      </c>
      <c r="E5505" s="6" t="e"/>
    </row>
    <row r="5506" ht="33" customHeight="true" s="1" customFormat="true" hidden="true" outlineLevel="3">
      <c r="A5506" s="6" t="s">
        <v>5909</v>
      </c>
      <c r="B5506" s="6" t="e"/>
      <c r="C5506" s="6" t="s">
        <v>82</v>
      </c>
      <c r="D5506" s="6" t="s">
        <v>11</v>
      </c>
      <c r="E5506" s="6" t="e"/>
    </row>
    <row r="5507" ht="44" customHeight="true" s="1" customFormat="true" hidden="true" outlineLevel="3">
      <c r="A5507" s="6" t="s">
        <v>5910</v>
      </c>
      <c r="B5507" s="6" t="e"/>
      <c r="C5507" s="6" t="s">
        <v>3428</v>
      </c>
      <c r="D5507" s="6" t="s">
        <v>11</v>
      </c>
      <c r="E5507" s="6" t="e"/>
    </row>
    <row r="5508" ht="22" customHeight="true" s="1" customFormat="true" hidden="true" outlineLevel="3">
      <c r="A5508" s="6" t="s">
        <v>5911</v>
      </c>
      <c r="B5508" s="6" t="e"/>
      <c r="C5508" s="6" t="s">
        <v>369</v>
      </c>
      <c r="D5508" s="6" t="s">
        <v>11</v>
      </c>
      <c r="E5508" s="6" t="e"/>
    </row>
    <row r="5509" ht="33" customHeight="true" s="1" customFormat="true" hidden="true" outlineLevel="3">
      <c r="A5509" s="6" t="s">
        <v>5912</v>
      </c>
      <c r="B5509" s="6" t="e"/>
      <c r="C5509" s="6" t="s">
        <v>21</v>
      </c>
      <c r="D5509" s="6" t="s">
        <v>26</v>
      </c>
      <c r="E5509" s="6" t="e"/>
    </row>
    <row r="5510" ht="44" customHeight="true" s="1" customFormat="true" hidden="true" outlineLevel="3">
      <c r="A5510" s="6" t="s">
        <v>5913</v>
      </c>
      <c r="B5510" s="6" t="e"/>
      <c r="C5510" s="6" t="s">
        <v>18</v>
      </c>
      <c r="D5510" s="6" t="s">
        <v>40</v>
      </c>
      <c r="E5510" s="6" t="e"/>
    </row>
    <row r="5511" ht="44" customHeight="true" s="1" customFormat="true" hidden="true" outlineLevel="3">
      <c r="A5511" s="6" t="s">
        <v>5914</v>
      </c>
      <c r="B5511" s="6" t="e"/>
      <c r="C5511" s="6" t="s">
        <v>18</v>
      </c>
      <c r="D5511" s="6" t="s">
        <v>15</v>
      </c>
      <c r="E5511" s="6" t="e"/>
    </row>
    <row r="5512" ht="33" customHeight="true" s="1" customFormat="true" hidden="true" outlineLevel="3">
      <c r="A5512" s="6" t="s">
        <v>5915</v>
      </c>
      <c r="B5512" s="6" t="e"/>
      <c r="C5512" s="6" t="s">
        <v>21</v>
      </c>
      <c r="D5512" s="6" t="s">
        <v>11</v>
      </c>
      <c r="E5512" s="6" t="e"/>
    </row>
    <row r="5513" ht="33" customHeight="true" s="1" customFormat="true" hidden="true" outlineLevel="3">
      <c r="A5513" s="6" t="s">
        <v>5916</v>
      </c>
      <c r="B5513" s="6" t="e"/>
      <c r="C5513" s="6" t="s">
        <v>21</v>
      </c>
      <c r="D5513" s="6" t="s">
        <v>57</v>
      </c>
      <c r="E5513" s="6" t="e"/>
    </row>
    <row r="5514" ht="33" customHeight="true" s="1" customFormat="true" hidden="true" outlineLevel="3">
      <c r="A5514" s="6" t="s">
        <v>5917</v>
      </c>
      <c r="B5514" s="6" t="e"/>
      <c r="C5514" s="6" t="s">
        <v>3428</v>
      </c>
      <c r="D5514" s="6" t="s">
        <v>11</v>
      </c>
      <c r="E5514" s="6" t="e"/>
    </row>
    <row r="5515" ht="44" customHeight="true" s="1" customFormat="true" hidden="true" outlineLevel="3">
      <c r="A5515" s="6" t="s">
        <v>5918</v>
      </c>
      <c r="B5515" s="6" t="e"/>
      <c r="C5515" s="6" t="s">
        <v>3428</v>
      </c>
      <c r="D5515" s="6" t="s">
        <v>26</v>
      </c>
      <c r="E5515" s="6" t="e"/>
    </row>
    <row r="5516" ht="33" customHeight="true" s="1" customFormat="true" hidden="true" outlineLevel="3">
      <c r="A5516" s="6" t="s">
        <v>5919</v>
      </c>
      <c r="B5516" s="6" t="e"/>
      <c r="C5516" s="6" t="s">
        <v>82</v>
      </c>
      <c r="D5516" s="6" t="s">
        <v>11</v>
      </c>
      <c r="E5516" s="6" t="e"/>
    </row>
    <row r="5517" ht="22" customHeight="true" s="1" customFormat="true" hidden="true" outlineLevel="3">
      <c r="A5517" s="6" t="s">
        <v>5920</v>
      </c>
      <c r="B5517" s="6" t="e"/>
      <c r="C5517" s="6" t="s">
        <v>82</v>
      </c>
      <c r="D5517" s="6" t="s">
        <v>11</v>
      </c>
      <c r="E5517" s="6" t="e"/>
    </row>
    <row r="5518" ht="22" customHeight="true" s="1" customFormat="true" hidden="true" outlineLevel="3">
      <c r="A5518" s="6" t="s">
        <v>5921</v>
      </c>
      <c r="B5518" s="6" t="e"/>
      <c r="C5518" s="6" t="s">
        <v>82</v>
      </c>
      <c r="D5518" s="6" t="s">
        <v>26</v>
      </c>
      <c r="E5518" s="6" t="e"/>
    </row>
    <row r="5519" ht="44" customHeight="true" s="1" customFormat="true" hidden="true" outlineLevel="3">
      <c r="A5519" s="6" t="s">
        <v>5922</v>
      </c>
      <c r="B5519" s="6" t="e"/>
      <c r="C5519" s="6" t="s">
        <v>83</v>
      </c>
      <c r="D5519" s="6" t="s">
        <v>11</v>
      </c>
      <c r="E5519" s="6" t="e"/>
    </row>
    <row r="5520" ht="22" customHeight="true" s="1" customFormat="true" hidden="true" outlineLevel="3">
      <c r="A5520" s="6" t="s">
        <v>5923</v>
      </c>
      <c r="B5520" s="6" t="e"/>
      <c r="C5520" s="6" t="s">
        <v>82</v>
      </c>
      <c r="D5520" s="6" t="s">
        <v>11</v>
      </c>
      <c r="E5520" s="6" t="e"/>
    </row>
    <row r="5521" ht="22" customHeight="true" s="1" customFormat="true" hidden="true" outlineLevel="3">
      <c r="A5521" s="6" t="s">
        <v>5924</v>
      </c>
      <c r="B5521" s="6" t="e"/>
      <c r="C5521" s="6" t="s">
        <v>1186</v>
      </c>
      <c r="D5521" s="6" t="s">
        <v>11</v>
      </c>
      <c r="E5521" s="6" t="e"/>
    </row>
    <row r="5522" ht="44" customHeight="true" s="1" customFormat="true" hidden="true" outlineLevel="3">
      <c r="A5522" s="6" t="s">
        <v>5925</v>
      </c>
      <c r="B5522" s="6" t="e"/>
      <c r="C5522" s="6" t="s">
        <v>2768</v>
      </c>
      <c r="D5522" s="6" t="s">
        <v>11</v>
      </c>
      <c r="E5522" s="6" t="e"/>
    </row>
    <row r="5523" ht="44" customHeight="true" s="1" customFormat="true" hidden="true" outlineLevel="3">
      <c r="A5523" s="6" t="s">
        <v>5926</v>
      </c>
      <c r="B5523" s="6" t="e"/>
      <c r="C5523" s="6" t="s">
        <v>391</v>
      </c>
      <c r="D5523" s="6" t="s">
        <v>11</v>
      </c>
      <c r="E5523" s="6" t="e"/>
    </row>
    <row r="5524" ht="33" customHeight="true" s="1" customFormat="true" hidden="true" outlineLevel="3">
      <c r="A5524" s="6" t="s">
        <v>5927</v>
      </c>
      <c r="B5524" s="6" t="e"/>
      <c r="C5524" s="6" t="s">
        <v>5583</v>
      </c>
      <c r="D5524" s="6" t="s">
        <v>11</v>
      </c>
      <c r="E5524" s="6" t="e"/>
    </row>
    <row r="5525" ht="33" customHeight="true" s="1" customFormat="true" hidden="true" outlineLevel="3">
      <c r="A5525" s="6" t="s">
        <v>5928</v>
      </c>
      <c r="B5525" s="6" t="e"/>
      <c r="C5525" s="6" t="s">
        <v>5583</v>
      </c>
      <c r="D5525" s="6" t="s">
        <v>11</v>
      </c>
      <c r="E5525" s="6" t="e"/>
    </row>
    <row r="5526" ht="33" customHeight="true" s="1" customFormat="true" hidden="true" outlineLevel="3">
      <c r="A5526" s="6" t="s">
        <v>5929</v>
      </c>
      <c r="B5526" s="6" t="e"/>
      <c r="C5526" s="6" t="s">
        <v>2768</v>
      </c>
      <c r="D5526" s="6" t="s">
        <v>11</v>
      </c>
      <c r="E5526" s="6" t="e"/>
    </row>
    <row r="5527" ht="33" customHeight="true" s="1" customFormat="true" hidden="true" outlineLevel="3">
      <c r="A5527" s="6" t="s">
        <v>5930</v>
      </c>
      <c r="B5527" s="6" t="e"/>
      <c r="C5527" s="6" t="s">
        <v>436</v>
      </c>
      <c r="D5527" s="6" t="s">
        <v>11</v>
      </c>
      <c r="E5527" s="6" t="e"/>
    </row>
    <row r="5528" ht="33" customHeight="true" s="1" customFormat="true" hidden="true" outlineLevel="3">
      <c r="A5528" s="6" t="s">
        <v>5931</v>
      </c>
      <c r="B5528" s="6" t="e"/>
      <c r="C5528" s="6" t="s">
        <v>2678</v>
      </c>
      <c r="D5528" s="6" t="s">
        <v>11</v>
      </c>
      <c r="E5528" s="6" t="e"/>
    </row>
    <row r="5529" ht="33" customHeight="true" s="1" customFormat="true" hidden="true" outlineLevel="3">
      <c r="A5529" s="6" t="s">
        <v>5932</v>
      </c>
      <c r="B5529" s="6" t="e"/>
      <c r="C5529" s="6" t="s">
        <v>3899</v>
      </c>
      <c r="D5529" s="6" t="s">
        <v>11</v>
      </c>
      <c r="E5529" s="6" t="e"/>
    </row>
    <row r="5530" ht="33" customHeight="true" s="1" customFormat="true" hidden="true" outlineLevel="3">
      <c r="A5530" s="6" t="s">
        <v>5933</v>
      </c>
      <c r="B5530" s="6" t="e"/>
      <c r="C5530" s="6" t="s">
        <v>3899</v>
      </c>
      <c r="D5530" s="6" t="s">
        <v>11</v>
      </c>
      <c r="E5530" s="6" t="e"/>
    </row>
    <row r="5531" ht="33" customHeight="true" s="1" customFormat="true" hidden="true" outlineLevel="3">
      <c r="A5531" s="6" t="s">
        <v>5934</v>
      </c>
      <c r="B5531" s="6" t="e"/>
      <c r="C5531" s="6" t="s">
        <v>5583</v>
      </c>
      <c r="D5531" s="6" t="s">
        <v>11</v>
      </c>
      <c r="E5531" s="6" t="e"/>
    </row>
    <row r="5532" ht="44" customHeight="true" s="1" customFormat="true" hidden="true" outlineLevel="3">
      <c r="A5532" s="6" t="s">
        <v>5935</v>
      </c>
      <c r="B5532" s="6" t="e"/>
      <c r="C5532" s="6" t="s">
        <v>5359</v>
      </c>
      <c r="D5532" s="6" t="s">
        <v>26</v>
      </c>
      <c r="E5532" s="6" t="e"/>
    </row>
    <row r="5533" ht="44" customHeight="true" s="1" customFormat="true" hidden="true" outlineLevel="3">
      <c r="A5533" s="6" t="s">
        <v>5936</v>
      </c>
      <c r="B5533" s="6" t="e"/>
      <c r="C5533" s="6" t="s">
        <v>3899</v>
      </c>
      <c r="D5533" s="6" t="s">
        <v>11</v>
      </c>
      <c r="E5533" s="6" t="e"/>
    </row>
    <row r="5534" ht="22" customHeight="true" s="1" customFormat="true" hidden="true" outlineLevel="3">
      <c r="A5534" s="6" t="s">
        <v>5937</v>
      </c>
      <c r="B5534" s="6" t="e"/>
      <c r="C5534" s="6" t="s">
        <v>225</v>
      </c>
      <c r="D5534" s="6" t="s">
        <v>11</v>
      </c>
      <c r="E5534" s="6" t="e"/>
    </row>
    <row r="5535" ht="22" customHeight="true" s="1" customFormat="true" hidden="true" collapsed="true" outlineLevel="3">
      <c r="A5535" s="6" t="s">
        <v>5938</v>
      </c>
      <c r="B5535" s="6" t="e"/>
      <c r="C5535" s="6" t="s">
        <v>219</v>
      </c>
      <c r="D5535" s="6" t="s">
        <v>11</v>
      </c>
      <c r="E5535" s="6" t="e"/>
    </row>
    <row r="5536" ht="11" customHeight="true" s="1" customFormat="true" hidden="true" collapsed="true" outlineLevel="2">
      <c r="A5536" s="5" t="s">
        <v>5939</v>
      </c>
      <c r="B5536" s="5" t="e"/>
      <c r="C5536" s="5" t="e"/>
      <c r="D5536" s="5" t="e"/>
      <c r="E5536" s="5" t="e"/>
    </row>
    <row r="5537" ht="33" customHeight="true" s="1" customFormat="true" hidden="true" outlineLevel="3">
      <c r="A5537" s="6" t="s">
        <v>5940</v>
      </c>
      <c r="B5537" s="6" t="e"/>
      <c r="C5537" s="6" t="s">
        <v>253</v>
      </c>
      <c r="D5537" s="6" t="s">
        <v>11</v>
      </c>
      <c r="E5537" s="6" t="e"/>
    </row>
    <row r="5538" ht="33" customHeight="true" s="1" customFormat="true" hidden="true" outlineLevel="3">
      <c r="A5538" s="6" t="s">
        <v>5941</v>
      </c>
      <c r="B5538" s="6" t="e"/>
      <c r="C5538" s="6" t="s">
        <v>253</v>
      </c>
      <c r="D5538" s="6" t="s">
        <v>26</v>
      </c>
      <c r="E5538" s="6" t="e"/>
    </row>
    <row r="5539" ht="44" customHeight="true" s="1" customFormat="true" hidden="true" outlineLevel="3">
      <c r="A5539" s="6" t="s">
        <v>5942</v>
      </c>
      <c r="B5539" s="6" t="e"/>
      <c r="C5539" s="6" t="s">
        <v>21</v>
      </c>
      <c r="D5539" s="6" t="s">
        <v>123</v>
      </c>
      <c r="E5539" s="6" t="e"/>
    </row>
    <row r="5540" ht="33" customHeight="true" s="1" customFormat="true" hidden="true" outlineLevel="3">
      <c r="A5540" s="6" t="s">
        <v>5943</v>
      </c>
      <c r="B5540" s="6" t="e"/>
      <c r="C5540" s="6" t="s">
        <v>21</v>
      </c>
      <c r="D5540" s="6" t="s">
        <v>11</v>
      </c>
      <c r="E5540" s="6" t="e"/>
    </row>
    <row r="5541" ht="33" customHeight="true" s="1" customFormat="true" hidden="true" outlineLevel="3">
      <c r="A5541" s="6" t="s">
        <v>5944</v>
      </c>
      <c r="B5541" s="6" t="e"/>
      <c r="C5541" s="6" t="s">
        <v>21</v>
      </c>
      <c r="D5541" s="6" t="s">
        <v>15</v>
      </c>
      <c r="E5541" s="6" t="e"/>
    </row>
    <row r="5542" ht="33" customHeight="true" s="1" customFormat="true" hidden="true" outlineLevel="3">
      <c r="A5542" s="6" t="s">
        <v>5945</v>
      </c>
      <c r="B5542" s="6" t="e"/>
      <c r="C5542" s="6" t="s">
        <v>21</v>
      </c>
      <c r="D5542" s="6" t="s">
        <v>11</v>
      </c>
      <c r="E5542" s="6" t="e"/>
    </row>
    <row r="5543" ht="44" customHeight="true" s="1" customFormat="true" hidden="true" outlineLevel="3">
      <c r="A5543" s="6" t="s">
        <v>5946</v>
      </c>
      <c r="B5543" s="6" t="e"/>
      <c r="C5543" s="6" t="s">
        <v>369</v>
      </c>
      <c r="D5543" s="6" t="s">
        <v>26</v>
      </c>
      <c r="E5543" s="6" t="e"/>
    </row>
    <row r="5544" ht="33" customHeight="true" s="1" customFormat="true" hidden="true" outlineLevel="3">
      <c r="A5544" s="6" t="s">
        <v>5947</v>
      </c>
      <c r="B5544" s="6" t="e"/>
      <c r="C5544" s="6" t="s">
        <v>1214</v>
      </c>
      <c r="D5544" s="6" t="s">
        <v>11</v>
      </c>
      <c r="E5544" s="6" t="e"/>
    </row>
    <row r="5545" ht="33" customHeight="true" s="1" customFormat="true" hidden="true" outlineLevel="3">
      <c r="A5545" s="6" t="s">
        <v>5948</v>
      </c>
      <c r="B5545" s="6" t="e"/>
      <c r="C5545" s="6" t="s">
        <v>253</v>
      </c>
      <c r="D5545" s="6" t="s">
        <v>26</v>
      </c>
      <c r="E5545" s="6" t="e"/>
    </row>
    <row r="5546" ht="33" customHeight="true" s="1" customFormat="true" hidden="true" outlineLevel="3">
      <c r="A5546" s="6" t="s">
        <v>5949</v>
      </c>
      <c r="B5546" s="6" t="e"/>
      <c r="C5546" s="6" t="s">
        <v>82</v>
      </c>
      <c r="D5546" s="6" t="s">
        <v>26</v>
      </c>
      <c r="E5546" s="6" t="e"/>
    </row>
    <row r="5547" ht="22" customHeight="true" s="1" customFormat="true" hidden="true" outlineLevel="3">
      <c r="A5547" s="6" t="s">
        <v>5950</v>
      </c>
      <c r="B5547" s="6" t="e"/>
      <c r="C5547" s="6" t="s">
        <v>82</v>
      </c>
      <c r="D5547" s="6" t="s">
        <v>11</v>
      </c>
      <c r="E5547" s="6" t="e"/>
    </row>
    <row r="5548" ht="33" customHeight="true" s="1" customFormat="true" hidden="true" outlineLevel="3">
      <c r="A5548" s="6" t="s">
        <v>5951</v>
      </c>
      <c r="B5548" s="6" t="e"/>
      <c r="C5548" s="6" t="s">
        <v>82</v>
      </c>
      <c r="D5548" s="6" t="s">
        <v>11</v>
      </c>
      <c r="E5548" s="6" t="e"/>
    </row>
    <row r="5549" ht="33" customHeight="true" s="1" customFormat="true" hidden="true" outlineLevel="3">
      <c r="A5549" s="6" t="s">
        <v>5952</v>
      </c>
      <c r="B5549" s="6" t="e"/>
      <c r="C5549" s="6" t="s">
        <v>253</v>
      </c>
      <c r="D5549" s="6" t="s">
        <v>11</v>
      </c>
      <c r="E5549" s="6" t="e"/>
    </row>
    <row r="5550" ht="33" customHeight="true" s="1" customFormat="true" hidden="true" outlineLevel="3">
      <c r="A5550" s="6" t="s">
        <v>5953</v>
      </c>
      <c r="B5550" s="6" t="e"/>
      <c r="C5550" s="6" t="s">
        <v>82</v>
      </c>
      <c r="D5550" s="6" t="s">
        <v>11</v>
      </c>
      <c r="E5550" s="6" t="e"/>
    </row>
    <row r="5551" ht="33" customHeight="true" s="1" customFormat="true" hidden="true" outlineLevel="3">
      <c r="A5551" s="6" t="s">
        <v>5954</v>
      </c>
      <c r="B5551" s="6" t="e"/>
      <c r="C5551" s="6" t="s">
        <v>82</v>
      </c>
      <c r="D5551" s="6" t="s">
        <v>11</v>
      </c>
      <c r="E5551" s="6" t="e"/>
    </row>
    <row r="5552" ht="22" customHeight="true" s="1" customFormat="true" hidden="true" outlineLevel="3">
      <c r="A5552" s="6" t="s">
        <v>5955</v>
      </c>
      <c r="B5552" s="6" t="e"/>
      <c r="C5552" s="6" t="s">
        <v>2768</v>
      </c>
      <c r="D5552" s="6" t="s">
        <v>11</v>
      </c>
      <c r="E5552" s="6" t="e"/>
    </row>
    <row r="5553" ht="33" customHeight="true" s="1" customFormat="true" hidden="true" outlineLevel="3">
      <c r="A5553" s="6" t="s">
        <v>5956</v>
      </c>
      <c r="B5553" s="6" t="e"/>
      <c r="C5553" s="6" t="s">
        <v>253</v>
      </c>
      <c r="D5553" s="6" t="s">
        <v>26</v>
      </c>
      <c r="E5553" s="6" t="e"/>
    </row>
    <row r="5554" ht="22" customHeight="true" s="1" customFormat="true" hidden="true" outlineLevel="3">
      <c r="A5554" s="6" t="s">
        <v>5957</v>
      </c>
      <c r="B5554" s="6" t="e"/>
      <c r="C5554" s="6" t="s">
        <v>253</v>
      </c>
      <c r="D5554" s="6" t="s">
        <v>11</v>
      </c>
      <c r="E5554" s="6" t="e"/>
    </row>
    <row r="5555" ht="33" customHeight="true" s="1" customFormat="true" hidden="true" outlineLevel="3">
      <c r="A5555" s="6" t="s">
        <v>5958</v>
      </c>
      <c r="B5555" s="6" t="e"/>
      <c r="C5555" s="6" t="s">
        <v>253</v>
      </c>
      <c r="D5555" s="6" t="s">
        <v>26</v>
      </c>
      <c r="E5555" s="6" t="e"/>
    </row>
    <row r="5556" ht="33" customHeight="true" s="1" customFormat="true" hidden="true" outlineLevel="3">
      <c r="A5556" s="6" t="s">
        <v>5959</v>
      </c>
      <c r="B5556" s="6" t="e"/>
      <c r="C5556" s="6" t="s">
        <v>77</v>
      </c>
      <c r="D5556" s="6" t="s">
        <v>26</v>
      </c>
      <c r="E5556" s="6" t="e"/>
    </row>
    <row r="5557" ht="22" customHeight="true" s="1" customFormat="true" hidden="true" outlineLevel="3">
      <c r="A5557" s="6" t="s">
        <v>5960</v>
      </c>
      <c r="B5557" s="6" t="e"/>
      <c r="C5557" s="6" t="s">
        <v>77</v>
      </c>
      <c r="D5557" s="6" t="s">
        <v>11</v>
      </c>
      <c r="E5557" s="6" t="e"/>
    </row>
    <row r="5558" ht="22" customHeight="true" s="1" customFormat="true" hidden="true" outlineLevel="3">
      <c r="A5558" s="6" t="s">
        <v>5961</v>
      </c>
      <c r="B5558" s="6" t="e"/>
      <c r="C5558" s="6" t="s">
        <v>55</v>
      </c>
      <c r="D5558" s="6" t="s">
        <v>11</v>
      </c>
      <c r="E5558" s="6" t="e"/>
    </row>
    <row r="5559" ht="22" customHeight="true" s="1" customFormat="true" hidden="true" outlineLevel="3">
      <c r="A5559" s="6" t="s">
        <v>5962</v>
      </c>
      <c r="B5559" s="6" t="e"/>
      <c r="C5559" s="6" t="s">
        <v>18</v>
      </c>
      <c r="D5559" s="6" t="s">
        <v>26</v>
      </c>
      <c r="E5559" s="6" t="e"/>
    </row>
    <row r="5560" ht="44" customHeight="true" s="1" customFormat="true" hidden="true" outlineLevel="3">
      <c r="A5560" s="6" t="s">
        <v>5963</v>
      </c>
      <c r="B5560" s="6" t="e"/>
      <c r="C5560" s="6" t="s">
        <v>2678</v>
      </c>
      <c r="D5560" s="6" t="s">
        <v>11</v>
      </c>
      <c r="E5560" s="6" t="e"/>
    </row>
    <row r="5561" ht="44" customHeight="true" s="1" customFormat="true" hidden="true" outlineLevel="3">
      <c r="A5561" s="6" t="s">
        <v>5964</v>
      </c>
      <c r="B5561" s="6" t="e"/>
      <c r="C5561" s="6" t="s">
        <v>2678</v>
      </c>
      <c r="D5561" s="6" t="s">
        <v>11</v>
      </c>
      <c r="E5561" s="6" t="e"/>
    </row>
    <row r="5562" ht="33" customHeight="true" s="1" customFormat="true" hidden="true" outlineLevel="3">
      <c r="A5562" s="6" t="s">
        <v>5965</v>
      </c>
      <c r="B5562" s="6" t="e"/>
      <c r="C5562" s="6" t="s">
        <v>142</v>
      </c>
      <c r="D5562" s="6" t="s">
        <v>11</v>
      </c>
      <c r="E5562" s="6" t="e"/>
    </row>
    <row r="5563" ht="22" customHeight="true" s="1" customFormat="true" hidden="true" outlineLevel="3">
      <c r="A5563" s="6" t="s">
        <v>5966</v>
      </c>
      <c r="B5563" s="6" t="e"/>
      <c r="C5563" s="6" t="s">
        <v>371</v>
      </c>
      <c r="D5563" s="6" t="s">
        <v>11</v>
      </c>
      <c r="E5563" s="6" t="e"/>
    </row>
    <row r="5564" ht="44" customHeight="true" s="1" customFormat="true" hidden="true" outlineLevel="3">
      <c r="A5564" s="6" t="s">
        <v>5967</v>
      </c>
      <c r="B5564" s="6" t="e"/>
      <c r="C5564" s="6" t="s">
        <v>1212</v>
      </c>
      <c r="D5564" s="6" t="s">
        <v>11</v>
      </c>
      <c r="E5564" s="6" t="e"/>
    </row>
    <row r="5565" ht="22" customHeight="true" s="1" customFormat="true" hidden="true" outlineLevel="3">
      <c r="A5565" s="6" t="s">
        <v>5968</v>
      </c>
      <c r="B5565" s="6" t="e"/>
      <c r="C5565" s="6" t="s">
        <v>225</v>
      </c>
      <c r="D5565" s="6" t="s">
        <v>11</v>
      </c>
      <c r="E5565" s="6" t="e"/>
    </row>
    <row r="5566" ht="33" customHeight="true" s="1" customFormat="true" hidden="true" outlineLevel="3">
      <c r="A5566" s="6" t="s">
        <v>5969</v>
      </c>
      <c r="B5566" s="6" t="e"/>
      <c r="C5566" s="6" t="s">
        <v>225</v>
      </c>
      <c r="D5566" s="6" t="s">
        <v>26</v>
      </c>
      <c r="E5566" s="6" t="e"/>
    </row>
    <row r="5567" ht="33" customHeight="true" s="1" customFormat="true" hidden="true" outlineLevel="3">
      <c r="A5567" s="6" t="s">
        <v>5970</v>
      </c>
      <c r="B5567" s="6" t="e"/>
      <c r="C5567" s="6" t="s">
        <v>225</v>
      </c>
      <c r="D5567" s="6" t="s">
        <v>26</v>
      </c>
      <c r="E5567" s="6" t="e"/>
    </row>
    <row r="5568" ht="33" customHeight="true" s="1" customFormat="true" hidden="true" outlineLevel="3">
      <c r="A5568" s="6" t="s">
        <v>5971</v>
      </c>
      <c r="B5568" s="6" t="e"/>
      <c r="C5568" s="6" t="s">
        <v>371</v>
      </c>
      <c r="D5568" s="6" t="s">
        <v>11</v>
      </c>
      <c r="E5568" s="6" t="e"/>
    </row>
    <row r="5569" ht="33" customHeight="true" s="1" customFormat="true" hidden="true" outlineLevel="3">
      <c r="A5569" s="6" t="s">
        <v>5972</v>
      </c>
      <c r="B5569" s="6" t="e"/>
      <c r="C5569" s="6" t="s">
        <v>225</v>
      </c>
      <c r="D5569" s="6" t="s">
        <v>11</v>
      </c>
      <c r="E5569" s="6" t="e"/>
    </row>
    <row r="5570" ht="33" customHeight="true" s="1" customFormat="true" hidden="true" outlineLevel="3">
      <c r="A5570" s="6" t="s">
        <v>5973</v>
      </c>
      <c r="B5570" s="6" t="e"/>
      <c r="C5570" s="6" t="s">
        <v>21</v>
      </c>
      <c r="D5570" s="6" t="s">
        <v>26</v>
      </c>
      <c r="E5570" s="6" t="e"/>
    </row>
    <row r="5571" ht="22" customHeight="true" s="1" customFormat="true" hidden="true" outlineLevel="3">
      <c r="A5571" s="6" t="s">
        <v>5974</v>
      </c>
      <c r="B5571" s="6" t="e"/>
      <c r="C5571" s="6" t="s">
        <v>225</v>
      </c>
      <c r="D5571" s="6" t="s">
        <v>11</v>
      </c>
      <c r="E5571" s="6" t="e"/>
    </row>
    <row r="5572" ht="44" customHeight="true" s="1" customFormat="true" hidden="true" outlineLevel="3">
      <c r="A5572" s="6" t="s">
        <v>5975</v>
      </c>
      <c r="B5572" s="6" t="e"/>
      <c r="C5572" s="6" t="s">
        <v>2768</v>
      </c>
      <c r="D5572" s="6" t="s">
        <v>11</v>
      </c>
      <c r="E5572" s="6" t="e"/>
    </row>
    <row r="5573" ht="33" customHeight="true" s="1" customFormat="true" hidden="true" outlineLevel="3">
      <c r="A5573" s="6" t="s">
        <v>5976</v>
      </c>
      <c r="B5573" s="6" t="e"/>
      <c r="C5573" s="6" t="s">
        <v>2768</v>
      </c>
      <c r="D5573" s="6" t="s">
        <v>11</v>
      </c>
      <c r="E5573" s="6" t="e"/>
    </row>
    <row r="5574" ht="22" customHeight="true" s="1" customFormat="true" hidden="true" collapsed="true" outlineLevel="3">
      <c r="A5574" s="6" t="s">
        <v>5977</v>
      </c>
      <c r="B5574" s="6" t="e"/>
      <c r="C5574" s="6" t="s">
        <v>126</v>
      </c>
      <c r="D5574" s="6" t="s">
        <v>26</v>
      </c>
      <c r="E5574" s="6" t="e"/>
    </row>
    <row r="5575" ht="11" customHeight="true" s="1" customFormat="true" hidden="true" collapsed="true" outlineLevel="2">
      <c r="A5575" s="5" t="s">
        <v>5978</v>
      </c>
      <c r="B5575" s="5" t="e"/>
      <c r="C5575" s="5" t="e"/>
      <c r="D5575" s="5" t="e"/>
      <c r="E5575" s="5" t="e"/>
    </row>
    <row r="5576" ht="22" customHeight="true" s="1" customFormat="true" hidden="true" outlineLevel="3">
      <c r="A5576" s="6" t="s">
        <v>5979</v>
      </c>
      <c r="B5576" s="6" t="e"/>
      <c r="C5576" s="6" t="s">
        <v>369</v>
      </c>
      <c r="D5576" s="6" t="s">
        <v>11</v>
      </c>
      <c r="E5576" s="6" t="e"/>
    </row>
    <row r="5577" ht="22" customHeight="true" s="1" customFormat="true" hidden="true" outlineLevel="3">
      <c r="A5577" s="6" t="s">
        <v>5980</v>
      </c>
      <c r="B5577" s="6" t="e"/>
      <c r="C5577" s="6" t="s">
        <v>253</v>
      </c>
      <c r="D5577" s="6" t="s">
        <v>11</v>
      </c>
      <c r="E5577" s="6" t="e"/>
    </row>
    <row r="5578" ht="22" customHeight="true" s="1" customFormat="true" hidden="true" outlineLevel="3">
      <c r="A5578" s="6" t="s">
        <v>5981</v>
      </c>
      <c r="B5578" s="6" t="e"/>
      <c r="C5578" s="6" t="s">
        <v>82</v>
      </c>
      <c r="D5578" s="6" t="s">
        <v>11</v>
      </c>
      <c r="E5578" s="6" t="e"/>
    </row>
    <row r="5579" ht="22" customHeight="true" s="1" customFormat="true" hidden="true" outlineLevel="3">
      <c r="A5579" s="6" t="s">
        <v>5982</v>
      </c>
      <c r="B5579" s="6" t="e"/>
      <c r="C5579" s="6" t="s">
        <v>82</v>
      </c>
      <c r="D5579" s="6" t="s">
        <v>11</v>
      </c>
      <c r="E5579" s="6" t="e"/>
    </row>
    <row r="5580" ht="22" customHeight="true" s="1" customFormat="true" hidden="true" outlineLevel="3">
      <c r="A5580" s="6" t="s">
        <v>5983</v>
      </c>
      <c r="B5580" s="6" t="e"/>
      <c r="C5580" s="6" t="s">
        <v>371</v>
      </c>
      <c r="D5580" s="6" t="s">
        <v>11</v>
      </c>
      <c r="E5580" s="6" t="e"/>
    </row>
    <row r="5581" ht="22" customHeight="true" s="1" customFormat="true" hidden="true" outlineLevel="3">
      <c r="A5581" s="6" t="s">
        <v>5984</v>
      </c>
      <c r="B5581" s="6" t="e"/>
      <c r="C5581" s="6" t="s">
        <v>371</v>
      </c>
      <c r="D5581" s="6" t="s">
        <v>11</v>
      </c>
      <c r="E5581" s="6" t="e"/>
    </row>
    <row r="5582" ht="22" customHeight="true" s="1" customFormat="true" hidden="true" outlineLevel="3">
      <c r="A5582" s="6" t="s">
        <v>5985</v>
      </c>
      <c r="B5582" s="6" t="e"/>
      <c r="C5582" s="6" t="s">
        <v>21</v>
      </c>
      <c r="D5582" s="6" t="s">
        <v>11</v>
      </c>
      <c r="E5582" s="6" t="e"/>
    </row>
    <row r="5583" ht="22" customHeight="true" s="1" customFormat="true" hidden="true" collapsed="true" outlineLevel="3">
      <c r="A5583" s="6" t="s">
        <v>5986</v>
      </c>
      <c r="B5583" s="6" t="e"/>
      <c r="C5583" s="6" t="s">
        <v>82</v>
      </c>
      <c r="D5583" s="6" t="s">
        <v>11</v>
      </c>
      <c r="E5583" s="6" t="e"/>
    </row>
    <row r="5584" ht="11" customHeight="true" s="1" customFormat="true" hidden="true" collapsed="true" outlineLevel="2">
      <c r="A5584" s="5" t="s">
        <v>5987</v>
      </c>
      <c r="B5584" s="5" t="e"/>
      <c r="C5584" s="5" t="e"/>
      <c r="D5584" s="5" t="e"/>
      <c r="E5584" s="5" t="e"/>
    </row>
    <row r="5585" ht="22" customHeight="true" s="1" customFormat="true" hidden="true" outlineLevel="3">
      <c r="A5585" s="6" t="s">
        <v>5988</v>
      </c>
      <c r="B5585" s="6" t="e"/>
      <c r="C5585" s="6" t="s">
        <v>1212</v>
      </c>
      <c r="D5585" s="6" t="s">
        <v>11</v>
      </c>
      <c r="E5585" s="6" t="e"/>
    </row>
    <row r="5586" ht="22" customHeight="true" s="1" customFormat="true" hidden="true" outlineLevel="3">
      <c r="A5586" s="6" t="s">
        <v>5989</v>
      </c>
      <c r="B5586" s="6" t="e"/>
      <c r="C5586" s="6" t="s">
        <v>18</v>
      </c>
      <c r="D5586" s="6" t="s">
        <v>11</v>
      </c>
      <c r="E5586" s="6" t="e"/>
    </row>
    <row r="5587" ht="22" customHeight="true" s="1" customFormat="true" hidden="true" outlineLevel="3">
      <c r="A5587" s="6" t="s">
        <v>5990</v>
      </c>
      <c r="B5587" s="6" t="e"/>
      <c r="C5587" s="6" t="s">
        <v>18</v>
      </c>
      <c r="D5587" s="6" t="s">
        <v>11</v>
      </c>
      <c r="E5587" s="6" t="e"/>
    </row>
    <row r="5588" ht="22" customHeight="true" s="1" customFormat="true" hidden="true" outlineLevel="3">
      <c r="A5588" s="6" t="s">
        <v>5991</v>
      </c>
      <c r="B5588" s="6" t="e"/>
      <c r="C5588" s="6" t="s">
        <v>1186</v>
      </c>
      <c r="D5588" s="6" t="s">
        <v>11</v>
      </c>
      <c r="E5588" s="6" t="e"/>
    </row>
    <row r="5589" ht="33" customHeight="true" s="1" customFormat="true" hidden="true" outlineLevel="3">
      <c r="A5589" s="6" t="s">
        <v>5992</v>
      </c>
      <c r="B5589" s="6" t="e"/>
      <c r="C5589" s="6" t="s">
        <v>1214</v>
      </c>
      <c r="D5589" s="6" t="s">
        <v>26</v>
      </c>
      <c r="E5589" s="6" t="e"/>
    </row>
    <row r="5590" ht="33" customHeight="true" s="1" customFormat="true" hidden="true" outlineLevel="3">
      <c r="A5590" s="6" t="s">
        <v>5993</v>
      </c>
      <c r="B5590" s="6" t="e"/>
      <c r="C5590" s="6" t="s">
        <v>82</v>
      </c>
      <c r="D5590" s="6" t="s">
        <v>11</v>
      </c>
      <c r="E5590" s="6" t="e"/>
    </row>
    <row r="5591" ht="22" customHeight="true" s="1" customFormat="true" hidden="true" outlineLevel="3">
      <c r="A5591" s="6" t="s">
        <v>5994</v>
      </c>
      <c r="B5591" s="6" t="e"/>
      <c r="C5591" s="6" t="s">
        <v>82</v>
      </c>
      <c r="D5591" s="6" t="s">
        <v>11</v>
      </c>
      <c r="E5591" s="6" t="e"/>
    </row>
    <row r="5592" ht="22" customHeight="true" s="1" customFormat="true" hidden="true" outlineLevel="3">
      <c r="A5592" s="6" t="s">
        <v>5995</v>
      </c>
      <c r="B5592" s="6" t="e"/>
      <c r="C5592" s="6" t="s">
        <v>369</v>
      </c>
      <c r="D5592" s="6" t="s">
        <v>11</v>
      </c>
      <c r="E5592" s="6" t="e"/>
    </row>
    <row r="5593" ht="22" customHeight="true" s="1" customFormat="true" hidden="true" outlineLevel="3">
      <c r="A5593" s="6" t="s">
        <v>5996</v>
      </c>
      <c r="B5593" s="6" t="e"/>
      <c r="C5593" s="6" t="s">
        <v>3428</v>
      </c>
      <c r="D5593" s="6" t="s">
        <v>11</v>
      </c>
      <c r="E5593" s="6" t="e"/>
    </row>
    <row r="5594" ht="22" customHeight="true" s="1" customFormat="true" hidden="true" outlineLevel="3">
      <c r="A5594" s="6" t="s">
        <v>5997</v>
      </c>
      <c r="B5594" s="6" t="e"/>
      <c r="C5594" s="6" t="s">
        <v>2768</v>
      </c>
      <c r="D5594" s="6" t="s">
        <v>11</v>
      </c>
      <c r="E5594" s="6" t="e"/>
    </row>
    <row r="5595" ht="22" customHeight="true" s="1" customFormat="true" hidden="true" collapsed="true" outlineLevel="3">
      <c r="A5595" s="6" t="s">
        <v>5998</v>
      </c>
      <c r="B5595" s="6" t="e"/>
      <c r="C5595" s="6" t="s">
        <v>2768</v>
      </c>
      <c r="D5595" s="6" t="s">
        <v>11</v>
      </c>
      <c r="E5595" s="6" t="e"/>
    </row>
    <row r="5596" ht="11" customHeight="true" s="1" customFormat="true" hidden="true" collapsed="true" outlineLevel="2">
      <c r="A5596" s="5" t="s">
        <v>5999</v>
      </c>
      <c r="B5596" s="5" t="e"/>
      <c r="C5596" s="5" t="e"/>
      <c r="D5596" s="5" t="e"/>
      <c r="E5596" s="5" t="e"/>
    </row>
    <row r="5597" ht="22" customHeight="true" s="1" customFormat="true" hidden="true" outlineLevel="3">
      <c r="A5597" s="6" t="s">
        <v>6000</v>
      </c>
      <c r="B5597" s="6" t="e"/>
      <c r="C5597" s="6" t="s">
        <v>21</v>
      </c>
      <c r="D5597" s="6" t="s">
        <v>11</v>
      </c>
      <c r="E5597" s="6" t="e"/>
    </row>
    <row r="5598" ht="22" customHeight="true" s="1" customFormat="true" hidden="true" outlineLevel="3">
      <c r="A5598" s="6" t="s">
        <v>6001</v>
      </c>
      <c r="B5598" s="6" t="e"/>
      <c r="C5598" s="6" t="s">
        <v>82</v>
      </c>
      <c r="D5598" s="6" t="s">
        <v>26</v>
      </c>
      <c r="E5598" s="6" t="e"/>
    </row>
    <row r="5599" ht="22" customHeight="true" s="1" customFormat="true" hidden="true" outlineLevel="3">
      <c r="A5599" s="6" t="s">
        <v>6002</v>
      </c>
      <c r="B5599" s="6" t="e"/>
      <c r="C5599" s="6" t="s">
        <v>82</v>
      </c>
      <c r="D5599" s="6" t="s">
        <v>26</v>
      </c>
      <c r="E5599" s="6" t="e"/>
    </row>
    <row r="5600" ht="22" customHeight="true" s="1" customFormat="true" hidden="true" outlineLevel="3">
      <c r="A5600" s="6" t="s">
        <v>6003</v>
      </c>
      <c r="B5600" s="6" t="e"/>
      <c r="C5600" s="6" t="s">
        <v>253</v>
      </c>
      <c r="D5600" s="6" t="s">
        <v>11</v>
      </c>
      <c r="E5600" s="6" t="e"/>
    </row>
    <row r="5601" ht="44" customHeight="true" s="1" customFormat="true" hidden="true" outlineLevel="3">
      <c r="A5601" s="6" t="s">
        <v>6004</v>
      </c>
      <c r="B5601" s="6" t="e"/>
      <c r="C5601" s="6" t="s">
        <v>253</v>
      </c>
      <c r="D5601" s="6" t="s">
        <v>26</v>
      </c>
      <c r="E5601" s="6" t="e"/>
    </row>
    <row r="5602" ht="44" customHeight="true" s="1" customFormat="true" hidden="true" outlineLevel="3">
      <c r="A5602" s="6" t="s">
        <v>6005</v>
      </c>
      <c r="B5602" s="6" t="e"/>
      <c r="C5602" s="6" t="s">
        <v>55</v>
      </c>
      <c r="D5602" s="6" t="s">
        <v>11</v>
      </c>
      <c r="E5602" s="6" t="e"/>
    </row>
    <row r="5603" ht="22" customHeight="true" s="1" customFormat="true" hidden="true" outlineLevel="3">
      <c r="A5603" s="6" t="s">
        <v>6006</v>
      </c>
      <c r="B5603" s="6" t="e"/>
      <c r="C5603" s="6" t="s">
        <v>2768</v>
      </c>
      <c r="D5603" s="6" t="s">
        <v>26</v>
      </c>
      <c r="E5603" s="6" t="e"/>
    </row>
    <row r="5604" ht="33" customHeight="true" s="1" customFormat="true" hidden="true" outlineLevel="3">
      <c r="A5604" s="6" t="s">
        <v>6007</v>
      </c>
      <c r="B5604" s="6" t="e"/>
      <c r="C5604" s="6" t="s">
        <v>2768</v>
      </c>
      <c r="D5604" s="6" t="s">
        <v>11</v>
      </c>
      <c r="E5604" s="6" t="e"/>
    </row>
    <row r="5605" ht="44" customHeight="true" s="1" customFormat="true" hidden="true" outlineLevel="3">
      <c r="A5605" s="6" t="s">
        <v>6008</v>
      </c>
      <c r="B5605" s="6" t="e"/>
      <c r="C5605" s="6" t="s">
        <v>369</v>
      </c>
      <c r="D5605" s="6" t="s">
        <v>11</v>
      </c>
      <c r="E5605" s="6" t="e"/>
    </row>
    <row r="5606" ht="33" customHeight="true" s="1" customFormat="true" hidden="true" outlineLevel="3">
      <c r="A5606" s="6" t="s">
        <v>6009</v>
      </c>
      <c r="B5606" s="6" t="e"/>
      <c r="C5606" s="6" t="s">
        <v>1214</v>
      </c>
      <c r="D5606" s="6" t="s">
        <v>26</v>
      </c>
      <c r="E5606" s="6" t="e"/>
    </row>
    <row r="5607" ht="22" customHeight="true" s="1" customFormat="true" hidden="true" outlineLevel="3">
      <c r="A5607" s="6" t="s">
        <v>6010</v>
      </c>
      <c r="B5607" s="6" t="e"/>
      <c r="C5607" s="6" t="s">
        <v>369</v>
      </c>
      <c r="D5607" s="6" t="s">
        <v>11</v>
      </c>
      <c r="E5607" s="6" t="e"/>
    </row>
    <row r="5608" ht="22" customHeight="true" s="1" customFormat="true" hidden="true" outlineLevel="3">
      <c r="A5608" s="6" t="s">
        <v>6011</v>
      </c>
      <c r="B5608" s="6" t="e"/>
      <c r="C5608" s="6" t="s">
        <v>253</v>
      </c>
      <c r="D5608" s="6" t="s">
        <v>11</v>
      </c>
      <c r="E5608" s="6" t="e"/>
    </row>
    <row r="5609" ht="33" customHeight="true" s="1" customFormat="true" hidden="true" collapsed="true" outlineLevel="3">
      <c r="A5609" s="6" t="s">
        <v>6012</v>
      </c>
      <c r="B5609" s="6" t="e"/>
      <c r="C5609" s="6" t="s">
        <v>18</v>
      </c>
      <c r="D5609" s="6" t="s">
        <v>11</v>
      </c>
      <c r="E5609" s="6" t="e"/>
    </row>
    <row r="5610" ht="11" customHeight="true" s="1" customFormat="true" hidden="true" collapsed="true" outlineLevel="2">
      <c r="A5610" s="5" t="s">
        <v>6013</v>
      </c>
      <c r="B5610" s="5" t="e"/>
      <c r="C5610" s="5" t="e"/>
      <c r="D5610" s="5" t="e"/>
      <c r="E5610" s="5" t="e"/>
    </row>
    <row r="5611" ht="33" customHeight="true" s="1" customFormat="true" hidden="true" outlineLevel="3">
      <c r="A5611" s="6" t="s">
        <v>6014</v>
      </c>
      <c r="B5611" s="6" t="e"/>
      <c r="C5611" s="6" t="s">
        <v>55</v>
      </c>
      <c r="D5611" s="6" t="s">
        <v>26</v>
      </c>
      <c r="E5611" s="6" t="e"/>
    </row>
    <row r="5612" ht="33" customHeight="true" s="1" customFormat="true" hidden="true" outlineLevel="3">
      <c r="A5612" s="6" t="s">
        <v>6015</v>
      </c>
      <c r="B5612" s="6" t="e"/>
      <c r="C5612" s="6" t="s">
        <v>55</v>
      </c>
      <c r="D5612" s="6" t="s">
        <v>26</v>
      </c>
      <c r="E5612" s="6" t="e"/>
    </row>
    <row r="5613" ht="33" customHeight="true" s="1" customFormat="true" hidden="true" outlineLevel="3">
      <c r="A5613" s="6" t="s">
        <v>6016</v>
      </c>
      <c r="B5613" s="6" t="e"/>
      <c r="C5613" s="6" t="s">
        <v>1214</v>
      </c>
      <c r="D5613" s="6" t="s">
        <v>26</v>
      </c>
      <c r="E5613" s="6" t="e"/>
    </row>
    <row r="5614" ht="22" customHeight="true" s="1" customFormat="true" hidden="true" outlineLevel="3">
      <c r="A5614" s="6" t="s">
        <v>6017</v>
      </c>
      <c r="B5614" s="6" t="e"/>
      <c r="C5614" s="6" t="s">
        <v>82</v>
      </c>
      <c r="D5614" s="6" t="s">
        <v>68</v>
      </c>
      <c r="E5614" s="6" t="e"/>
    </row>
    <row r="5615" ht="33" customHeight="true" s="1" customFormat="true" hidden="true" outlineLevel="3">
      <c r="A5615" s="6" t="s">
        <v>6018</v>
      </c>
      <c r="B5615" s="6" t="e"/>
      <c r="C5615" s="6" t="s">
        <v>225</v>
      </c>
      <c r="D5615" s="6" t="s">
        <v>11</v>
      </c>
      <c r="E5615" s="6" t="e"/>
    </row>
    <row r="5616" ht="22" customHeight="true" s="1" customFormat="true" hidden="true" outlineLevel="3">
      <c r="A5616" s="6" t="s">
        <v>6019</v>
      </c>
      <c r="B5616" s="6" t="e"/>
      <c r="C5616" s="6" t="s">
        <v>225</v>
      </c>
      <c r="D5616" s="6" t="s">
        <v>11</v>
      </c>
      <c r="E5616" s="6" t="e"/>
    </row>
    <row r="5617" ht="22" customHeight="true" s="1" customFormat="true" hidden="true" outlineLevel="3">
      <c r="A5617" s="6" t="s">
        <v>6020</v>
      </c>
      <c r="B5617" s="6" t="e"/>
      <c r="C5617" s="6" t="s">
        <v>225</v>
      </c>
      <c r="D5617" s="6" t="s">
        <v>11</v>
      </c>
      <c r="E5617" s="6" t="e"/>
    </row>
    <row r="5618" ht="22" customHeight="true" s="1" customFormat="true" hidden="true" outlineLevel="3">
      <c r="A5618" s="6" t="s">
        <v>6021</v>
      </c>
      <c r="B5618" s="6" t="e"/>
      <c r="C5618" s="6" t="s">
        <v>225</v>
      </c>
      <c r="D5618" s="6" t="s">
        <v>11</v>
      </c>
      <c r="E5618" s="6" t="e"/>
    </row>
    <row r="5619" ht="22" customHeight="true" s="1" customFormat="true" hidden="true" outlineLevel="3">
      <c r="A5619" s="6" t="s">
        <v>6022</v>
      </c>
      <c r="B5619" s="6" t="e"/>
      <c r="C5619" s="6" t="s">
        <v>225</v>
      </c>
      <c r="D5619" s="6" t="s">
        <v>11</v>
      </c>
      <c r="E5619" s="6" t="e"/>
    </row>
    <row r="5620" ht="33" customHeight="true" s="1" customFormat="true" hidden="true" outlineLevel="3">
      <c r="A5620" s="6" t="s">
        <v>6023</v>
      </c>
      <c r="B5620" s="6" t="e"/>
      <c r="C5620" s="6" t="s">
        <v>225</v>
      </c>
      <c r="D5620" s="6" t="s">
        <v>26</v>
      </c>
      <c r="E5620" s="6" t="e"/>
    </row>
    <row r="5621" ht="33" customHeight="true" s="1" customFormat="true" hidden="true" outlineLevel="3">
      <c r="A5621" s="6" t="s">
        <v>6024</v>
      </c>
      <c r="B5621" s="6" t="e"/>
      <c r="C5621" s="6" t="s">
        <v>225</v>
      </c>
      <c r="D5621" s="6" t="s">
        <v>11</v>
      </c>
      <c r="E5621" s="6" t="e"/>
    </row>
    <row r="5622" ht="44" customHeight="true" s="1" customFormat="true" hidden="true" outlineLevel="3">
      <c r="A5622" s="6" t="s">
        <v>6025</v>
      </c>
      <c r="B5622" s="6" t="e"/>
      <c r="C5622" s="6" t="s">
        <v>225</v>
      </c>
      <c r="D5622" s="6" t="s">
        <v>15</v>
      </c>
      <c r="E5622" s="6" t="e"/>
    </row>
    <row r="5623" ht="33" customHeight="true" s="1" customFormat="true" hidden="true" outlineLevel="3">
      <c r="A5623" s="6" t="s">
        <v>6026</v>
      </c>
      <c r="B5623" s="6" t="e"/>
      <c r="C5623" s="6" t="s">
        <v>225</v>
      </c>
      <c r="D5623" s="6" t="s">
        <v>40</v>
      </c>
      <c r="E5623" s="6" t="e"/>
    </row>
    <row r="5624" ht="22" customHeight="true" s="1" customFormat="true" hidden="true" outlineLevel="3">
      <c r="A5624" s="6" t="s">
        <v>6027</v>
      </c>
      <c r="B5624" s="6" t="e"/>
      <c r="C5624" s="6" t="s">
        <v>225</v>
      </c>
      <c r="D5624" s="6" t="s">
        <v>11</v>
      </c>
      <c r="E5624" s="6" t="e"/>
    </row>
    <row r="5625" ht="22" customHeight="true" s="1" customFormat="true" hidden="true" outlineLevel="3">
      <c r="A5625" s="6" t="s">
        <v>6028</v>
      </c>
      <c r="B5625" s="6" t="e"/>
      <c r="C5625" s="6" t="s">
        <v>225</v>
      </c>
      <c r="D5625" s="6" t="s">
        <v>11</v>
      </c>
      <c r="E5625" s="6" t="e"/>
    </row>
    <row r="5626" ht="44" customHeight="true" s="1" customFormat="true" hidden="true" outlineLevel="3">
      <c r="A5626" s="6" t="s">
        <v>6029</v>
      </c>
      <c r="B5626" s="6" t="e"/>
      <c r="C5626" s="6" t="s">
        <v>149</v>
      </c>
      <c r="D5626" s="6" t="s">
        <v>15</v>
      </c>
      <c r="E5626" s="6" t="e"/>
    </row>
    <row r="5627" ht="44" customHeight="true" s="1" customFormat="true" hidden="true" outlineLevel="3">
      <c r="A5627" s="6" t="s">
        <v>6030</v>
      </c>
      <c r="B5627" s="6" t="e"/>
      <c r="C5627" s="6" t="s">
        <v>155</v>
      </c>
      <c r="D5627" s="6" t="s">
        <v>11</v>
      </c>
      <c r="E5627" s="6" t="e"/>
    </row>
    <row r="5628" ht="44" customHeight="true" s="1" customFormat="true" hidden="true" outlineLevel="3">
      <c r="A5628" s="6" t="s">
        <v>6031</v>
      </c>
      <c r="B5628" s="6" t="e"/>
      <c r="C5628" s="6" t="s">
        <v>225</v>
      </c>
      <c r="D5628" s="6" t="s">
        <v>184</v>
      </c>
      <c r="E5628" s="6" t="e"/>
    </row>
    <row r="5629" ht="22" customHeight="true" s="1" customFormat="true" hidden="true" outlineLevel="3">
      <c r="A5629" s="6" t="s">
        <v>6032</v>
      </c>
      <c r="B5629" s="6" t="e"/>
      <c r="C5629" s="6" t="s">
        <v>149</v>
      </c>
      <c r="D5629" s="6" t="s">
        <v>11</v>
      </c>
      <c r="E5629" s="6" t="e"/>
    </row>
    <row r="5630" ht="22" customHeight="true" s="1" customFormat="true" hidden="true" outlineLevel="3">
      <c r="A5630" s="6" t="s">
        <v>6033</v>
      </c>
      <c r="B5630" s="6" t="e"/>
      <c r="C5630" s="6" t="s">
        <v>225</v>
      </c>
      <c r="D5630" s="6" t="s">
        <v>11</v>
      </c>
      <c r="E5630" s="6" t="e"/>
    </row>
    <row r="5631" ht="22" customHeight="true" s="1" customFormat="true" hidden="true" outlineLevel="3">
      <c r="A5631" s="6" t="s">
        <v>6034</v>
      </c>
      <c r="B5631" s="6" t="e"/>
      <c r="C5631" s="6" t="s">
        <v>225</v>
      </c>
      <c r="D5631" s="6" t="s">
        <v>11</v>
      </c>
      <c r="E5631" s="6" t="e"/>
    </row>
    <row r="5632" ht="33" customHeight="true" s="1" customFormat="true" hidden="true" outlineLevel="3">
      <c r="A5632" s="6" t="s">
        <v>6035</v>
      </c>
      <c r="B5632" s="6" t="e"/>
      <c r="C5632" s="6" t="s">
        <v>225</v>
      </c>
      <c r="D5632" s="6" t="s">
        <v>11</v>
      </c>
      <c r="E5632" s="6" t="e"/>
    </row>
    <row r="5633" ht="33" customHeight="true" s="1" customFormat="true" hidden="true" outlineLevel="3">
      <c r="A5633" s="6" t="s">
        <v>6036</v>
      </c>
      <c r="B5633" s="6" t="e"/>
      <c r="C5633" s="6" t="s">
        <v>225</v>
      </c>
      <c r="D5633" s="6" t="s">
        <v>11</v>
      </c>
      <c r="E5633" s="6" t="e"/>
    </row>
    <row r="5634" ht="22" customHeight="true" s="1" customFormat="true" hidden="true" outlineLevel="3">
      <c r="A5634" s="6" t="s">
        <v>6037</v>
      </c>
      <c r="B5634" s="6" t="e"/>
      <c r="C5634" s="6" t="s">
        <v>225</v>
      </c>
      <c r="D5634" s="6" t="s">
        <v>11</v>
      </c>
      <c r="E5634" s="6" t="e"/>
    </row>
    <row r="5635" ht="22" customHeight="true" s="1" customFormat="true" hidden="true" outlineLevel="3">
      <c r="A5635" s="6" t="s">
        <v>6038</v>
      </c>
      <c r="B5635" s="6" t="e"/>
      <c r="C5635" s="6" t="s">
        <v>225</v>
      </c>
      <c r="D5635" s="6" t="s">
        <v>11</v>
      </c>
      <c r="E5635" s="6" t="e"/>
    </row>
    <row r="5636" ht="33" customHeight="true" s="1" customFormat="true" hidden="true" outlineLevel="3">
      <c r="A5636" s="6" t="s">
        <v>6039</v>
      </c>
      <c r="B5636" s="6" t="e"/>
      <c r="C5636" s="6" t="s">
        <v>126</v>
      </c>
      <c r="D5636" s="6" t="s">
        <v>11</v>
      </c>
      <c r="E5636" s="6" t="e"/>
    </row>
    <row r="5637" ht="33" customHeight="true" s="1" customFormat="true" hidden="true" outlineLevel="3">
      <c r="A5637" s="6" t="s">
        <v>6040</v>
      </c>
      <c r="B5637" s="6" t="e"/>
      <c r="C5637" s="6" t="s">
        <v>126</v>
      </c>
      <c r="D5637" s="6" t="s">
        <v>11</v>
      </c>
      <c r="E5637" s="6" t="e"/>
    </row>
    <row r="5638" ht="33" customHeight="true" s="1" customFormat="true" hidden="true" outlineLevel="3">
      <c r="A5638" s="6" t="s">
        <v>6041</v>
      </c>
      <c r="B5638" s="6" t="e"/>
      <c r="C5638" s="6" t="s">
        <v>225</v>
      </c>
      <c r="D5638" s="6" t="s">
        <v>57</v>
      </c>
      <c r="E5638" s="6" t="e"/>
    </row>
    <row r="5639" ht="33" customHeight="true" s="1" customFormat="true" hidden="true" outlineLevel="3">
      <c r="A5639" s="6" t="s">
        <v>6042</v>
      </c>
      <c r="B5639" s="6" t="e"/>
      <c r="C5639" s="6" t="s">
        <v>126</v>
      </c>
      <c r="D5639" s="6" t="s">
        <v>11</v>
      </c>
      <c r="E5639" s="6" t="e"/>
    </row>
    <row r="5640" ht="33" customHeight="true" s="1" customFormat="true" hidden="true" outlineLevel="3">
      <c r="A5640" s="6" t="s">
        <v>6043</v>
      </c>
      <c r="B5640" s="6" t="e"/>
      <c r="C5640" s="6" t="s">
        <v>126</v>
      </c>
      <c r="D5640" s="6" t="s">
        <v>26</v>
      </c>
      <c r="E5640" s="6" t="e"/>
    </row>
    <row r="5641" ht="33" customHeight="true" s="1" customFormat="true" hidden="true" outlineLevel="3">
      <c r="A5641" s="6" t="s">
        <v>6044</v>
      </c>
      <c r="B5641" s="6" t="e"/>
      <c r="C5641" s="6" t="s">
        <v>225</v>
      </c>
      <c r="D5641" s="6" t="s">
        <v>11</v>
      </c>
      <c r="E5641" s="6" t="e"/>
    </row>
    <row r="5642" ht="33" customHeight="true" s="1" customFormat="true" hidden="true" outlineLevel="3">
      <c r="A5642" s="6" t="s">
        <v>6045</v>
      </c>
      <c r="B5642" s="6" t="e"/>
      <c r="C5642" s="6" t="s">
        <v>55</v>
      </c>
      <c r="D5642" s="6" t="s">
        <v>11</v>
      </c>
      <c r="E5642" s="6" t="e"/>
    </row>
    <row r="5643" ht="33" customHeight="true" s="1" customFormat="true" hidden="true" outlineLevel="3">
      <c r="A5643" s="6" t="s">
        <v>6046</v>
      </c>
      <c r="B5643" s="6" t="e"/>
      <c r="C5643" s="6" t="s">
        <v>225</v>
      </c>
      <c r="D5643" s="6" t="s">
        <v>26</v>
      </c>
      <c r="E5643" s="6" t="e"/>
    </row>
    <row r="5644" ht="22" customHeight="true" s="1" customFormat="true" hidden="true" outlineLevel="3">
      <c r="A5644" s="6" t="s">
        <v>6047</v>
      </c>
      <c r="B5644" s="6" t="e"/>
      <c r="C5644" s="6" t="s">
        <v>126</v>
      </c>
      <c r="D5644" s="6" t="s">
        <v>26</v>
      </c>
      <c r="E5644" s="6" t="e"/>
    </row>
    <row r="5645" ht="33" customHeight="true" s="1" customFormat="true" hidden="true" outlineLevel="3">
      <c r="A5645" s="6" t="s">
        <v>6048</v>
      </c>
      <c r="B5645" s="6" t="e"/>
      <c r="C5645" s="6" t="s">
        <v>219</v>
      </c>
      <c r="D5645" s="6" t="s">
        <v>11</v>
      </c>
      <c r="E5645" s="6" t="e"/>
    </row>
    <row r="5646" ht="22" customHeight="true" s="1" customFormat="true" hidden="true" outlineLevel="3">
      <c r="A5646" s="6" t="s">
        <v>6049</v>
      </c>
      <c r="B5646" s="6" t="e"/>
      <c r="C5646" s="6" t="s">
        <v>126</v>
      </c>
      <c r="D5646" s="6" t="s">
        <v>15</v>
      </c>
      <c r="E5646" s="6" t="e"/>
    </row>
    <row r="5647" ht="22" customHeight="true" s="1" customFormat="true" hidden="true" outlineLevel="3">
      <c r="A5647" s="6" t="s">
        <v>6050</v>
      </c>
      <c r="B5647" s="6" t="e"/>
      <c r="C5647" s="6" t="s">
        <v>225</v>
      </c>
      <c r="D5647" s="6" t="s">
        <v>26</v>
      </c>
      <c r="E5647" s="6" t="e"/>
    </row>
    <row r="5648" ht="33" customHeight="true" s="1" customFormat="true" hidden="true" outlineLevel="3">
      <c r="A5648" s="6" t="s">
        <v>6051</v>
      </c>
      <c r="B5648" s="6" t="e"/>
      <c r="C5648" s="6" t="s">
        <v>126</v>
      </c>
      <c r="D5648" s="6" t="s">
        <v>11</v>
      </c>
      <c r="E5648" s="6" t="e"/>
    </row>
    <row r="5649" ht="33" customHeight="true" s="1" customFormat="true" hidden="true" outlineLevel="3">
      <c r="A5649" s="6" t="s">
        <v>6052</v>
      </c>
      <c r="B5649" s="6" t="e"/>
      <c r="C5649" s="6" t="s">
        <v>126</v>
      </c>
      <c r="D5649" s="6" t="s">
        <v>11</v>
      </c>
      <c r="E5649" s="6" t="e"/>
    </row>
    <row r="5650" ht="33" customHeight="true" s="1" customFormat="true" hidden="true" outlineLevel="3">
      <c r="A5650" s="6" t="s">
        <v>6053</v>
      </c>
      <c r="B5650" s="6" t="e"/>
      <c r="C5650" s="6" t="s">
        <v>126</v>
      </c>
      <c r="D5650" s="6" t="s">
        <v>26</v>
      </c>
      <c r="E5650" s="6" t="e"/>
    </row>
    <row r="5651" ht="33" customHeight="true" s="1" customFormat="true" hidden="true" outlineLevel="3">
      <c r="A5651" s="6" t="s">
        <v>6054</v>
      </c>
      <c r="B5651" s="6" t="e"/>
      <c r="C5651" s="6" t="s">
        <v>126</v>
      </c>
      <c r="D5651" s="6" t="s">
        <v>26</v>
      </c>
      <c r="E5651" s="6" t="e"/>
    </row>
    <row r="5652" ht="33" customHeight="true" s="1" customFormat="true" hidden="true" collapsed="true" outlineLevel="3">
      <c r="A5652" s="6" t="s">
        <v>6055</v>
      </c>
      <c r="B5652" s="6" t="e"/>
      <c r="C5652" s="6" t="s">
        <v>126</v>
      </c>
      <c r="D5652" s="6" t="s">
        <v>11</v>
      </c>
      <c r="E5652" s="6" t="e"/>
    </row>
    <row r="5653" ht="11" customHeight="true" s="1" customFormat="true" hidden="true" collapsed="true" outlineLevel="2">
      <c r="A5653" s="5" t="s">
        <v>6056</v>
      </c>
      <c r="B5653" s="5" t="e"/>
      <c r="C5653" s="5" t="e"/>
      <c r="D5653" s="5" t="e"/>
      <c r="E5653" s="5" t="e"/>
    </row>
    <row r="5654" ht="22" customHeight="true" s="1" customFormat="true" hidden="true" outlineLevel="3">
      <c r="A5654" s="6" t="s">
        <v>6057</v>
      </c>
      <c r="B5654" s="6" t="e"/>
      <c r="C5654" s="6" t="s">
        <v>3428</v>
      </c>
      <c r="D5654" s="6" t="s">
        <v>11</v>
      </c>
      <c r="E5654" s="6" t="e"/>
    </row>
    <row r="5655" ht="22" customHeight="true" s="1" customFormat="true" hidden="true" outlineLevel="3">
      <c r="A5655" s="6" t="s">
        <v>6058</v>
      </c>
      <c r="B5655" s="6" t="e"/>
      <c r="C5655" s="6" t="s">
        <v>369</v>
      </c>
      <c r="D5655" s="6" t="s">
        <v>11</v>
      </c>
      <c r="E5655" s="6" t="e"/>
    </row>
    <row r="5656" ht="33" customHeight="true" s="1" customFormat="true" hidden="true" outlineLevel="3">
      <c r="A5656" s="6" t="s">
        <v>6059</v>
      </c>
      <c r="B5656" s="6" t="e"/>
      <c r="C5656" s="6" t="s">
        <v>18</v>
      </c>
      <c r="D5656" s="6" t="s">
        <v>11</v>
      </c>
      <c r="E5656" s="6" t="e"/>
    </row>
    <row r="5657" ht="33" customHeight="true" s="1" customFormat="true" hidden="true" outlineLevel="3">
      <c r="A5657" s="6" t="s">
        <v>6060</v>
      </c>
      <c r="B5657" s="6" t="e"/>
      <c r="C5657" s="6" t="s">
        <v>290</v>
      </c>
      <c r="D5657" s="6" t="s">
        <v>11</v>
      </c>
      <c r="E5657" s="6" t="e"/>
    </row>
    <row r="5658" ht="44" customHeight="true" s="1" customFormat="true" hidden="true" outlineLevel="3">
      <c r="A5658" s="6" t="s">
        <v>6061</v>
      </c>
      <c r="B5658" s="6" t="e"/>
      <c r="C5658" s="6" t="s">
        <v>3428</v>
      </c>
      <c r="D5658" s="6" t="s">
        <v>11</v>
      </c>
      <c r="E5658" s="6" t="e"/>
    </row>
    <row r="5659" ht="33" customHeight="true" s="1" customFormat="true" hidden="true" outlineLevel="3">
      <c r="A5659" s="6" t="s">
        <v>6062</v>
      </c>
      <c r="B5659" s="6" t="e"/>
      <c r="C5659" s="6" t="s">
        <v>2678</v>
      </c>
      <c r="D5659" s="6" t="s">
        <v>11</v>
      </c>
      <c r="E5659" s="6" t="e"/>
    </row>
    <row r="5660" ht="22" customHeight="true" s="1" customFormat="true" hidden="true" outlineLevel="3">
      <c r="A5660" s="6" t="s">
        <v>6063</v>
      </c>
      <c r="B5660" s="6" t="e"/>
      <c r="C5660" s="6" t="s">
        <v>325</v>
      </c>
      <c r="D5660" s="6" t="s">
        <v>11</v>
      </c>
      <c r="E5660" s="6" t="e"/>
    </row>
    <row r="5661" ht="44" customHeight="true" s="1" customFormat="true" hidden="true" outlineLevel="3">
      <c r="A5661" s="6" t="s">
        <v>6064</v>
      </c>
      <c r="B5661" s="6" t="e"/>
      <c r="C5661" s="6" t="s">
        <v>325</v>
      </c>
      <c r="D5661" s="6" t="s">
        <v>11</v>
      </c>
      <c r="E5661" s="6" t="e"/>
    </row>
    <row r="5662" ht="22" customHeight="true" s="1" customFormat="true" hidden="true" outlineLevel="3">
      <c r="A5662" s="6" t="s">
        <v>6065</v>
      </c>
      <c r="B5662" s="6" t="e"/>
      <c r="C5662" s="6" t="s">
        <v>3428</v>
      </c>
      <c r="D5662" s="6" t="s">
        <v>11</v>
      </c>
      <c r="E5662" s="6" t="e"/>
    </row>
    <row r="5663" ht="33" customHeight="true" s="1" customFormat="true" hidden="true" outlineLevel="3">
      <c r="A5663" s="6" t="s">
        <v>6066</v>
      </c>
      <c r="B5663" s="6" t="e"/>
      <c r="C5663" s="6" t="s">
        <v>2768</v>
      </c>
      <c r="D5663" s="6" t="s">
        <v>11</v>
      </c>
      <c r="E5663" s="6" t="e"/>
    </row>
    <row r="5664" ht="33" customHeight="true" s="1" customFormat="true" hidden="true" outlineLevel="3">
      <c r="A5664" s="6" t="s">
        <v>6067</v>
      </c>
      <c r="B5664" s="6" t="e"/>
      <c r="C5664" s="6" t="s">
        <v>2678</v>
      </c>
      <c r="D5664" s="6" t="s">
        <v>11</v>
      </c>
      <c r="E5664" s="6" t="e"/>
    </row>
    <row r="5665" ht="56" customHeight="true" s="1" customFormat="true" hidden="true" outlineLevel="3">
      <c r="A5665" s="6" t="s">
        <v>6068</v>
      </c>
      <c r="B5665" s="6" t="e"/>
      <c r="C5665" s="6" t="s">
        <v>931</v>
      </c>
      <c r="D5665" s="6" t="s">
        <v>26</v>
      </c>
      <c r="E5665" s="6" t="e"/>
    </row>
    <row r="5666" ht="56" customHeight="true" s="1" customFormat="true" hidden="true" outlineLevel="3">
      <c r="A5666" s="6" t="s">
        <v>6069</v>
      </c>
      <c r="B5666" s="6" t="e"/>
      <c r="C5666" s="6" t="s">
        <v>3428</v>
      </c>
      <c r="D5666" s="6" t="s">
        <v>11</v>
      </c>
      <c r="E5666" s="6" t="e"/>
    </row>
    <row r="5667" ht="44" customHeight="true" s="1" customFormat="true" hidden="true" outlineLevel="3">
      <c r="A5667" s="6" t="s">
        <v>6070</v>
      </c>
      <c r="B5667" s="6" t="e"/>
      <c r="C5667" s="6" t="s">
        <v>5631</v>
      </c>
      <c r="D5667" s="6" t="s">
        <v>11</v>
      </c>
      <c r="E5667" s="6" t="e"/>
    </row>
    <row r="5668" ht="33" customHeight="true" s="1" customFormat="true" hidden="true" outlineLevel="3">
      <c r="A5668" s="6" t="s">
        <v>6071</v>
      </c>
      <c r="B5668" s="6" t="e"/>
      <c r="C5668" s="6" t="s">
        <v>3428</v>
      </c>
      <c r="D5668" s="6" t="s">
        <v>11</v>
      </c>
      <c r="E5668" s="6" t="e"/>
    </row>
    <row r="5669" ht="33" customHeight="true" s="1" customFormat="true" hidden="true" outlineLevel="3">
      <c r="A5669" s="6" t="s">
        <v>6072</v>
      </c>
      <c r="B5669" s="6" t="e"/>
      <c r="C5669" s="6" t="s">
        <v>21</v>
      </c>
      <c r="D5669" s="6" t="s">
        <v>11</v>
      </c>
      <c r="E5669" s="6" t="e"/>
    </row>
    <row r="5670" ht="33" customHeight="true" s="1" customFormat="true" hidden="true" outlineLevel="3">
      <c r="A5670" s="6" t="s">
        <v>6073</v>
      </c>
      <c r="B5670" s="6" t="e"/>
      <c r="C5670" s="6" t="s">
        <v>21</v>
      </c>
      <c r="D5670" s="6" t="s">
        <v>11</v>
      </c>
      <c r="E5670" s="6" t="e"/>
    </row>
    <row r="5671" ht="33" customHeight="true" s="1" customFormat="true" hidden="true" outlineLevel="3">
      <c r="A5671" s="6" t="s">
        <v>6074</v>
      </c>
      <c r="B5671" s="6" t="e"/>
      <c r="C5671" s="6" t="s">
        <v>2678</v>
      </c>
      <c r="D5671" s="6" t="s">
        <v>11</v>
      </c>
      <c r="E5671" s="6" t="e"/>
    </row>
    <row r="5672" ht="33" customHeight="true" s="1" customFormat="true" hidden="true" outlineLevel="3">
      <c r="A5672" s="6" t="s">
        <v>6075</v>
      </c>
      <c r="B5672" s="6" t="e"/>
      <c r="C5672" s="6" t="s">
        <v>4868</v>
      </c>
      <c r="D5672" s="6" t="s">
        <v>11</v>
      </c>
      <c r="E5672" s="6" t="e"/>
    </row>
    <row r="5673" ht="33" customHeight="true" s="1" customFormat="true" hidden="true" outlineLevel="3">
      <c r="A5673" s="6" t="s">
        <v>6076</v>
      </c>
      <c r="B5673" s="6" t="e"/>
      <c r="C5673" s="6" t="s">
        <v>18</v>
      </c>
      <c r="D5673" s="6" t="s">
        <v>11</v>
      </c>
      <c r="E5673" s="6" t="e"/>
    </row>
    <row r="5674" ht="33" customHeight="true" s="1" customFormat="true" hidden="true" outlineLevel="3">
      <c r="A5674" s="6" t="s">
        <v>6077</v>
      </c>
      <c r="B5674" s="6" t="e"/>
      <c r="C5674" s="6" t="s">
        <v>18</v>
      </c>
      <c r="D5674" s="6" t="s">
        <v>11</v>
      </c>
      <c r="E5674" s="6" t="e"/>
    </row>
    <row r="5675" ht="56" customHeight="true" s="1" customFormat="true" hidden="true" outlineLevel="3">
      <c r="A5675" s="6" t="s">
        <v>6078</v>
      </c>
      <c r="B5675" s="6" t="e"/>
      <c r="C5675" s="6" t="s">
        <v>436</v>
      </c>
      <c r="D5675" s="6" t="s">
        <v>11</v>
      </c>
      <c r="E5675" s="6" t="e"/>
    </row>
    <row r="5676" ht="33" customHeight="true" s="1" customFormat="true" hidden="true" outlineLevel="3">
      <c r="A5676" s="6" t="s">
        <v>6079</v>
      </c>
      <c r="B5676" s="6" t="e"/>
      <c r="C5676" s="6" t="s">
        <v>3428</v>
      </c>
      <c r="D5676" s="6" t="s">
        <v>11</v>
      </c>
      <c r="E5676" s="6" t="e"/>
    </row>
    <row r="5677" ht="11" customHeight="true" s="1" customFormat="true" hidden="true" outlineLevel="3">
      <c r="A5677" s="6" t="s">
        <v>6080</v>
      </c>
      <c r="B5677" s="6" t="e"/>
      <c r="C5677" s="6" t="s">
        <v>18</v>
      </c>
      <c r="D5677" s="6" t="s">
        <v>11</v>
      </c>
      <c r="E5677" s="6" t="e"/>
    </row>
    <row r="5678" ht="22" customHeight="true" s="1" customFormat="true" hidden="true" outlineLevel="3">
      <c r="A5678" s="6" t="s">
        <v>6081</v>
      </c>
      <c r="B5678" s="6" t="e"/>
      <c r="C5678" s="6" t="s">
        <v>18</v>
      </c>
      <c r="D5678" s="6" t="s">
        <v>11</v>
      </c>
      <c r="E5678" s="6" t="e"/>
    </row>
    <row r="5679" ht="22" customHeight="true" s="1" customFormat="true" hidden="true" outlineLevel="3">
      <c r="A5679" s="6" t="s">
        <v>6082</v>
      </c>
      <c r="B5679" s="6" t="e"/>
      <c r="C5679" s="6" t="s">
        <v>2768</v>
      </c>
      <c r="D5679" s="6" t="s">
        <v>11</v>
      </c>
      <c r="E5679" s="6" t="e"/>
    </row>
    <row r="5680" ht="33" customHeight="true" s="1" customFormat="true" hidden="true" outlineLevel="3">
      <c r="A5680" s="6" t="s">
        <v>6083</v>
      </c>
      <c r="B5680" s="6" t="e"/>
      <c r="C5680" s="6" t="s">
        <v>253</v>
      </c>
      <c r="D5680" s="6" t="s">
        <v>26</v>
      </c>
      <c r="E5680" s="6" t="e"/>
    </row>
    <row r="5681" ht="11" customHeight="true" s="1" customFormat="true" hidden="true" outlineLevel="3">
      <c r="A5681" s="6" t="s">
        <v>6084</v>
      </c>
      <c r="B5681" s="6" t="e"/>
      <c r="C5681" s="6" t="s">
        <v>2768</v>
      </c>
      <c r="D5681" s="6" t="s">
        <v>11</v>
      </c>
      <c r="E5681" s="6" t="e"/>
    </row>
    <row r="5682" ht="44" customHeight="true" s="1" customFormat="true" hidden="true" outlineLevel="3">
      <c r="A5682" s="6" t="s">
        <v>6085</v>
      </c>
      <c r="B5682" s="6" t="e"/>
      <c r="C5682" s="6" t="s">
        <v>82</v>
      </c>
      <c r="D5682" s="6" t="s">
        <v>26</v>
      </c>
      <c r="E5682" s="6" t="e"/>
    </row>
    <row r="5683" ht="56" customHeight="true" s="1" customFormat="true" hidden="true" outlineLevel="3">
      <c r="A5683" s="6" t="s">
        <v>6086</v>
      </c>
      <c r="B5683" s="6" t="e"/>
      <c r="C5683" s="6" t="s">
        <v>82</v>
      </c>
      <c r="D5683" s="6" t="s">
        <v>15</v>
      </c>
      <c r="E5683" s="6" t="e"/>
    </row>
    <row r="5684" ht="44" customHeight="true" s="1" customFormat="true" hidden="true" outlineLevel="3">
      <c r="A5684" s="6" t="s">
        <v>6087</v>
      </c>
      <c r="B5684" s="6" t="e"/>
      <c r="C5684" s="6" t="s">
        <v>21</v>
      </c>
      <c r="D5684" s="6" t="s">
        <v>26</v>
      </c>
      <c r="E5684" s="6" t="e"/>
    </row>
    <row r="5685" ht="33" customHeight="true" s="1" customFormat="true" hidden="true" outlineLevel="3">
      <c r="A5685" s="6" t="s">
        <v>6088</v>
      </c>
      <c r="B5685" s="6" t="e"/>
      <c r="C5685" s="6" t="s">
        <v>21</v>
      </c>
      <c r="D5685" s="6" t="s">
        <v>26</v>
      </c>
      <c r="E5685" s="6" t="e"/>
    </row>
    <row r="5686" ht="33" customHeight="true" s="1" customFormat="true" hidden="true" outlineLevel="3">
      <c r="A5686" s="6" t="s">
        <v>6089</v>
      </c>
      <c r="B5686" s="6" t="e"/>
      <c r="C5686" s="6" t="s">
        <v>2768</v>
      </c>
      <c r="D5686" s="6" t="s">
        <v>26</v>
      </c>
      <c r="E5686" s="6" t="e"/>
    </row>
    <row r="5687" ht="33" customHeight="true" s="1" customFormat="true" hidden="true" outlineLevel="3">
      <c r="A5687" s="6" t="s">
        <v>6090</v>
      </c>
      <c r="B5687" s="6" t="e"/>
      <c r="C5687" s="6" t="s">
        <v>55</v>
      </c>
      <c r="D5687" s="6" t="s">
        <v>11</v>
      </c>
      <c r="E5687" s="6" t="e"/>
    </row>
    <row r="5688" ht="33" customHeight="true" s="1" customFormat="true" hidden="true" outlineLevel="3">
      <c r="A5688" s="6" t="s">
        <v>6091</v>
      </c>
      <c r="B5688" s="6" t="e"/>
      <c r="C5688" s="6" t="s">
        <v>371</v>
      </c>
      <c r="D5688" s="6" t="s">
        <v>11</v>
      </c>
      <c r="E5688" s="6" t="e"/>
    </row>
    <row r="5689" ht="33" customHeight="true" s="1" customFormat="true" hidden="true" outlineLevel="3">
      <c r="A5689" s="6" t="s">
        <v>6092</v>
      </c>
      <c r="B5689" s="6" t="e"/>
      <c r="C5689" s="6" t="s">
        <v>371</v>
      </c>
      <c r="D5689" s="6" t="s">
        <v>26</v>
      </c>
      <c r="E5689" s="6" t="e"/>
    </row>
    <row r="5690" ht="44" customHeight="true" s="1" customFormat="true" hidden="true" outlineLevel="3">
      <c r="A5690" s="6" t="s">
        <v>6093</v>
      </c>
      <c r="B5690" s="6" t="e"/>
      <c r="C5690" s="6" t="s">
        <v>83</v>
      </c>
      <c r="D5690" s="6" t="s">
        <v>26</v>
      </c>
      <c r="E5690" s="6" t="e"/>
    </row>
    <row r="5691" ht="56" customHeight="true" s="1" customFormat="true" hidden="true" outlineLevel="3">
      <c r="A5691" s="6" t="s">
        <v>6094</v>
      </c>
      <c r="B5691" s="6" t="e"/>
      <c r="C5691" s="6" t="s">
        <v>253</v>
      </c>
      <c r="D5691" s="6" t="s">
        <v>26</v>
      </c>
      <c r="E5691" s="6" t="e"/>
    </row>
    <row r="5692" ht="44" customHeight="true" s="1" customFormat="true" hidden="true" outlineLevel="3">
      <c r="A5692" s="6" t="s">
        <v>6095</v>
      </c>
      <c r="B5692" s="6" t="e"/>
      <c r="C5692" s="6" t="s">
        <v>1186</v>
      </c>
      <c r="D5692" s="6" t="s">
        <v>26</v>
      </c>
      <c r="E5692" s="6" t="e"/>
    </row>
    <row r="5693" ht="44" customHeight="true" s="1" customFormat="true" hidden="true" outlineLevel="3">
      <c r="A5693" s="6" t="s">
        <v>6096</v>
      </c>
      <c r="B5693" s="6" t="e"/>
      <c r="C5693" s="6" t="s">
        <v>82</v>
      </c>
      <c r="D5693" s="6" t="s">
        <v>40</v>
      </c>
      <c r="E5693" s="6" t="e"/>
    </row>
    <row r="5694" ht="56" customHeight="true" s="1" customFormat="true" hidden="true" outlineLevel="3">
      <c r="A5694" s="6" t="s">
        <v>6097</v>
      </c>
      <c r="B5694" s="6" t="e"/>
      <c r="C5694" s="6" t="s">
        <v>72</v>
      </c>
      <c r="D5694" s="6" t="s">
        <v>26</v>
      </c>
      <c r="E5694" s="6" t="e"/>
    </row>
    <row r="5695" ht="33" customHeight="true" s="1" customFormat="true" hidden="true" outlineLevel="3">
      <c r="A5695" s="6" t="s">
        <v>6098</v>
      </c>
      <c r="B5695" s="6" t="e"/>
      <c r="C5695" s="6" t="s">
        <v>21</v>
      </c>
      <c r="D5695" s="6" t="s">
        <v>26</v>
      </c>
      <c r="E5695" s="6" t="e"/>
    </row>
    <row r="5696" ht="33" customHeight="true" s="1" customFormat="true" hidden="true" outlineLevel="3">
      <c r="A5696" s="6" t="s">
        <v>6099</v>
      </c>
      <c r="B5696" s="6" t="e"/>
      <c r="C5696" s="6" t="s">
        <v>18</v>
      </c>
      <c r="D5696" s="6" t="s">
        <v>11</v>
      </c>
      <c r="E5696" s="6" t="e"/>
    </row>
    <row r="5697" ht="44" customHeight="true" s="1" customFormat="true" hidden="true" outlineLevel="3">
      <c r="A5697" s="6" t="s">
        <v>6100</v>
      </c>
      <c r="B5697" s="6" t="e"/>
      <c r="C5697" s="6" t="s">
        <v>369</v>
      </c>
      <c r="D5697" s="6" t="s">
        <v>11</v>
      </c>
      <c r="E5697" s="6" t="e"/>
    </row>
    <row r="5698" ht="44" customHeight="true" s="1" customFormat="true" hidden="true" outlineLevel="3">
      <c r="A5698" s="6" t="s">
        <v>6101</v>
      </c>
      <c r="B5698" s="6" t="e"/>
      <c r="C5698" s="6" t="s">
        <v>21</v>
      </c>
      <c r="D5698" s="6" t="s">
        <v>11</v>
      </c>
      <c r="E5698" s="6" t="e"/>
    </row>
    <row r="5699" ht="44" customHeight="true" s="1" customFormat="true" hidden="true" outlineLevel="3">
      <c r="A5699" s="6" t="s">
        <v>6102</v>
      </c>
      <c r="B5699" s="6" t="e"/>
      <c r="C5699" s="6" t="s">
        <v>21</v>
      </c>
      <c r="D5699" s="6" t="s">
        <v>11</v>
      </c>
      <c r="E5699" s="6" t="e"/>
    </row>
    <row r="5700" ht="33" customHeight="true" s="1" customFormat="true" hidden="true" outlineLevel="3">
      <c r="A5700" s="6" t="s">
        <v>6103</v>
      </c>
      <c r="B5700" s="6" t="e"/>
      <c r="C5700" s="6" t="s">
        <v>2768</v>
      </c>
      <c r="D5700" s="6" t="s">
        <v>11</v>
      </c>
      <c r="E5700" s="6" t="e"/>
    </row>
    <row r="5701" ht="33" customHeight="true" s="1" customFormat="true" hidden="true" outlineLevel="3">
      <c r="A5701" s="6" t="s">
        <v>6104</v>
      </c>
      <c r="B5701" s="6" t="e"/>
      <c r="C5701" s="6" t="s">
        <v>82</v>
      </c>
      <c r="D5701" s="6" t="s">
        <v>26</v>
      </c>
      <c r="E5701" s="6" t="e"/>
    </row>
    <row r="5702" ht="33" customHeight="true" s="1" customFormat="true" hidden="true" outlineLevel="3">
      <c r="A5702" s="6" t="s">
        <v>6105</v>
      </c>
      <c r="B5702" s="6" t="e"/>
      <c r="C5702" s="6" t="s">
        <v>369</v>
      </c>
      <c r="D5702" s="6" t="s">
        <v>11</v>
      </c>
      <c r="E5702" s="6" t="e"/>
    </row>
    <row r="5703" ht="44" customHeight="true" s="1" customFormat="true" hidden="true" outlineLevel="3">
      <c r="A5703" s="6" t="s">
        <v>6106</v>
      </c>
      <c r="B5703" s="6" t="e"/>
      <c r="C5703" s="6" t="s">
        <v>2678</v>
      </c>
      <c r="D5703" s="6" t="s">
        <v>11</v>
      </c>
      <c r="E5703" s="6" t="e"/>
    </row>
    <row r="5704" ht="33" customHeight="true" s="1" customFormat="true" hidden="true" outlineLevel="3">
      <c r="A5704" s="6" t="s">
        <v>6107</v>
      </c>
      <c r="B5704" s="6" t="e"/>
      <c r="C5704" s="6" t="s">
        <v>253</v>
      </c>
      <c r="D5704" s="6" t="s">
        <v>11</v>
      </c>
      <c r="E5704" s="6" t="e"/>
    </row>
    <row r="5705" ht="44" customHeight="true" s="1" customFormat="true" hidden="true" outlineLevel="3">
      <c r="A5705" s="6" t="s">
        <v>6108</v>
      </c>
      <c r="B5705" s="6" t="e"/>
      <c r="C5705" s="6" t="s">
        <v>18</v>
      </c>
      <c r="D5705" s="6" t="s">
        <v>11</v>
      </c>
      <c r="E5705" s="6" t="e"/>
    </row>
    <row r="5706" ht="44" customHeight="true" s="1" customFormat="true" hidden="true" outlineLevel="3">
      <c r="A5706" s="6" t="s">
        <v>6109</v>
      </c>
      <c r="B5706" s="6" t="e"/>
      <c r="C5706" s="6" t="s">
        <v>369</v>
      </c>
      <c r="D5706" s="6" t="s">
        <v>57</v>
      </c>
      <c r="E5706" s="6" t="e"/>
    </row>
    <row r="5707" ht="44" customHeight="true" s="1" customFormat="true" hidden="true" outlineLevel="3">
      <c r="A5707" s="6" t="s">
        <v>6110</v>
      </c>
      <c r="B5707" s="6" t="e"/>
      <c r="C5707" s="6" t="s">
        <v>21</v>
      </c>
      <c r="D5707" s="6" t="s">
        <v>11</v>
      </c>
      <c r="E5707" s="6" t="e"/>
    </row>
    <row r="5708" ht="44" customHeight="true" s="1" customFormat="true" hidden="true" outlineLevel="3">
      <c r="A5708" s="6" t="s">
        <v>6111</v>
      </c>
      <c r="B5708" s="6" t="e"/>
      <c r="C5708" s="6" t="s">
        <v>371</v>
      </c>
      <c r="D5708" s="6" t="s">
        <v>11</v>
      </c>
      <c r="E5708" s="6" t="e"/>
    </row>
    <row r="5709" ht="33" customHeight="true" s="1" customFormat="true" hidden="true" outlineLevel="3">
      <c r="A5709" s="6" t="s">
        <v>6112</v>
      </c>
      <c r="B5709" s="6" t="e"/>
      <c r="C5709" s="6" t="s">
        <v>369</v>
      </c>
      <c r="D5709" s="6" t="s">
        <v>26</v>
      </c>
      <c r="E5709" s="6" t="e"/>
    </row>
    <row r="5710" ht="44" customHeight="true" s="1" customFormat="true" hidden="true" outlineLevel="3">
      <c r="A5710" s="6" t="s">
        <v>6113</v>
      </c>
      <c r="B5710" s="6" t="e"/>
      <c r="C5710" s="6" t="s">
        <v>2768</v>
      </c>
      <c r="D5710" s="6" t="s">
        <v>26</v>
      </c>
      <c r="E5710" s="6" t="e"/>
    </row>
    <row r="5711" ht="33" customHeight="true" s="1" customFormat="true" hidden="true" outlineLevel="3">
      <c r="A5711" s="6" t="s">
        <v>6114</v>
      </c>
      <c r="B5711" s="6" t="e"/>
      <c r="C5711" s="6" t="s">
        <v>253</v>
      </c>
      <c r="D5711" s="6" t="s">
        <v>11</v>
      </c>
      <c r="E5711" s="6" t="e"/>
    </row>
    <row r="5712" ht="33" customHeight="true" s="1" customFormat="true" hidden="true" outlineLevel="3">
      <c r="A5712" s="6" t="s">
        <v>6115</v>
      </c>
      <c r="B5712" s="6" t="e"/>
      <c r="C5712" s="6" t="s">
        <v>369</v>
      </c>
      <c r="D5712" s="6" t="s">
        <v>11</v>
      </c>
      <c r="E5712" s="6" t="e"/>
    </row>
    <row r="5713" ht="33" customHeight="true" s="1" customFormat="true" hidden="true" outlineLevel="3">
      <c r="A5713" s="6" t="s">
        <v>6116</v>
      </c>
      <c r="B5713" s="6" t="e"/>
      <c r="C5713" s="6" t="s">
        <v>369</v>
      </c>
      <c r="D5713" s="6" t="s">
        <v>11</v>
      </c>
      <c r="E5713" s="6" t="e"/>
    </row>
    <row r="5714" ht="33" customHeight="true" s="1" customFormat="true" hidden="true" outlineLevel="3">
      <c r="A5714" s="6" t="s">
        <v>6117</v>
      </c>
      <c r="B5714" s="6" t="e"/>
      <c r="C5714" s="6" t="s">
        <v>1214</v>
      </c>
      <c r="D5714" s="6" t="s">
        <v>26</v>
      </c>
      <c r="E5714" s="6" t="e"/>
    </row>
    <row r="5715" ht="44" customHeight="true" s="1" customFormat="true" hidden="true" outlineLevel="3">
      <c r="A5715" s="6" t="s">
        <v>6118</v>
      </c>
      <c r="B5715" s="6" t="e"/>
      <c r="C5715" s="6" t="s">
        <v>369</v>
      </c>
      <c r="D5715" s="6" t="s">
        <v>26</v>
      </c>
      <c r="E5715" s="6" t="e"/>
    </row>
    <row r="5716" ht="33" customHeight="true" s="1" customFormat="true" hidden="true" outlineLevel="3">
      <c r="A5716" s="6" t="s">
        <v>6119</v>
      </c>
      <c r="B5716" s="6" t="e"/>
      <c r="C5716" s="6" t="s">
        <v>77</v>
      </c>
      <c r="D5716" s="6" t="s">
        <v>11</v>
      </c>
      <c r="E5716" s="6" t="e"/>
    </row>
    <row r="5717" ht="33" customHeight="true" s="1" customFormat="true" hidden="true" outlineLevel="3">
      <c r="A5717" s="6" t="s">
        <v>6120</v>
      </c>
      <c r="B5717" s="6" t="e"/>
      <c r="C5717" s="6" t="s">
        <v>78</v>
      </c>
      <c r="D5717" s="6" t="s">
        <v>11</v>
      </c>
      <c r="E5717" s="6" t="e"/>
    </row>
    <row r="5718" ht="33" customHeight="true" s="1" customFormat="true" hidden="true" outlineLevel="3">
      <c r="A5718" s="6" t="s">
        <v>6121</v>
      </c>
      <c r="B5718" s="6" t="e"/>
      <c r="C5718" s="6" t="s">
        <v>1186</v>
      </c>
      <c r="D5718" s="6" t="s">
        <v>11</v>
      </c>
      <c r="E5718" s="6" t="e"/>
    </row>
    <row r="5719" ht="33" customHeight="true" s="1" customFormat="true" hidden="true" outlineLevel="3">
      <c r="A5719" s="6" t="s">
        <v>6122</v>
      </c>
      <c r="B5719" s="6" t="e"/>
      <c r="C5719" s="6" t="s">
        <v>2768</v>
      </c>
      <c r="D5719" s="6" t="s">
        <v>11</v>
      </c>
      <c r="E5719" s="6" t="e"/>
    </row>
    <row r="5720" ht="56" customHeight="true" s="1" customFormat="true" hidden="true" outlineLevel="3">
      <c r="A5720" s="6" t="s">
        <v>6123</v>
      </c>
      <c r="B5720" s="6" t="e"/>
      <c r="C5720" s="6" t="s">
        <v>18</v>
      </c>
      <c r="D5720" s="6" t="s">
        <v>11</v>
      </c>
      <c r="E5720" s="6" t="e"/>
    </row>
    <row r="5721" ht="33" customHeight="true" s="1" customFormat="true" hidden="true" outlineLevel="3">
      <c r="A5721" s="6" t="s">
        <v>6124</v>
      </c>
      <c r="B5721" s="6" t="e"/>
      <c r="C5721" s="6" t="s">
        <v>2768</v>
      </c>
      <c r="D5721" s="6" t="s">
        <v>11</v>
      </c>
      <c r="E5721" s="6" t="e"/>
    </row>
    <row r="5722" ht="44" customHeight="true" s="1" customFormat="true" hidden="true" outlineLevel="3">
      <c r="A5722" s="6" t="s">
        <v>6125</v>
      </c>
      <c r="B5722" s="6" t="e"/>
      <c r="C5722" s="6" t="s">
        <v>253</v>
      </c>
      <c r="D5722" s="6" t="s">
        <v>26</v>
      </c>
      <c r="E5722" s="6" t="e"/>
    </row>
    <row r="5723" ht="44" customHeight="true" s="1" customFormat="true" hidden="true" outlineLevel="3">
      <c r="A5723" s="6" t="s">
        <v>6126</v>
      </c>
      <c r="B5723" s="6" t="e"/>
      <c r="C5723" s="6" t="s">
        <v>21</v>
      </c>
      <c r="D5723" s="6" t="s">
        <v>40</v>
      </c>
      <c r="E5723" s="6" t="e"/>
    </row>
    <row r="5724" ht="44" customHeight="true" s="1" customFormat="true" hidden="true" outlineLevel="3">
      <c r="A5724" s="6" t="s">
        <v>6127</v>
      </c>
      <c r="B5724" s="6" t="e"/>
      <c r="C5724" s="6" t="s">
        <v>3428</v>
      </c>
      <c r="D5724" s="6" t="s">
        <v>11</v>
      </c>
      <c r="E5724" s="6" t="e"/>
    </row>
    <row r="5725" ht="33" customHeight="true" s="1" customFormat="true" hidden="true" outlineLevel="3">
      <c r="A5725" s="6" t="s">
        <v>6128</v>
      </c>
      <c r="B5725" s="6" t="e"/>
      <c r="C5725" s="6" t="s">
        <v>21</v>
      </c>
      <c r="D5725" s="6" t="s">
        <v>11</v>
      </c>
      <c r="E5725" s="6" t="e"/>
    </row>
    <row r="5726" ht="44" customHeight="true" s="1" customFormat="true" hidden="true" outlineLevel="3">
      <c r="A5726" s="6" t="s">
        <v>6129</v>
      </c>
      <c r="B5726" s="6" t="e"/>
      <c r="C5726" s="6" t="s">
        <v>3428</v>
      </c>
      <c r="D5726" s="6" t="s">
        <v>11</v>
      </c>
      <c r="E5726" s="6" t="e"/>
    </row>
    <row r="5727" ht="33" customHeight="true" s="1" customFormat="true" hidden="true" outlineLevel="3">
      <c r="A5727" s="6" t="s">
        <v>6130</v>
      </c>
      <c r="B5727" s="6" t="e"/>
      <c r="C5727" s="6" t="s">
        <v>3428</v>
      </c>
      <c r="D5727" s="6" t="s">
        <v>11</v>
      </c>
      <c r="E5727" s="6" t="e"/>
    </row>
    <row r="5728" ht="33" customHeight="true" s="1" customFormat="true" hidden="true" outlineLevel="3">
      <c r="A5728" s="6" t="s">
        <v>6131</v>
      </c>
      <c r="B5728" s="6" t="e"/>
      <c r="C5728" s="6" t="s">
        <v>369</v>
      </c>
      <c r="D5728" s="6" t="s">
        <v>11</v>
      </c>
      <c r="E5728" s="6" t="e"/>
    </row>
    <row r="5729" ht="33" customHeight="true" s="1" customFormat="true" hidden="true" outlineLevel="3">
      <c r="A5729" s="6" t="s">
        <v>6132</v>
      </c>
      <c r="B5729" s="6" t="e"/>
      <c r="C5729" s="6" t="s">
        <v>1186</v>
      </c>
      <c r="D5729" s="6" t="s">
        <v>11</v>
      </c>
      <c r="E5729" s="6" t="e"/>
    </row>
    <row r="5730" ht="33" customHeight="true" s="1" customFormat="true" hidden="true" outlineLevel="3">
      <c r="A5730" s="6" t="s">
        <v>6133</v>
      </c>
      <c r="B5730" s="6" t="e"/>
      <c r="C5730" s="6" t="s">
        <v>371</v>
      </c>
      <c r="D5730" s="6" t="s">
        <v>11</v>
      </c>
      <c r="E5730" s="6" t="e"/>
    </row>
    <row r="5731" ht="33" customHeight="true" s="1" customFormat="true" hidden="true" outlineLevel="3">
      <c r="A5731" s="6" t="s">
        <v>6134</v>
      </c>
      <c r="B5731" s="6" t="e"/>
      <c r="C5731" s="6" t="s">
        <v>2768</v>
      </c>
      <c r="D5731" s="6" t="s">
        <v>11</v>
      </c>
      <c r="E5731" s="6" t="e"/>
    </row>
    <row r="5732" ht="56" customHeight="true" s="1" customFormat="true" hidden="true" outlineLevel="3">
      <c r="A5732" s="6" t="s">
        <v>6135</v>
      </c>
      <c r="B5732" s="6" t="e"/>
      <c r="C5732" s="6" t="s">
        <v>2678</v>
      </c>
      <c r="D5732" s="6" t="s">
        <v>11</v>
      </c>
      <c r="E5732" s="6" t="e"/>
    </row>
    <row r="5733" ht="56" customHeight="true" s="1" customFormat="true" hidden="true" outlineLevel="3">
      <c r="A5733" s="6" t="s">
        <v>6136</v>
      </c>
      <c r="B5733" s="6" t="e"/>
      <c r="C5733" s="6" t="s">
        <v>253</v>
      </c>
      <c r="D5733" s="6" t="s">
        <v>26</v>
      </c>
      <c r="E5733" s="6" t="e"/>
    </row>
    <row r="5734" ht="56" customHeight="true" s="1" customFormat="true" hidden="true" outlineLevel="3">
      <c r="A5734" s="6" t="s">
        <v>6137</v>
      </c>
      <c r="B5734" s="6" t="e"/>
      <c r="C5734" s="6" t="s">
        <v>371</v>
      </c>
      <c r="D5734" s="6" t="s">
        <v>11</v>
      </c>
      <c r="E5734" s="6" t="e"/>
    </row>
    <row r="5735" ht="33" customHeight="true" s="1" customFormat="true" hidden="true" outlineLevel="3">
      <c r="A5735" s="6" t="s">
        <v>6138</v>
      </c>
      <c r="B5735" s="6" t="e"/>
      <c r="C5735" s="6" t="s">
        <v>21</v>
      </c>
      <c r="D5735" s="6" t="s">
        <v>26</v>
      </c>
      <c r="E5735" s="6" t="e"/>
    </row>
    <row r="5736" ht="44" customHeight="true" s="1" customFormat="true" hidden="true" outlineLevel="3">
      <c r="A5736" s="6" t="s">
        <v>6139</v>
      </c>
      <c r="B5736" s="6" t="e"/>
      <c r="C5736" s="6" t="s">
        <v>253</v>
      </c>
      <c r="D5736" s="6" t="s">
        <v>26</v>
      </c>
      <c r="E5736" s="6" t="e"/>
    </row>
    <row r="5737" ht="44" customHeight="true" s="1" customFormat="true" hidden="true" outlineLevel="3">
      <c r="A5737" s="6" t="s">
        <v>6140</v>
      </c>
      <c r="B5737" s="6" t="e"/>
      <c r="C5737" s="6" t="s">
        <v>371</v>
      </c>
      <c r="D5737" s="6" t="s">
        <v>11</v>
      </c>
      <c r="E5737" s="6" t="e"/>
    </row>
    <row r="5738" ht="33" customHeight="true" s="1" customFormat="true" hidden="true" outlineLevel="3">
      <c r="A5738" s="6" t="s">
        <v>6141</v>
      </c>
      <c r="B5738" s="6" t="e"/>
      <c r="C5738" s="6" t="s">
        <v>253</v>
      </c>
      <c r="D5738" s="6" t="s">
        <v>11</v>
      </c>
      <c r="E5738" s="6" t="e"/>
    </row>
    <row r="5739" ht="33" customHeight="true" s="1" customFormat="true" hidden="true" outlineLevel="3">
      <c r="A5739" s="6" t="s">
        <v>6142</v>
      </c>
      <c r="B5739" s="6" t="e"/>
      <c r="C5739" s="6" t="s">
        <v>369</v>
      </c>
      <c r="D5739" s="6" t="s">
        <v>11</v>
      </c>
      <c r="E5739" s="6" t="e"/>
    </row>
    <row r="5740" ht="56" customHeight="true" s="1" customFormat="true" hidden="true" outlineLevel="3">
      <c r="A5740" s="6" t="s">
        <v>6143</v>
      </c>
      <c r="B5740" s="6" t="e"/>
      <c r="C5740" s="6" t="s">
        <v>21</v>
      </c>
      <c r="D5740" s="6" t="s">
        <v>11</v>
      </c>
      <c r="E5740" s="6" t="e"/>
    </row>
    <row r="5741" ht="44" customHeight="true" s="1" customFormat="true" hidden="true" outlineLevel="3">
      <c r="A5741" s="6" t="s">
        <v>6144</v>
      </c>
      <c r="B5741" s="6" t="e"/>
      <c r="C5741" s="6" t="s">
        <v>2768</v>
      </c>
      <c r="D5741" s="6" t="s">
        <v>11</v>
      </c>
      <c r="E5741" s="6" t="e"/>
    </row>
    <row r="5742" ht="44" customHeight="true" s="1" customFormat="true" hidden="true" outlineLevel="3">
      <c r="A5742" s="6" t="s">
        <v>6145</v>
      </c>
      <c r="B5742" s="6" t="e"/>
      <c r="C5742" s="6" t="s">
        <v>5583</v>
      </c>
      <c r="D5742" s="6" t="s">
        <v>11</v>
      </c>
      <c r="E5742" s="6" t="e"/>
    </row>
    <row r="5743" ht="44" customHeight="true" s="1" customFormat="true" hidden="true" outlineLevel="3">
      <c r="A5743" s="6" t="s">
        <v>6146</v>
      </c>
      <c r="B5743" s="6" t="e"/>
      <c r="C5743" s="6" t="s">
        <v>3428</v>
      </c>
      <c r="D5743" s="6" t="s">
        <v>11</v>
      </c>
      <c r="E5743" s="6" t="e"/>
    </row>
    <row r="5744" ht="22" customHeight="true" s="1" customFormat="true" hidden="true" outlineLevel="3">
      <c r="A5744" s="6" t="s">
        <v>6147</v>
      </c>
      <c r="B5744" s="6" t="e"/>
      <c r="C5744" s="6" t="s">
        <v>1214</v>
      </c>
      <c r="D5744" s="6" t="s">
        <v>15</v>
      </c>
      <c r="E5744" s="6" t="e"/>
    </row>
    <row r="5745" ht="44" customHeight="true" s="1" customFormat="true" hidden="true" outlineLevel="3">
      <c r="A5745" s="6" t="s">
        <v>6148</v>
      </c>
      <c r="B5745" s="6" t="e"/>
      <c r="C5745" s="6" t="s">
        <v>18</v>
      </c>
      <c r="D5745" s="6" t="s">
        <v>11</v>
      </c>
      <c r="E5745" s="6" t="e"/>
    </row>
    <row r="5746" ht="33" customHeight="true" s="1" customFormat="true" hidden="true" outlineLevel="3">
      <c r="A5746" s="6" t="s">
        <v>6149</v>
      </c>
      <c r="B5746" s="6" t="e"/>
      <c r="C5746" s="6" t="s">
        <v>82</v>
      </c>
      <c r="D5746" s="6" t="s">
        <v>11</v>
      </c>
      <c r="E5746" s="6" t="e"/>
    </row>
    <row r="5747" ht="44" customHeight="true" s="1" customFormat="true" hidden="true" outlineLevel="3">
      <c r="A5747" s="6" t="s">
        <v>6150</v>
      </c>
      <c r="B5747" s="6" t="e"/>
      <c r="C5747" s="6" t="s">
        <v>2678</v>
      </c>
      <c r="D5747" s="6" t="s">
        <v>11</v>
      </c>
      <c r="E5747" s="6" t="e"/>
    </row>
    <row r="5748" ht="33" customHeight="true" s="1" customFormat="true" hidden="true" outlineLevel="3">
      <c r="A5748" s="6" t="s">
        <v>6151</v>
      </c>
      <c r="B5748" s="6" t="e"/>
      <c r="C5748" s="6" t="s">
        <v>3428</v>
      </c>
      <c r="D5748" s="6" t="s">
        <v>11</v>
      </c>
      <c r="E5748" s="6" t="e"/>
    </row>
    <row r="5749" ht="33" customHeight="true" s="1" customFormat="true" hidden="true" outlineLevel="3">
      <c r="A5749" s="6" t="s">
        <v>6152</v>
      </c>
      <c r="B5749" s="6" t="e"/>
      <c r="C5749" s="6" t="s">
        <v>55</v>
      </c>
      <c r="D5749" s="6" t="s">
        <v>11</v>
      </c>
      <c r="E5749" s="6" t="e"/>
    </row>
    <row r="5750" ht="44" customHeight="true" s="1" customFormat="true" hidden="true" outlineLevel="3">
      <c r="A5750" s="6" t="s">
        <v>6153</v>
      </c>
      <c r="B5750" s="6" t="e"/>
      <c r="C5750" s="6" t="s">
        <v>83</v>
      </c>
      <c r="D5750" s="6" t="s">
        <v>11</v>
      </c>
      <c r="E5750" s="6" t="e"/>
    </row>
    <row r="5751" ht="22" customHeight="true" s="1" customFormat="true" hidden="true" outlineLevel="3">
      <c r="A5751" s="6" t="s">
        <v>6154</v>
      </c>
      <c r="B5751" s="6" t="e"/>
      <c r="C5751" s="6" t="s">
        <v>83</v>
      </c>
      <c r="D5751" s="6" t="s">
        <v>11</v>
      </c>
      <c r="E5751" s="6" t="e"/>
    </row>
    <row r="5752" ht="44" customHeight="true" s="1" customFormat="true" hidden="true" outlineLevel="3">
      <c r="A5752" s="6" t="s">
        <v>6155</v>
      </c>
      <c r="B5752" s="6" t="e"/>
      <c r="C5752" s="6" t="s">
        <v>2678</v>
      </c>
      <c r="D5752" s="6" t="s">
        <v>11</v>
      </c>
      <c r="E5752" s="6" t="e"/>
    </row>
    <row r="5753" ht="44" customHeight="true" s="1" customFormat="true" hidden="true" outlineLevel="3">
      <c r="A5753" s="6" t="s">
        <v>6156</v>
      </c>
      <c r="B5753" s="6" t="e"/>
      <c r="C5753" s="6" t="s">
        <v>2678</v>
      </c>
      <c r="D5753" s="6" t="s">
        <v>11</v>
      </c>
      <c r="E5753" s="6" t="e"/>
    </row>
    <row r="5754" ht="56" customHeight="true" s="1" customFormat="true" hidden="true" outlineLevel="3">
      <c r="A5754" s="6" t="s">
        <v>6157</v>
      </c>
      <c r="B5754" s="6" t="e"/>
      <c r="C5754" s="6" t="s">
        <v>2608</v>
      </c>
      <c r="D5754" s="6" t="s">
        <v>26</v>
      </c>
      <c r="E5754" s="6" t="e"/>
    </row>
    <row r="5755" ht="44" customHeight="true" s="1" customFormat="true" hidden="true" outlineLevel="3">
      <c r="A5755" s="6" t="s">
        <v>6158</v>
      </c>
      <c r="B5755" s="6" t="e"/>
      <c r="C5755" s="6" t="s">
        <v>1214</v>
      </c>
      <c r="D5755" s="6" t="s">
        <v>11</v>
      </c>
      <c r="E5755" s="6" t="e"/>
    </row>
    <row r="5756" ht="44" customHeight="true" s="1" customFormat="true" hidden="true" outlineLevel="3">
      <c r="A5756" s="6" t="s">
        <v>6159</v>
      </c>
      <c r="B5756" s="6" t="e"/>
      <c r="C5756" s="6" t="s">
        <v>2678</v>
      </c>
      <c r="D5756" s="6" t="s">
        <v>11</v>
      </c>
      <c r="E5756" s="6" t="e"/>
    </row>
    <row r="5757" ht="44" customHeight="true" s="1" customFormat="true" hidden="true" outlineLevel="3">
      <c r="A5757" s="6" t="s">
        <v>6160</v>
      </c>
      <c r="B5757" s="6" t="e"/>
      <c r="C5757" s="6" t="s">
        <v>2678</v>
      </c>
      <c r="D5757" s="6" t="s">
        <v>11</v>
      </c>
      <c r="E5757" s="6" t="e"/>
    </row>
    <row r="5758" ht="44" customHeight="true" s="1" customFormat="true" hidden="true" outlineLevel="3">
      <c r="A5758" s="6" t="s">
        <v>6161</v>
      </c>
      <c r="B5758" s="6" t="e"/>
      <c r="C5758" s="6" t="s">
        <v>2768</v>
      </c>
      <c r="D5758" s="6" t="s">
        <v>26</v>
      </c>
      <c r="E5758" s="6" t="e"/>
    </row>
    <row r="5759" ht="44" customHeight="true" s="1" customFormat="true" hidden="true" outlineLevel="3">
      <c r="A5759" s="6" t="s">
        <v>6162</v>
      </c>
      <c r="B5759" s="6" t="e"/>
      <c r="C5759" s="6" t="s">
        <v>1214</v>
      </c>
      <c r="D5759" s="6" t="s">
        <v>26</v>
      </c>
      <c r="E5759" s="6" t="e"/>
    </row>
    <row r="5760" ht="33" customHeight="true" s="1" customFormat="true" hidden="true" outlineLevel="3">
      <c r="A5760" s="6" t="s">
        <v>6163</v>
      </c>
      <c r="B5760" s="6" t="e"/>
      <c r="C5760" s="6" t="s">
        <v>83</v>
      </c>
      <c r="D5760" s="6" t="s">
        <v>11</v>
      </c>
      <c r="E5760" s="6" t="e"/>
    </row>
    <row r="5761" ht="44" customHeight="true" s="1" customFormat="true" hidden="true" outlineLevel="3">
      <c r="A5761" s="6" t="s">
        <v>6164</v>
      </c>
      <c r="B5761" s="6" t="e"/>
      <c r="C5761" s="6" t="s">
        <v>2678</v>
      </c>
      <c r="D5761" s="6" t="s">
        <v>11</v>
      </c>
      <c r="E5761" s="6" t="e"/>
    </row>
    <row r="5762" ht="33" customHeight="true" s="1" customFormat="true" hidden="true" outlineLevel="3">
      <c r="A5762" s="6" t="s">
        <v>6165</v>
      </c>
      <c r="B5762" s="6" t="e"/>
      <c r="C5762" s="6" t="s">
        <v>1214</v>
      </c>
      <c r="D5762" s="6" t="s">
        <v>26</v>
      </c>
      <c r="E5762" s="6" t="e"/>
    </row>
    <row r="5763" ht="33" customHeight="true" s="1" customFormat="true" hidden="true" outlineLevel="3">
      <c r="A5763" s="6" t="s">
        <v>6166</v>
      </c>
      <c r="B5763" s="6" t="e"/>
      <c r="C5763" s="6" t="s">
        <v>18</v>
      </c>
      <c r="D5763" s="6" t="s">
        <v>11</v>
      </c>
      <c r="E5763" s="6" t="e"/>
    </row>
    <row r="5764" ht="33" customHeight="true" s="1" customFormat="true" hidden="true" outlineLevel="3">
      <c r="A5764" s="6" t="s">
        <v>6167</v>
      </c>
      <c r="B5764" s="6" t="e"/>
      <c r="C5764" s="6" t="s">
        <v>21</v>
      </c>
      <c r="D5764" s="6" t="s">
        <v>11</v>
      </c>
      <c r="E5764" s="6" t="e"/>
    </row>
    <row r="5765" ht="22" customHeight="true" s="1" customFormat="true" hidden="true" outlineLevel="3">
      <c r="A5765" s="6" t="s">
        <v>6168</v>
      </c>
      <c r="B5765" s="6" t="e"/>
      <c r="C5765" s="6" t="s">
        <v>21</v>
      </c>
      <c r="D5765" s="6" t="s">
        <v>11</v>
      </c>
      <c r="E5765" s="6" t="e"/>
    </row>
    <row r="5766" ht="33" customHeight="true" s="1" customFormat="true" hidden="true" outlineLevel="3">
      <c r="A5766" s="6" t="s">
        <v>6169</v>
      </c>
      <c r="B5766" s="6" t="e"/>
      <c r="C5766" s="6" t="s">
        <v>2678</v>
      </c>
      <c r="D5766" s="6" t="s">
        <v>11</v>
      </c>
      <c r="E5766" s="6" t="e"/>
    </row>
    <row r="5767" ht="33" customHeight="true" s="1" customFormat="true" hidden="true" outlineLevel="3">
      <c r="A5767" s="6" t="s">
        <v>6170</v>
      </c>
      <c r="B5767" s="6" t="e"/>
      <c r="C5767" s="6" t="s">
        <v>2678</v>
      </c>
      <c r="D5767" s="6" t="s">
        <v>11</v>
      </c>
      <c r="E5767" s="6" t="e"/>
    </row>
    <row r="5768" ht="33" customHeight="true" s="1" customFormat="true" hidden="true" outlineLevel="3">
      <c r="A5768" s="6" t="s">
        <v>6171</v>
      </c>
      <c r="B5768" s="6" t="e"/>
      <c r="C5768" s="6" t="s">
        <v>21</v>
      </c>
      <c r="D5768" s="6" t="s">
        <v>11</v>
      </c>
      <c r="E5768" s="6" t="e"/>
    </row>
    <row r="5769" ht="33" customHeight="true" s="1" customFormat="true" hidden="true" outlineLevel="3">
      <c r="A5769" s="6" t="s">
        <v>6172</v>
      </c>
      <c r="B5769" s="6" t="e"/>
      <c r="C5769" s="6" t="s">
        <v>369</v>
      </c>
      <c r="D5769" s="6" t="s">
        <v>11</v>
      </c>
      <c r="E5769" s="6" t="e"/>
    </row>
    <row r="5770" ht="44" customHeight="true" s="1" customFormat="true" hidden="true" outlineLevel="3">
      <c r="A5770" s="6" t="s">
        <v>6173</v>
      </c>
      <c r="B5770" s="6" t="e"/>
      <c r="C5770" s="6" t="s">
        <v>325</v>
      </c>
      <c r="D5770" s="6" t="s">
        <v>11</v>
      </c>
      <c r="E5770" s="6" t="e"/>
    </row>
    <row r="5771" ht="56" customHeight="true" s="1" customFormat="true" hidden="true" outlineLevel="3">
      <c r="A5771" s="6" t="s">
        <v>6174</v>
      </c>
      <c r="B5771" s="6" t="e"/>
      <c r="C5771" s="6" t="s">
        <v>3899</v>
      </c>
      <c r="D5771" s="6" t="s">
        <v>11</v>
      </c>
      <c r="E5771" s="6" t="e"/>
    </row>
    <row r="5772" ht="44" customHeight="true" s="1" customFormat="true" hidden="true" outlineLevel="3">
      <c r="A5772" s="6" t="s">
        <v>6175</v>
      </c>
      <c r="B5772" s="6" t="e"/>
      <c r="C5772" s="6" t="s">
        <v>325</v>
      </c>
      <c r="D5772" s="6" t="s">
        <v>40</v>
      </c>
      <c r="E5772" s="6" t="e"/>
    </row>
    <row r="5773" ht="56" customHeight="true" s="1" customFormat="true" hidden="true" outlineLevel="3">
      <c r="A5773" s="6" t="s">
        <v>6176</v>
      </c>
      <c r="B5773" s="6" t="e"/>
      <c r="C5773" s="6" t="s">
        <v>2678</v>
      </c>
      <c r="D5773" s="6" t="s">
        <v>11</v>
      </c>
      <c r="E5773" s="6" t="e"/>
    </row>
    <row r="5774" ht="33" customHeight="true" s="1" customFormat="true" hidden="true" outlineLevel="3">
      <c r="A5774" s="6" t="s">
        <v>6177</v>
      </c>
      <c r="B5774" s="6" t="e"/>
      <c r="C5774" s="6" t="s">
        <v>1184</v>
      </c>
      <c r="D5774" s="6" t="s">
        <v>11</v>
      </c>
      <c r="E5774" s="6" t="e"/>
    </row>
    <row r="5775" ht="44" customHeight="true" s="1" customFormat="true" hidden="true" outlineLevel="3">
      <c r="A5775" s="6" t="s">
        <v>6178</v>
      </c>
      <c r="B5775" s="6" t="e"/>
      <c r="C5775" s="6" t="s">
        <v>2608</v>
      </c>
      <c r="D5775" s="6" t="s">
        <v>40</v>
      </c>
      <c r="E5775" s="6" t="e"/>
    </row>
    <row r="5776" ht="33" customHeight="true" s="1" customFormat="true" hidden="true" outlineLevel="3">
      <c r="A5776" s="6" t="s">
        <v>6179</v>
      </c>
      <c r="B5776" s="6" t="e"/>
      <c r="C5776" s="6" t="s">
        <v>2678</v>
      </c>
      <c r="D5776" s="6" t="s">
        <v>11</v>
      </c>
      <c r="E5776" s="6" t="e"/>
    </row>
    <row r="5777" ht="33" customHeight="true" s="1" customFormat="true" hidden="true" outlineLevel="3">
      <c r="A5777" s="6" t="s">
        <v>6180</v>
      </c>
      <c r="B5777" s="6" t="e"/>
      <c r="C5777" s="6" t="s">
        <v>1212</v>
      </c>
      <c r="D5777" s="6" t="s">
        <v>40</v>
      </c>
      <c r="E5777" s="6" t="e"/>
    </row>
    <row r="5778" ht="33" customHeight="true" s="1" customFormat="true" hidden="true" outlineLevel="3">
      <c r="A5778" s="6" t="s">
        <v>6181</v>
      </c>
      <c r="B5778" s="6" t="e"/>
      <c r="C5778" s="6" t="s">
        <v>931</v>
      </c>
      <c r="D5778" s="6" t="s">
        <v>26</v>
      </c>
      <c r="E5778" s="6" t="e"/>
    </row>
    <row r="5779" ht="44" customHeight="true" s="1" customFormat="true" hidden="true" outlineLevel="3">
      <c r="A5779" s="6" t="s">
        <v>6182</v>
      </c>
      <c r="B5779" s="6" t="e"/>
      <c r="C5779" s="6" t="s">
        <v>5761</v>
      </c>
      <c r="D5779" s="6" t="s">
        <v>11</v>
      </c>
      <c r="E5779" s="6" t="e"/>
    </row>
    <row r="5780" ht="44" customHeight="true" s="1" customFormat="true" hidden="true" outlineLevel="3">
      <c r="A5780" s="6" t="s">
        <v>6183</v>
      </c>
      <c r="B5780" s="6" t="e"/>
      <c r="C5780" s="6" t="s">
        <v>3428</v>
      </c>
      <c r="D5780" s="6" t="s">
        <v>11</v>
      </c>
      <c r="E5780" s="6" t="e"/>
    </row>
    <row r="5781" ht="44" customHeight="true" s="1" customFormat="true" hidden="true" outlineLevel="3">
      <c r="A5781" s="6" t="s">
        <v>6184</v>
      </c>
      <c r="B5781" s="6" t="e"/>
      <c r="C5781" s="6" t="s">
        <v>3428</v>
      </c>
      <c r="D5781" s="6" t="s">
        <v>26</v>
      </c>
      <c r="E5781" s="6" t="e"/>
    </row>
    <row r="5782" ht="11" customHeight="true" collapsed="true" outlineLevel="1">
      <c r="A5782" s="5" t="s">
        <v>6185</v>
      </c>
      <c r="B5782" s="5" t="e"/>
      <c r="C5782" s="5" t="e"/>
      <c r="D5782" s="5" t="e"/>
      <c r="E5782" s="5" t="e"/>
    </row>
    <row r="5783" ht="11" customHeight="true" s="1" customFormat="true" hidden="true" collapsed="true" outlineLevel="2">
      <c r="A5783" s="5" t="s">
        <v>6186</v>
      </c>
      <c r="B5783" s="5" t="e"/>
      <c r="C5783" s="5" t="e"/>
      <c r="D5783" s="5" t="e"/>
      <c r="E5783" s="5" t="e"/>
    </row>
    <row r="5784" ht="67" customHeight="true" s="1" customFormat="true" hidden="true" outlineLevel="3">
      <c r="A5784" s="6" t="s">
        <v>6187</v>
      </c>
      <c r="B5784" s="6" t="e"/>
      <c r="C5784" s="6" t="s">
        <v>167</v>
      </c>
      <c r="D5784" s="6" t="s">
        <v>15</v>
      </c>
      <c r="E5784" s="6" t="e"/>
    </row>
    <row r="5785" ht="44" customHeight="true" s="1" customFormat="true" hidden="true" collapsed="true" outlineLevel="3">
      <c r="A5785" s="6" t="s">
        <v>6188</v>
      </c>
      <c r="B5785" s="6" t="e"/>
      <c r="C5785" s="6" t="s">
        <v>167</v>
      </c>
      <c r="D5785" s="6" t="s">
        <v>184</v>
      </c>
      <c r="E5785" s="6" t="e"/>
    </row>
    <row r="5786" ht="11" customHeight="true" s="1" customFormat="true" hidden="true" collapsed="true" outlineLevel="2">
      <c r="A5786" s="5" t="s">
        <v>6189</v>
      </c>
      <c r="B5786" s="5" t="e"/>
      <c r="C5786" s="5" t="e"/>
      <c r="D5786" s="5" t="e"/>
      <c r="E5786" s="5" t="e"/>
    </row>
    <row r="5787" ht="22" customHeight="true" s="1" customFormat="true" hidden="true" outlineLevel="3">
      <c r="A5787" s="6" t="s">
        <v>6190</v>
      </c>
      <c r="B5787" s="6" t="e"/>
      <c r="C5787" s="6" t="s">
        <v>296</v>
      </c>
      <c r="D5787" s="6" t="s">
        <v>26</v>
      </c>
      <c r="E5787" s="6" t="e"/>
    </row>
    <row r="5788" ht="22" customHeight="true" s="1" customFormat="true" hidden="true" collapsed="true" outlineLevel="3">
      <c r="A5788" s="6" t="s">
        <v>6191</v>
      </c>
      <c r="B5788" s="6" t="e"/>
      <c r="C5788" s="6" t="s">
        <v>302</v>
      </c>
      <c r="D5788" s="6" t="s">
        <v>26</v>
      </c>
      <c r="E5788" s="6" t="e"/>
    </row>
    <row r="5789" ht="11" customHeight="true" s="1" customFormat="true" hidden="true" collapsed="true" outlineLevel="2">
      <c r="A5789" s="5" t="s">
        <v>6192</v>
      </c>
      <c r="B5789" s="5" t="e"/>
      <c r="C5789" s="5" t="e"/>
      <c r="D5789" s="5" t="e"/>
      <c r="E5789" s="5" t="e"/>
    </row>
    <row r="5790" ht="33" customHeight="true" s="1" customFormat="true" hidden="true" collapsed="true" outlineLevel="3">
      <c r="A5790" s="6" t="s">
        <v>6193</v>
      </c>
      <c r="B5790" s="6" t="e"/>
      <c r="C5790" s="6" t="s">
        <v>302</v>
      </c>
      <c r="D5790" s="6" t="s">
        <v>26</v>
      </c>
      <c r="E5790" s="6" t="e"/>
    </row>
    <row r="5791" ht="11" customHeight="true" s="1" customFormat="true" hidden="true" collapsed="true" outlineLevel="2">
      <c r="A5791" s="5" t="s">
        <v>6194</v>
      </c>
      <c r="B5791" s="5" t="e"/>
      <c r="C5791" s="5" t="e"/>
      <c r="D5791" s="5" t="e"/>
      <c r="E5791" s="5" t="e"/>
    </row>
    <row r="5792" ht="56" customHeight="true" s="1" customFormat="true" hidden="true" outlineLevel="3">
      <c r="A5792" s="6" t="s">
        <v>6195</v>
      </c>
      <c r="B5792" s="6" t="e"/>
      <c r="C5792" s="6" t="s">
        <v>242</v>
      </c>
      <c r="D5792" s="6" t="s">
        <v>26</v>
      </c>
      <c r="E5792" s="6" t="e"/>
    </row>
    <row r="5793" ht="33" customHeight="true" s="1" customFormat="true" hidden="true" outlineLevel="3">
      <c r="A5793" s="6" t="s">
        <v>6196</v>
      </c>
      <c r="B5793" s="6" t="e"/>
      <c r="C5793" s="6" t="s">
        <v>302</v>
      </c>
      <c r="D5793" s="6" t="s">
        <v>40</v>
      </c>
      <c r="E5793" s="6" t="e"/>
    </row>
    <row r="5794" ht="33" customHeight="true" s="1" customFormat="true" hidden="true" outlineLevel="3">
      <c r="A5794" s="6" t="s">
        <v>6197</v>
      </c>
      <c r="B5794" s="6" t="e"/>
      <c r="C5794" s="6" t="s">
        <v>225</v>
      </c>
      <c r="D5794" s="6" t="s">
        <v>11</v>
      </c>
      <c r="E5794" s="6" t="e"/>
    </row>
    <row r="5795" ht="22" customHeight="true" s="1" customFormat="true" hidden="true" outlineLevel="3">
      <c r="A5795" s="6" t="s">
        <v>6198</v>
      </c>
      <c r="B5795" s="6" t="e"/>
      <c r="C5795" s="6" t="s">
        <v>225</v>
      </c>
      <c r="D5795" s="6" t="s">
        <v>40</v>
      </c>
      <c r="E5795" s="6" t="e"/>
    </row>
    <row r="5796" ht="44" customHeight="true" s="1" customFormat="true" hidden="true" outlineLevel="3">
      <c r="A5796" s="6" t="s">
        <v>6199</v>
      </c>
      <c r="B5796" s="6" t="e"/>
      <c r="C5796" s="6" t="s">
        <v>371</v>
      </c>
      <c r="D5796" s="6" t="s">
        <v>26</v>
      </c>
      <c r="E5796" s="6" t="e"/>
    </row>
    <row r="5797" ht="33" customHeight="true" s="1" customFormat="true" hidden="true" outlineLevel="3">
      <c r="A5797" s="6" t="s">
        <v>6200</v>
      </c>
      <c r="B5797" s="6" t="e"/>
      <c r="C5797" s="6" t="s">
        <v>167</v>
      </c>
      <c r="D5797" s="6" t="s">
        <v>15</v>
      </c>
      <c r="E5797" s="6" t="e"/>
    </row>
    <row r="5798" ht="56" customHeight="true" s="1" customFormat="true" hidden="true" outlineLevel="3">
      <c r="A5798" s="6" t="s">
        <v>6201</v>
      </c>
      <c r="B5798" s="6" t="e"/>
      <c r="C5798" s="6" t="s">
        <v>242</v>
      </c>
      <c r="D5798" s="6" t="s">
        <v>40</v>
      </c>
      <c r="E5798" s="6" t="e"/>
    </row>
    <row r="5799" ht="33" customHeight="true" s="1" customFormat="true" hidden="true" collapsed="true" outlineLevel="3">
      <c r="A5799" s="6" t="s">
        <v>6202</v>
      </c>
      <c r="B5799" s="6" t="e"/>
      <c r="C5799" s="6" t="s">
        <v>296</v>
      </c>
      <c r="D5799" s="6" t="s">
        <v>26</v>
      </c>
      <c r="E5799" s="6" t="e"/>
    </row>
    <row r="5800" ht="11" customHeight="true" s="1" customFormat="true" hidden="true" collapsed="true" outlineLevel="2">
      <c r="A5800" s="5" t="s">
        <v>6203</v>
      </c>
      <c r="B5800" s="5" t="e"/>
      <c r="C5800" s="5" t="e"/>
      <c r="D5800" s="5" t="e"/>
      <c r="E5800" s="5" t="e"/>
    </row>
    <row r="5801" ht="22" customHeight="true" s="1" customFormat="true" hidden="true" outlineLevel="3">
      <c r="A5801" s="6" t="s">
        <v>6204</v>
      </c>
      <c r="B5801" s="6" t="e"/>
      <c r="C5801" s="6" t="s">
        <v>167</v>
      </c>
      <c r="D5801" s="6" t="s">
        <v>123</v>
      </c>
      <c r="E5801" s="6" t="e"/>
    </row>
    <row r="5802" ht="22" customHeight="true" s="1" customFormat="true" hidden="true" outlineLevel="3">
      <c r="A5802" s="6" t="s">
        <v>6205</v>
      </c>
      <c r="B5802" s="6" t="e"/>
      <c r="C5802" s="6" t="s">
        <v>167</v>
      </c>
      <c r="D5802" s="6" t="s">
        <v>100</v>
      </c>
      <c r="E5802" s="6" t="e"/>
    </row>
    <row r="5803" ht="22" customHeight="true" s="1" customFormat="true" hidden="true" outlineLevel="3">
      <c r="A5803" s="6" t="s">
        <v>6206</v>
      </c>
      <c r="B5803" s="6" t="e"/>
      <c r="C5803" s="6" t="s">
        <v>574</v>
      </c>
      <c r="D5803" s="6" t="s">
        <v>644</v>
      </c>
      <c r="E5803" s="6" t="e"/>
    </row>
    <row r="5804" ht="22" customHeight="true" s="1" customFormat="true" hidden="true" outlineLevel="3">
      <c r="A5804" s="6" t="s">
        <v>6207</v>
      </c>
      <c r="B5804" s="6" t="e"/>
      <c r="C5804" s="6" t="s">
        <v>167</v>
      </c>
      <c r="D5804" s="6" t="s">
        <v>11</v>
      </c>
      <c r="E5804" s="6" t="e"/>
    </row>
    <row r="5805" ht="22" customHeight="true" s="1" customFormat="true" hidden="true" outlineLevel="3">
      <c r="A5805" s="6" t="s">
        <v>6208</v>
      </c>
      <c r="B5805" s="6" t="e"/>
      <c r="C5805" s="6" t="s">
        <v>167</v>
      </c>
      <c r="D5805" s="6" t="s">
        <v>26</v>
      </c>
      <c r="E5805" s="6" t="e"/>
    </row>
    <row r="5806" ht="33" customHeight="true" s="1" customFormat="true" hidden="true" outlineLevel="3">
      <c r="A5806" s="6" t="s">
        <v>6209</v>
      </c>
      <c r="B5806" s="6" t="e"/>
      <c r="C5806" s="6" t="s">
        <v>167</v>
      </c>
      <c r="D5806" s="6" t="s">
        <v>11</v>
      </c>
      <c r="E5806" s="6" t="e"/>
    </row>
    <row r="5807" ht="22" customHeight="true" s="1" customFormat="true" hidden="true" collapsed="true" outlineLevel="3">
      <c r="A5807" s="6" t="s">
        <v>6210</v>
      </c>
      <c r="B5807" s="6" t="e"/>
      <c r="C5807" s="6" t="s">
        <v>167</v>
      </c>
      <c r="D5807" s="6" t="s">
        <v>15</v>
      </c>
      <c r="E5807" s="6" t="e"/>
    </row>
    <row r="5808" ht="11" customHeight="true" s="1" customFormat="true" hidden="true" collapsed="true" outlineLevel="2">
      <c r="A5808" s="5" t="s">
        <v>6211</v>
      </c>
      <c r="B5808" s="5" t="e"/>
      <c r="C5808" s="5" t="e"/>
      <c r="D5808" s="5" t="e"/>
      <c r="E5808" s="5" t="e"/>
    </row>
    <row r="5809" ht="44" customHeight="true" s="1" customFormat="true" hidden="true" outlineLevel="3">
      <c r="A5809" s="6" t="s">
        <v>6212</v>
      </c>
      <c r="B5809" s="6" t="e"/>
      <c r="C5809" s="6" t="s">
        <v>302</v>
      </c>
      <c r="D5809" s="6" t="s">
        <v>11</v>
      </c>
      <c r="E5809" s="6" t="e"/>
    </row>
    <row r="5810" ht="44" customHeight="true" s="1" customFormat="true" hidden="true" outlineLevel="3">
      <c r="A5810" s="6" t="s">
        <v>6213</v>
      </c>
      <c r="B5810" s="6" t="e"/>
      <c r="C5810" s="6" t="s">
        <v>167</v>
      </c>
      <c r="D5810" s="6" t="s">
        <v>40</v>
      </c>
      <c r="E5810" s="6" t="e"/>
    </row>
    <row r="5811" ht="44" customHeight="true" s="1" customFormat="true" hidden="true" outlineLevel="3">
      <c r="A5811" s="6" t="s">
        <v>6214</v>
      </c>
      <c r="B5811" s="6" t="e"/>
      <c r="C5811" s="6" t="s">
        <v>167</v>
      </c>
      <c r="D5811" s="6" t="s">
        <v>26</v>
      </c>
      <c r="E5811" s="6" t="e"/>
    </row>
    <row r="5812" ht="22" customHeight="true" s="1" customFormat="true" hidden="true" outlineLevel="3">
      <c r="A5812" s="6" t="s">
        <v>6215</v>
      </c>
      <c r="B5812" s="6" t="e"/>
      <c r="C5812" s="6" t="s">
        <v>167</v>
      </c>
      <c r="D5812" s="6" t="s">
        <v>15</v>
      </c>
      <c r="E5812" s="6" t="e"/>
    </row>
    <row r="5813" ht="33" customHeight="true" s="1" customFormat="true" hidden="true" collapsed="true" outlineLevel="3">
      <c r="A5813" s="6" t="s">
        <v>6216</v>
      </c>
      <c r="B5813" s="6" t="e"/>
      <c r="C5813" s="6" t="s">
        <v>167</v>
      </c>
      <c r="D5813" s="6" t="s">
        <v>40</v>
      </c>
      <c r="E5813" s="6" t="e"/>
    </row>
    <row r="5814" ht="11" customHeight="true" s="1" customFormat="true" hidden="true" collapsed="true" outlineLevel="2">
      <c r="A5814" s="5" t="s">
        <v>6217</v>
      </c>
      <c r="B5814" s="5" t="e"/>
      <c r="C5814" s="5" t="e"/>
      <c r="D5814" s="5" t="e"/>
      <c r="E5814" s="5" t="e"/>
    </row>
    <row r="5815" ht="22" customHeight="true" s="1" customFormat="true" hidden="true" outlineLevel="3">
      <c r="A5815" s="6" t="s">
        <v>6218</v>
      </c>
      <c r="B5815" s="6" t="e"/>
      <c r="C5815" s="6" t="s">
        <v>225</v>
      </c>
      <c r="D5815" s="6" t="s">
        <v>15</v>
      </c>
      <c r="E5815" s="6" t="e"/>
    </row>
    <row r="5816" ht="22" customHeight="true" s="1" customFormat="true" hidden="true" outlineLevel="3">
      <c r="A5816" s="6" t="s">
        <v>6219</v>
      </c>
      <c r="B5816" s="6" t="e"/>
      <c r="C5816" s="6" t="s">
        <v>167</v>
      </c>
      <c r="D5816" s="6" t="s">
        <v>68</v>
      </c>
      <c r="E5816" s="6" t="e"/>
    </row>
    <row r="5817" ht="33" customHeight="true" s="1" customFormat="true" hidden="true" outlineLevel="3">
      <c r="A5817" s="6" t="s">
        <v>6220</v>
      </c>
      <c r="B5817" s="6" t="e"/>
      <c r="C5817" s="6" t="s">
        <v>167</v>
      </c>
      <c r="D5817" s="6" t="s">
        <v>11</v>
      </c>
      <c r="E5817" s="6" t="e"/>
    </row>
    <row r="5818" ht="22" customHeight="true" s="1" customFormat="true" hidden="true" outlineLevel="3">
      <c r="A5818" s="6" t="s">
        <v>6221</v>
      </c>
      <c r="B5818" s="6" t="e"/>
      <c r="C5818" s="6" t="s">
        <v>242</v>
      </c>
      <c r="D5818" s="6" t="s">
        <v>26</v>
      </c>
      <c r="E5818" s="6" t="e"/>
    </row>
    <row r="5819" ht="33" customHeight="true" s="1" customFormat="true" hidden="true" outlineLevel="3">
      <c r="A5819" s="6" t="s">
        <v>6222</v>
      </c>
      <c r="B5819" s="6" t="e"/>
      <c r="C5819" s="6" t="s">
        <v>296</v>
      </c>
      <c r="D5819" s="6" t="s">
        <v>276</v>
      </c>
      <c r="E5819" s="6" t="e"/>
    </row>
    <row r="5820" ht="44" customHeight="true" s="1" customFormat="true" hidden="true" outlineLevel="3">
      <c r="A5820" s="6" t="s">
        <v>6223</v>
      </c>
      <c r="B5820" s="6" t="e"/>
      <c r="C5820" s="6" t="s">
        <v>167</v>
      </c>
      <c r="D5820" s="6" t="s">
        <v>123</v>
      </c>
      <c r="E5820" s="6" t="e"/>
    </row>
    <row r="5821" ht="22" customHeight="true" s="1" customFormat="true" hidden="true" outlineLevel="3">
      <c r="A5821" s="6" t="s">
        <v>6224</v>
      </c>
      <c r="B5821" s="6" t="e"/>
      <c r="C5821" s="6" t="s">
        <v>167</v>
      </c>
      <c r="D5821" s="6" t="s">
        <v>57</v>
      </c>
      <c r="E5821" s="6" t="e"/>
    </row>
    <row r="5822" ht="22" customHeight="true" s="1" customFormat="true" hidden="true" outlineLevel="3">
      <c r="A5822" s="6" t="s">
        <v>6225</v>
      </c>
      <c r="B5822" s="6" t="e"/>
      <c r="C5822" s="6" t="s">
        <v>225</v>
      </c>
      <c r="D5822" s="6" t="s">
        <v>11</v>
      </c>
      <c r="E5822" s="6" t="e"/>
    </row>
    <row r="5823" ht="44" customHeight="true" s="1" customFormat="true" hidden="true" outlineLevel="3">
      <c r="A5823" s="6" t="s">
        <v>6226</v>
      </c>
      <c r="B5823" s="6" t="e"/>
      <c r="C5823" s="6" t="s">
        <v>296</v>
      </c>
      <c r="D5823" s="6" t="s">
        <v>68</v>
      </c>
      <c r="E5823" s="6" t="e"/>
    </row>
    <row r="5824" ht="22" customHeight="true" s="1" customFormat="true" hidden="true" outlineLevel="3">
      <c r="A5824" s="6" t="s">
        <v>6227</v>
      </c>
      <c r="B5824" s="6" t="e"/>
      <c r="C5824" s="6" t="s">
        <v>167</v>
      </c>
      <c r="D5824" s="6" t="s">
        <v>11</v>
      </c>
      <c r="E5824" s="6" t="e"/>
    </row>
    <row r="5825" ht="33" customHeight="true" s="1" customFormat="true" hidden="true" outlineLevel="3">
      <c r="A5825" s="6" t="s">
        <v>6228</v>
      </c>
      <c r="B5825" s="6" t="e"/>
      <c r="C5825" s="6" t="s">
        <v>126</v>
      </c>
      <c r="D5825" s="6" t="s">
        <v>26</v>
      </c>
      <c r="E5825" s="6" t="e"/>
    </row>
    <row r="5826" ht="33" customHeight="true" s="1" customFormat="true" hidden="true" collapsed="true" outlineLevel="3">
      <c r="A5826" s="6" t="s">
        <v>6229</v>
      </c>
      <c r="B5826" s="6" t="e"/>
      <c r="C5826" s="6" t="s">
        <v>126</v>
      </c>
      <c r="D5826" s="6" t="s">
        <v>26</v>
      </c>
      <c r="E5826" s="6" t="e"/>
    </row>
    <row r="5827" ht="11" customHeight="true" s="1" customFormat="true" hidden="true" collapsed="true" outlineLevel="2">
      <c r="A5827" s="5" t="s">
        <v>6230</v>
      </c>
      <c r="B5827" s="5" t="e"/>
      <c r="C5827" s="5" t="e"/>
      <c r="D5827" s="5" t="e"/>
      <c r="E5827" s="5" t="e"/>
    </row>
    <row r="5828" ht="33" customHeight="true" s="1" customFormat="true" hidden="true" outlineLevel="3">
      <c r="A5828" s="6" t="s">
        <v>6231</v>
      </c>
      <c r="B5828" s="6" t="e"/>
      <c r="C5828" s="6" t="s">
        <v>296</v>
      </c>
      <c r="D5828" s="6" t="s">
        <v>184</v>
      </c>
      <c r="E5828" s="6" t="e"/>
    </row>
    <row r="5829" ht="44" customHeight="true" s="1" customFormat="true" hidden="true" outlineLevel="3">
      <c r="A5829" s="6" t="s">
        <v>6232</v>
      </c>
      <c r="B5829" s="6" t="e"/>
      <c r="C5829" s="6" t="s">
        <v>574</v>
      </c>
      <c r="D5829" s="6" t="s">
        <v>68</v>
      </c>
      <c r="E5829" s="6" t="e"/>
    </row>
    <row r="5830" ht="56" customHeight="true" s="1" customFormat="true" hidden="true" outlineLevel="3">
      <c r="A5830" s="6" t="s">
        <v>6233</v>
      </c>
      <c r="B5830" s="6" t="e"/>
      <c r="C5830" s="6" t="s">
        <v>167</v>
      </c>
      <c r="D5830" s="6" t="s">
        <v>184</v>
      </c>
      <c r="E5830" s="6" t="e"/>
    </row>
    <row r="5831" ht="33" customHeight="true" s="1" customFormat="true" hidden="true" outlineLevel="3">
      <c r="A5831" s="6" t="s">
        <v>6234</v>
      </c>
      <c r="B5831" s="6" t="e"/>
      <c r="C5831" s="6" t="s">
        <v>574</v>
      </c>
      <c r="D5831" s="6" t="s">
        <v>26</v>
      </c>
      <c r="E5831" s="6" t="e"/>
    </row>
    <row r="5832" ht="33" customHeight="true" s="1" customFormat="true" hidden="true" outlineLevel="3">
      <c r="A5832" s="6" t="s">
        <v>6235</v>
      </c>
      <c r="B5832" s="6" t="e"/>
      <c r="C5832" s="6" t="s">
        <v>167</v>
      </c>
      <c r="D5832" s="6" t="s">
        <v>40</v>
      </c>
      <c r="E5832" s="6" t="e"/>
    </row>
    <row r="5833" ht="33" customHeight="true" s="1" customFormat="true" hidden="true" outlineLevel="3">
      <c r="A5833" s="6" t="s">
        <v>6236</v>
      </c>
      <c r="B5833" s="6" t="e"/>
      <c r="C5833" s="6" t="s">
        <v>446</v>
      </c>
      <c r="D5833" s="6" t="s">
        <v>184</v>
      </c>
      <c r="E5833" s="6" t="e"/>
    </row>
    <row r="5834" ht="56" customHeight="true" s="1" customFormat="true" hidden="true" outlineLevel="3">
      <c r="A5834" s="6" t="s">
        <v>6237</v>
      </c>
      <c r="B5834" s="6" t="e"/>
      <c r="C5834" s="6" t="s">
        <v>296</v>
      </c>
      <c r="D5834" s="6" t="s">
        <v>15</v>
      </c>
      <c r="E5834" s="6" t="e"/>
    </row>
    <row r="5835" ht="56" customHeight="true" s="1" customFormat="true" hidden="true" outlineLevel="3">
      <c r="A5835" s="6" t="s">
        <v>6238</v>
      </c>
      <c r="B5835" s="6" t="e"/>
      <c r="C5835" s="6" t="s">
        <v>167</v>
      </c>
      <c r="D5835" s="6" t="s">
        <v>11</v>
      </c>
      <c r="E5835" s="6" t="e"/>
    </row>
    <row r="5836" ht="33" customHeight="true" s="1" customFormat="true" hidden="true" outlineLevel="3">
      <c r="A5836" s="6" t="s">
        <v>6239</v>
      </c>
      <c r="B5836" s="6" t="e"/>
      <c r="C5836" s="6" t="s">
        <v>574</v>
      </c>
      <c r="D5836" s="6" t="s">
        <v>123</v>
      </c>
      <c r="E5836" s="6" t="e"/>
    </row>
    <row r="5837" ht="44" customHeight="true" s="1" customFormat="true" hidden="true" outlineLevel="3">
      <c r="A5837" s="6" t="s">
        <v>6240</v>
      </c>
      <c r="B5837" s="6" t="e"/>
      <c r="C5837" s="6" t="s">
        <v>574</v>
      </c>
      <c r="D5837" s="6" t="s">
        <v>123</v>
      </c>
      <c r="E5837" s="6" t="e"/>
    </row>
    <row r="5838" ht="56" customHeight="true" s="1" customFormat="true" hidden="true" outlineLevel="3">
      <c r="A5838" s="6" t="s">
        <v>6241</v>
      </c>
      <c r="B5838" s="6" t="e"/>
      <c r="C5838" s="6" t="s">
        <v>446</v>
      </c>
      <c r="D5838" s="6" t="s">
        <v>15</v>
      </c>
      <c r="E5838" s="6" t="e"/>
    </row>
    <row r="5839" ht="22" customHeight="true" s="1" customFormat="true" hidden="true" outlineLevel="3">
      <c r="A5839" s="6" t="s">
        <v>6242</v>
      </c>
      <c r="B5839" s="6" t="e"/>
      <c r="C5839" s="6" t="s">
        <v>167</v>
      </c>
      <c r="D5839" s="6" t="s">
        <v>184</v>
      </c>
      <c r="E5839" s="6" t="e"/>
    </row>
    <row r="5840" ht="56" customHeight="true" s="1" customFormat="true" hidden="true" outlineLevel="3">
      <c r="A5840" s="6" t="s">
        <v>6243</v>
      </c>
      <c r="B5840" s="6" t="e"/>
      <c r="C5840" s="6" t="s">
        <v>197</v>
      </c>
      <c r="D5840" s="6" t="s">
        <v>26</v>
      </c>
      <c r="E5840" s="6" t="e"/>
    </row>
    <row r="5841" ht="33" customHeight="true" s="1" customFormat="true" hidden="true" collapsed="true" outlineLevel="3">
      <c r="A5841" s="6" t="s">
        <v>6244</v>
      </c>
      <c r="B5841" s="6" t="e"/>
      <c r="C5841" s="6" t="s">
        <v>574</v>
      </c>
      <c r="D5841" s="6" t="s">
        <v>57</v>
      </c>
      <c r="E5841" s="6" t="e"/>
    </row>
    <row r="5842" ht="11" customHeight="true" s="1" customFormat="true" hidden="true" collapsed="true" outlineLevel="2">
      <c r="A5842" s="5" t="s">
        <v>6245</v>
      </c>
      <c r="B5842" s="5" t="e"/>
      <c r="C5842" s="5" t="e"/>
      <c r="D5842" s="5" t="e"/>
      <c r="E5842" s="5" t="e"/>
    </row>
    <row r="5843" ht="44" customHeight="true" s="1" customFormat="true" hidden="true" outlineLevel="3">
      <c r="A5843" s="6" t="s">
        <v>6246</v>
      </c>
      <c r="B5843" s="6" t="e"/>
      <c r="C5843" s="6" t="s">
        <v>574</v>
      </c>
      <c r="D5843" s="6" t="s">
        <v>184</v>
      </c>
      <c r="E5843" s="6" t="e"/>
    </row>
    <row r="5844" ht="44" customHeight="true" s="1" customFormat="true" hidden="true" outlineLevel="3">
      <c r="A5844" s="6" t="s">
        <v>6247</v>
      </c>
      <c r="B5844" s="6" t="e"/>
      <c r="C5844" s="6" t="s">
        <v>167</v>
      </c>
      <c r="D5844" s="6" t="s">
        <v>15</v>
      </c>
      <c r="E5844" s="6" t="e"/>
    </row>
    <row r="5845" ht="33" customHeight="true" s="1" customFormat="true" hidden="true" outlineLevel="3">
      <c r="A5845" s="6" t="s">
        <v>6248</v>
      </c>
      <c r="B5845" s="6" t="e"/>
      <c r="C5845" s="6" t="s">
        <v>574</v>
      </c>
      <c r="D5845" s="6" t="s">
        <v>678</v>
      </c>
      <c r="E5845" s="6" t="e"/>
    </row>
    <row r="5846" ht="67" customHeight="true" s="1" customFormat="true" hidden="true" outlineLevel="3">
      <c r="A5846" s="6" t="s">
        <v>6249</v>
      </c>
      <c r="B5846" s="6" t="e"/>
      <c r="C5846" s="6" t="s">
        <v>574</v>
      </c>
      <c r="D5846" s="6" t="s">
        <v>26</v>
      </c>
      <c r="E5846" s="6" t="e"/>
    </row>
    <row r="5847" ht="44" customHeight="true" s="1" customFormat="true" hidden="true" outlineLevel="3">
      <c r="A5847" s="6" t="s">
        <v>6250</v>
      </c>
      <c r="B5847" s="6" t="e"/>
      <c r="C5847" s="6" t="s">
        <v>574</v>
      </c>
      <c r="D5847" s="6" t="s">
        <v>123</v>
      </c>
      <c r="E5847" s="6" t="e"/>
    </row>
    <row r="5848" ht="33" customHeight="true" s="1" customFormat="true" hidden="true" outlineLevel="3">
      <c r="A5848" s="6" t="s">
        <v>6251</v>
      </c>
      <c r="B5848" s="6" t="e"/>
      <c r="C5848" s="6" t="s">
        <v>225</v>
      </c>
      <c r="D5848" s="6" t="s">
        <v>15</v>
      </c>
      <c r="E5848" s="6" t="e"/>
    </row>
    <row r="5849" ht="33" customHeight="true" s="1" customFormat="true" hidden="true" outlineLevel="3">
      <c r="A5849" s="6" t="s">
        <v>6252</v>
      </c>
      <c r="B5849" s="6" t="e"/>
      <c r="C5849" s="6" t="s">
        <v>296</v>
      </c>
      <c r="D5849" s="6" t="s">
        <v>26</v>
      </c>
      <c r="E5849" s="6" t="e"/>
    </row>
    <row r="5850" ht="22" customHeight="true" s="1" customFormat="true" hidden="true" collapsed="true" outlineLevel="3">
      <c r="A5850" s="6" t="s">
        <v>6253</v>
      </c>
      <c r="B5850" s="6" t="e"/>
      <c r="C5850" s="6" t="s">
        <v>167</v>
      </c>
      <c r="D5850" s="6" t="s">
        <v>26</v>
      </c>
      <c r="E5850" s="6" t="e"/>
    </row>
    <row r="5851" ht="11" customHeight="true" s="1" customFormat="true" hidden="true" collapsed="true" outlineLevel="2">
      <c r="A5851" s="5" t="s">
        <v>6254</v>
      </c>
      <c r="B5851" s="5" t="e"/>
      <c r="C5851" s="5" t="e"/>
      <c r="D5851" s="5" t="e"/>
      <c r="E5851" s="5" t="e"/>
    </row>
    <row r="5852" ht="22" customHeight="true" s="1" customFormat="true" hidden="true" outlineLevel="3">
      <c r="A5852" s="6" t="s">
        <v>6255</v>
      </c>
      <c r="B5852" s="6" t="e"/>
      <c r="C5852" s="6" t="s">
        <v>188</v>
      </c>
      <c r="D5852" s="6" t="s">
        <v>184</v>
      </c>
      <c r="E5852" s="6" t="e"/>
    </row>
    <row r="5853" ht="22" customHeight="true" s="1" customFormat="true" hidden="true" outlineLevel="3">
      <c r="A5853" s="6" t="s">
        <v>6256</v>
      </c>
      <c r="B5853" s="6" t="e"/>
      <c r="C5853" s="6" t="s">
        <v>167</v>
      </c>
      <c r="D5853" s="6" t="s">
        <v>11</v>
      </c>
      <c r="E5853" s="6" t="e"/>
    </row>
    <row r="5854" ht="22" customHeight="true" s="1" customFormat="true" hidden="true" outlineLevel="3">
      <c r="A5854" s="6" t="s">
        <v>6257</v>
      </c>
      <c r="B5854" s="6" t="e"/>
      <c r="C5854" s="6" t="s">
        <v>167</v>
      </c>
      <c r="D5854" s="6" t="s">
        <v>26</v>
      </c>
      <c r="E5854" s="6" t="e"/>
    </row>
    <row r="5855" ht="44" customHeight="true" s="1" customFormat="true" hidden="true" outlineLevel="3">
      <c r="A5855" s="6" t="s">
        <v>6258</v>
      </c>
      <c r="B5855" s="6" t="e"/>
      <c r="C5855" s="6" t="s">
        <v>167</v>
      </c>
      <c r="D5855" s="6" t="s">
        <v>40</v>
      </c>
      <c r="E5855" s="6" t="e"/>
    </row>
    <row r="5856" ht="22" customHeight="true" s="1" customFormat="true" hidden="true" outlineLevel="3">
      <c r="A5856" s="6" t="s">
        <v>6259</v>
      </c>
      <c r="B5856" s="6" t="e"/>
      <c r="C5856" s="6" t="s">
        <v>242</v>
      </c>
      <c r="D5856" s="6" t="s">
        <v>26</v>
      </c>
      <c r="E5856" s="6" t="e"/>
    </row>
    <row r="5857" ht="33" customHeight="true" s="1" customFormat="true" hidden="true" outlineLevel="3">
      <c r="A5857" s="6" t="s">
        <v>6260</v>
      </c>
      <c r="B5857" s="6" t="e"/>
      <c r="C5857" s="6" t="s">
        <v>167</v>
      </c>
      <c r="D5857" s="6" t="s">
        <v>40</v>
      </c>
      <c r="E5857" s="6" t="e"/>
    </row>
    <row r="5858" ht="33" customHeight="true" s="1" customFormat="true" hidden="true" outlineLevel="3">
      <c r="A5858" s="6" t="s">
        <v>6261</v>
      </c>
      <c r="B5858" s="6" t="e"/>
      <c r="C5858" s="6" t="s">
        <v>242</v>
      </c>
      <c r="D5858" s="6" t="s">
        <v>11</v>
      </c>
      <c r="E5858" s="6" t="e"/>
    </row>
    <row r="5859" ht="33" customHeight="true" s="1" customFormat="true" hidden="true" outlineLevel="3">
      <c r="A5859" s="6" t="s">
        <v>6262</v>
      </c>
      <c r="B5859" s="6" t="e"/>
      <c r="C5859" s="6" t="s">
        <v>242</v>
      </c>
      <c r="D5859" s="6" t="s">
        <v>26</v>
      </c>
      <c r="E5859" s="6" t="e"/>
    </row>
    <row r="5860" ht="22" customHeight="true" s="1" customFormat="true" hidden="true" outlineLevel="3">
      <c r="A5860" s="6" t="s">
        <v>6263</v>
      </c>
      <c r="B5860" s="6" t="e"/>
      <c r="C5860" s="6" t="s">
        <v>574</v>
      </c>
      <c r="D5860" s="6" t="s">
        <v>184</v>
      </c>
      <c r="E5860" s="6" t="e"/>
    </row>
    <row r="5861" ht="33" customHeight="true" s="1" customFormat="true" hidden="true" outlineLevel="3">
      <c r="A5861" s="6" t="s">
        <v>6264</v>
      </c>
      <c r="B5861" s="6" t="e"/>
      <c r="C5861" s="6" t="s">
        <v>167</v>
      </c>
      <c r="D5861" s="6" t="s">
        <v>15</v>
      </c>
      <c r="E5861" s="6" t="e"/>
    </row>
    <row r="5862" ht="33" customHeight="true" s="1" customFormat="true" hidden="true" outlineLevel="3">
      <c r="A5862" s="6" t="s">
        <v>6265</v>
      </c>
      <c r="B5862" s="6" t="e"/>
      <c r="C5862" s="6" t="s">
        <v>574</v>
      </c>
      <c r="D5862" s="6" t="s">
        <v>644</v>
      </c>
      <c r="E5862" s="6" t="e"/>
    </row>
    <row r="5863" ht="44" customHeight="true" s="1" customFormat="true" hidden="true" outlineLevel="3">
      <c r="A5863" s="6" t="s">
        <v>6266</v>
      </c>
      <c r="B5863" s="6" t="e"/>
      <c r="C5863" s="6" t="s">
        <v>167</v>
      </c>
      <c r="D5863" s="6" t="s">
        <v>40</v>
      </c>
      <c r="E5863" s="6" t="e"/>
    </row>
    <row r="5864" ht="22" customHeight="true" s="1" customFormat="true" hidden="true" collapsed="true" outlineLevel="3">
      <c r="A5864" s="6" t="s">
        <v>6267</v>
      </c>
      <c r="B5864" s="6" t="e"/>
      <c r="C5864" s="6" t="s">
        <v>167</v>
      </c>
      <c r="D5864" s="6" t="s">
        <v>40</v>
      </c>
      <c r="E5864" s="6" t="e"/>
    </row>
    <row r="5865" ht="11" customHeight="true" s="1" customFormat="true" hidden="true" collapsed="true" outlineLevel="2">
      <c r="A5865" s="5" t="s">
        <v>6268</v>
      </c>
      <c r="B5865" s="5" t="e"/>
      <c r="C5865" s="5" t="e"/>
      <c r="D5865" s="5" t="e"/>
      <c r="E5865" s="5" t="e"/>
    </row>
    <row r="5866" ht="22" customHeight="true" s="1" customFormat="true" hidden="true" outlineLevel="3">
      <c r="A5866" s="6" t="s">
        <v>6269</v>
      </c>
      <c r="B5866" s="6" t="e"/>
      <c r="C5866" s="6" t="s">
        <v>574</v>
      </c>
      <c r="D5866" s="6" t="s">
        <v>11</v>
      </c>
      <c r="E5866" s="6" t="e"/>
    </row>
    <row r="5867" ht="33" customHeight="true" s="1" customFormat="true" hidden="true" outlineLevel="3">
      <c r="A5867" s="6" t="s">
        <v>6270</v>
      </c>
      <c r="B5867" s="6" t="e"/>
      <c r="C5867" s="6" t="s">
        <v>167</v>
      </c>
      <c r="D5867" s="6" t="s">
        <v>176</v>
      </c>
      <c r="E5867" s="6" t="e"/>
    </row>
    <row r="5868" ht="22" customHeight="true" s="1" customFormat="true" hidden="true" collapsed="true" outlineLevel="3">
      <c r="A5868" s="6" t="s">
        <v>6271</v>
      </c>
      <c r="B5868" s="6" t="e"/>
      <c r="C5868" s="6" t="s">
        <v>167</v>
      </c>
      <c r="D5868" s="6" t="s">
        <v>57</v>
      </c>
      <c r="E5868" s="6" t="e"/>
    </row>
    <row r="5869" ht="11" customHeight="true" s="1" customFormat="true" hidden="true" collapsed="true" outlineLevel="2">
      <c r="A5869" s="5" t="s">
        <v>6272</v>
      </c>
      <c r="B5869" s="5" t="e"/>
      <c r="C5869" s="5" t="e"/>
      <c r="D5869" s="5" t="e"/>
      <c r="E5869" s="5" t="e"/>
    </row>
    <row r="5870" ht="22" customHeight="true" s="1" customFormat="true" hidden="true" outlineLevel="3">
      <c r="A5870" s="6" t="s">
        <v>6273</v>
      </c>
      <c r="B5870" s="6" t="e"/>
      <c r="C5870" s="6" t="s">
        <v>574</v>
      </c>
      <c r="D5870" s="6" t="s">
        <v>40</v>
      </c>
      <c r="E5870" s="6" t="e"/>
    </row>
    <row r="5871" ht="22" customHeight="true" s="1" customFormat="true" hidden="true" outlineLevel="3">
      <c r="A5871" s="6" t="s">
        <v>6274</v>
      </c>
      <c r="B5871" s="6" t="e"/>
      <c r="C5871" s="6" t="s">
        <v>167</v>
      </c>
      <c r="D5871" s="6" t="s">
        <v>57</v>
      </c>
      <c r="E5871" s="6" t="e"/>
    </row>
    <row r="5872" ht="44" customHeight="true" s="1" customFormat="true" hidden="true" outlineLevel="3">
      <c r="A5872" s="6" t="s">
        <v>6275</v>
      </c>
      <c r="B5872" s="6" t="e"/>
      <c r="C5872" s="6" t="s">
        <v>574</v>
      </c>
      <c r="D5872" s="6" t="s">
        <v>40</v>
      </c>
      <c r="E5872" s="6" t="e"/>
    </row>
    <row r="5873" ht="22" customHeight="true" s="1" customFormat="true" hidden="true" outlineLevel="3">
      <c r="A5873" s="6" t="s">
        <v>6276</v>
      </c>
      <c r="B5873" s="6" t="e"/>
      <c r="C5873" s="6" t="s">
        <v>302</v>
      </c>
      <c r="D5873" s="6" t="s">
        <v>11</v>
      </c>
      <c r="E5873" s="6" t="e"/>
    </row>
    <row r="5874" ht="33" customHeight="true" s="1" customFormat="true" hidden="true" outlineLevel="3">
      <c r="A5874" s="6" t="s">
        <v>6277</v>
      </c>
      <c r="B5874" s="6" t="e"/>
      <c r="C5874" s="6" t="s">
        <v>136</v>
      </c>
      <c r="D5874" s="6" t="s">
        <v>26</v>
      </c>
      <c r="E5874" s="6" t="e"/>
    </row>
    <row r="5875" ht="44" customHeight="true" s="1" customFormat="true" hidden="true" outlineLevel="3">
      <c r="A5875" s="6" t="s">
        <v>6278</v>
      </c>
      <c r="B5875" s="6" t="e"/>
      <c r="C5875" s="6" t="s">
        <v>167</v>
      </c>
      <c r="D5875" s="6" t="s">
        <v>57</v>
      </c>
      <c r="E5875" s="6" t="e"/>
    </row>
    <row r="5876" ht="44" customHeight="true" s="1" customFormat="true" hidden="true" outlineLevel="3">
      <c r="A5876" s="6" t="s">
        <v>6279</v>
      </c>
      <c r="B5876" s="6" t="e"/>
      <c r="C5876" s="6" t="s">
        <v>574</v>
      </c>
      <c r="D5876" s="6" t="s">
        <v>40</v>
      </c>
      <c r="E5876" s="6" t="e"/>
    </row>
    <row r="5877" ht="56" customHeight="true" s="1" customFormat="true" hidden="true" outlineLevel="3">
      <c r="A5877" s="6" t="s">
        <v>6280</v>
      </c>
      <c r="B5877" s="6" t="e"/>
      <c r="C5877" s="6" t="s">
        <v>167</v>
      </c>
      <c r="D5877" s="6" t="s">
        <v>26</v>
      </c>
      <c r="E5877" s="6" t="e"/>
    </row>
    <row r="5878" ht="22" customHeight="true" s="1" customFormat="true" hidden="true" outlineLevel="3">
      <c r="A5878" s="6" t="s">
        <v>6281</v>
      </c>
      <c r="B5878" s="6" t="e"/>
      <c r="C5878" s="6" t="s">
        <v>574</v>
      </c>
      <c r="D5878" s="6" t="s">
        <v>26</v>
      </c>
      <c r="E5878" s="6" t="e"/>
    </row>
    <row r="5879" ht="22" customHeight="true" s="1" customFormat="true" hidden="true" outlineLevel="3">
      <c r="A5879" s="6" t="s">
        <v>6282</v>
      </c>
      <c r="B5879" s="6" t="e"/>
      <c r="C5879" s="6" t="s">
        <v>167</v>
      </c>
      <c r="D5879" s="6" t="s">
        <v>11</v>
      </c>
      <c r="E5879" s="6" t="e"/>
    </row>
    <row r="5880" ht="44" customHeight="true" s="1" customFormat="true" hidden="true" outlineLevel="3">
      <c r="A5880" s="6" t="s">
        <v>6283</v>
      </c>
      <c r="B5880" s="6" t="e"/>
      <c r="C5880" s="6" t="s">
        <v>242</v>
      </c>
      <c r="D5880" s="6" t="s">
        <v>57</v>
      </c>
      <c r="E5880" s="6" t="e"/>
    </row>
    <row r="5881" ht="56" customHeight="true" s="1" customFormat="true" hidden="true" outlineLevel="3">
      <c r="A5881" s="6" t="s">
        <v>6284</v>
      </c>
      <c r="B5881" s="6" t="e"/>
      <c r="C5881" s="6" t="s">
        <v>574</v>
      </c>
      <c r="D5881" s="6" t="s">
        <v>400</v>
      </c>
      <c r="E5881" s="6" t="e"/>
    </row>
    <row r="5882" ht="33" customHeight="true" s="1" customFormat="true" hidden="true" outlineLevel="3">
      <c r="A5882" s="6" t="s">
        <v>6285</v>
      </c>
      <c r="B5882" s="6" t="e"/>
      <c r="C5882" s="6" t="s">
        <v>167</v>
      </c>
      <c r="D5882" s="6" t="s">
        <v>40</v>
      </c>
      <c r="E5882" s="6" t="e"/>
    </row>
    <row r="5883" ht="22" customHeight="true" s="1" customFormat="true" hidden="true" outlineLevel="3">
      <c r="A5883" s="6" t="s">
        <v>6286</v>
      </c>
      <c r="B5883" s="6" t="e"/>
      <c r="C5883" s="6" t="s">
        <v>302</v>
      </c>
      <c r="D5883" s="6" t="s">
        <v>26</v>
      </c>
      <c r="E5883" s="6" t="e"/>
    </row>
    <row r="5884" ht="44" customHeight="true" s="1" customFormat="true" hidden="true" outlineLevel="3">
      <c r="A5884" s="6" t="s">
        <v>6287</v>
      </c>
      <c r="B5884" s="6" t="e"/>
      <c r="C5884" s="6" t="s">
        <v>574</v>
      </c>
      <c r="D5884" s="6" t="s">
        <v>2313</v>
      </c>
      <c r="E5884" s="6" t="e"/>
    </row>
    <row r="5885" ht="22" customHeight="true" s="1" customFormat="true" hidden="true" outlineLevel="3">
      <c r="A5885" s="6" t="s">
        <v>6288</v>
      </c>
      <c r="B5885" s="6" t="e"/>
      <c r="C5885" s="6" t="s">
        <v>446</v>
      </c>
      <c r="D5885" s="6" t="s">
        <v>57</v>
      </c>
      <c r="E5885" s="6" t="e"/>
    </row>
    <row r="5886" ht="22" customHeight="true" s="1" customFormat="true" hidden="true" outlineLevel="3">
      <c r="A5886" s="6" t="s">
        <v>6289</v>
      </c>
      <c r="B5886" s="6" t="e"/>
      <c r="C5886" s="6" t="s">
        <v>167</v>
      </c>
      <c r="D5886" s="6" t="s">
        <v>57</v>
      </c>
      <c r="E5886" s="6" t="e"/>
    </row>
    <row r="5887" ht="67" customHeight="true" s="1" customFormat="true" hidden="true" outlineLevel="3">
      <c r="A5887" s="6" t="s">
        <v>6290</v>
      </c>
      <c r="B5887" s="6" t="e"/>
      <c r="C5887" s="6" t="s">
        <v>296</v>
      </c>
      <c r="D5887" s="6" t="s">
        <v>276</v>
      </c>
      <c r="E5887" s="6" t="e"/>
    </row>
    <row r="5888" ht="22" customHeight="true" s="1" customFormat="true" hidden="true" outlineLevel="3">
      <c r="A5888" s="6" t="s">
        <v>6291</v>
      </c>
      <c r="B5888" s="6" t="e"/>
      <c r="C5888" s="6" t="s">
        <v>225</v>
      </c>
      <c r="D5888" s="6" t="s">
        <v>57</v>
      </c>
      <c r="E5888" s="6" t="e"/>
    </row>
    <row r="5889" ht="67" customHeight="true" s="1" customFormat="true" hidden="true" outlineLevel="3">
      <c r="A5889" s="6" t="s">
        <v>6292</v>
      </c>
      <c r="B5889" s="6" t="e"/>
      <c r="C5889" s="6" t="s">
        <v>167</v>
      </c>
      <c r="D5889" s="6" t="s">
        <v>26</v>
      </c>
      <c r="E5889" s="6" t="e"/>
    </row>
    <row r="5890" ht="22" customHeight="true" s="1" customFormat="true" hidden="true" outlineLevel="3">
      <c r="A5890" s="6" t="s">
        <v>6293</v>
      </c>
      <c r="B5890" s="6" t="e"/>
      <c r="C5890" s="6" t="s">
        <v>302</v>
      </c>
      <c r="D5890" s="6" t="s">
        <v>26</v>
      </c>
      <c r="E5890" s="6" t="e"/>
    </row>
    <row r="5891" ht="22" customHeight="true" s="1" customFormat="true" hidden="true" outlineLevel="3">
      <c r="A5891" s="6" t="s">
        <v>6294</v>
      </c>
      <c r="B5891" s="6" t="e"/>
      <c r="C5891" s="6" t="s">
        <v>225</v>
      </c>
      <c r="D5891" s="6" t="s">
        <v>26</v>
      </c>
      <c r="E5891" s="6" t="e"/>
    </row>
    <row r="5892" ht="33" customHeight="true" s="1" customFormat="true" hidden="true" outlineLevel="3">
      <c r="A5892" s="6" t="s">
        <v>6295</v>
      </c>
      <c r="B5892" s="6" t="e"/>
      <c r="C5892" s="6" t="s">
        <v>167</v>
      </c>
      <c r="D5892" s="6" t="s">
        <v>26</v>
      </c>
      <c r="E5892" s="6" t="e"/>
    </row>
    <row r="5893" ht="22" customHeight="true" s="1" customFormat="true" hidden="true" outlineLevel="3">
      <c r="A5893" s="6" t="s">
        <v>6296</v>
      </c>
      <c r="B5893" s="6" t="e"/>
      <c r="C5893" s="6" t="s">
        <v>167</v>
      </c>
      <c r="D5893" s="6" t="s">
        <v>57</v>
      </c>
      <c r="E5893" s="6" t="e"/>
    </row>
    <row r="5894" ht="22" customHeight="true" s="1" customFormat="true" hidden="true" outlineLevel="3">
      <c r="A5894" s="6" t="s">
        <v>6297</v>
      </c>
      <c r="B5894" s="6" t="e"/>
      <c r="C5894" s="6" t="s">
        <v>296</v>
      </c>
      <c r="D5894" s="6" t="s">
        <v>26</v>
      </c>
      <c r="E5894" s="6" t="e"/>
    </row>
    <row r="5895" ht="56" customHeight="true" s="1" customFormat="true" hidden="true" outlineLevel="3">
      <c r="A5895" s="6" t="s">
        <v>6298</v>
      </c>
      <c r="B5895" s="6" t="e"/>
      <c r="C5895" s="6" t="s">
        <v>167</v>
      </c>
      <c r="D5895" s="6" t="s">
        <v>57</v>
      </c>
      <c r="E5895" s="6" t="e"/>
    </row>
    <row r="5896" ht="33" customHeight="true" s="1" customFormat="true" hidden="true" outlineLevel="3">
      <c r="A5896" s="6" t="s">
        <v>6299</v>
      </c>
      <c r="B5896" s="6" t="e"/>
      <c r="C5896" s="6" t="s">
        <v>225</v>
      </c>
      <c r="D5896" s="6" t="s">
        <v>644</v>
      </c>
      <c r="E5896" s="6" t="e"/>
    </row>
    <row r="5897" ht="33" customHeight="true" s="1" customFormat="true" hidden="true" outlineLevel="3">
      <c r="A5897" s="6" t="s">
        <v>6300</v>
      </c>
      <c r="B5897" s="6" t="e"/>
      <c r="C5897" s="6" t="s">
        <v>225</v>
      </c>
      <c r="D5897" s="6" t="s">
        <v>11</v>
      </c>
      <c r="E5897" s="6" t="e"/>
    </row>
    <row r="5898" ht="56" customHeight="true" s="1" customFormat="true" hidden="true" outlineLevel="3">
      <c r="A5898" s="6" t="s">
        <v>6301</v>
      </c>
      <c r="B5898" s="6" t="e"/>
      <c r="C5898" s="6" t="s">
        <v>296</v>
      </c>
      <c r="D5898" s="6" t="s">
        <v>40</v>
      </c>
      <c r="E5898" s="6" t="e"/>
    </row>
    <row r="5899" ht="33" customHeight="true" s="1" customFormat="true" hidden="true" collapsed="true" outlineLevel="3">
      <c r="A5899" s="6" t="s">
        <v>6302</v>
      </c>
      <c r="B5899" s="6" t="e"/>
      <c r="C5899" s="6" t="s">
        <v>167</v>
      </c>
      <c r="D5899" s="6" t="s">
        <v>40</v>
      </c>
      <c r="E5899" s="6" t="e"/>
    </row>
    <row r="5900" ht="11" customHeight="true" s="1" customFormat="true" hidden="true" collapsed="true" outlineLevel="2">
      <c r="A5900" s="5" t="s">
        <v>6303</v>
      </c>
      <c r="B5900" s="5" t="e"/>
      <c r="C5900" s="5" t="e"/>
      <c r="D5900" s="5" t="e"/>
      <c r="E5900" s="5" t="e"/>
    </row>
    <row r="5901" ht="22" customHeight="true" s="1" customFormat="true" hidden="true" outlineLevel="3">
      <c r="A5901" s="6" t="s">
        <v>6304</v>
      </c>
      <c r="B5901" s="6" t="e"/>
      <c r="C5901" s="6" t="s">
        <v>136</v>
      </c>
      <c r="D5901" s="6" t="s">
        <v>26</v>
      </c>
      <c r="E5901" s="6" t="e"/>
    </row>
    <row r="5902" ht="44" customHeight="true" s="1" customFormat="true" hidden="true" outlineLevel="3">
      <c r="A5902" s="6" t="s">
        <v>6305</v>
      </c>
      <c r="B5902" s="6" t="e"/>
      <c r="C5902" s="6" t="s">
        <v>242</v>
      </c>
      <c r="D5902" s="6" t="s">
        <v>11</v>
      </c>
      <c r="E5902" s="6" t="e"/>
    </row>
    <row r="5903" ht="33" customHeight="true" s="1" customFormat="true" hidden="true" outlineLevel="3">
      <c r="A5903" s="6" t="s">
        <v>6306</v>
      </c>
      <c r="B5903" s="6" t="e"/>
      <c r="C5903" s="6" t="s">
        <v>574</v>
      </c>
      <c r="D5903" s="6" t="s">
        <v>26</v>
      </c>
      <c r="E5903" s="6" t="e"/>
    </row>
    <row r="5904" ht="67" customHeight="true" s="1" customFormat="true" hidden="true" outlineLevel="3">
      <c r="A5904" s="6" t="s">
        <v>6307</v>
      </c>
      <c r="B5904" s="6" t="e"/>
      <c r="C5904" s="6" t="s">
        <v>242</v>
      </c>
      <c r="D5904" s="6" t="s">
        <v>40</v>
      </c>
      <c r="E5904" s="6" t="e"/>
    </row>
    <row r="5905" ht="44" customHeight="true" s="1" customFormat="true" hidden="true" outlineLevel="3">
      <c r="A5905" s="6" t="s">
        <v>6308</v>
      </c>
      <c r="B5905" s="6" t="e"/>
      <c r="C5905" s="6" t="s">
        <v>242</v>
      </c>
      <c r="D5905" s="6" t="s">
        <v>26</v>
      </c>
      <c r="E5905" s="6" t="e"/>
    </row>
    <row r="5906" ht="44" customHeight="true" s="1" customFormat="true" hidden="true" outlineLevel="3">
      <c r="A5906" s="6" t="s">
        <v>6309</v>
      </c>
      <c r="B5906" s="6" t="e"/>
      <c r="C5906" s="6" t="s">
        <v>302</v>
      </c>
      <c r="D5906" s="6" t="s">
        <v>11</v>
      </c>
      <c r="E5906" s="6" t="e"/>
    </row>
    <row r="5907" ht="44" customHeight="true" s="1" customFormat="true" hidden="true" outlineLevel="3">
      <c r="A5907" s="6" t="s">
        <v>6310</v>
      </c>
      <c r="B5907" s="6" t="e"/>
      <c r="C5907" s="6" t="s">
        <v>302</v>
      </c>
      <c r="D5907" s="6" t="s">
        <v>40</v>
      </c>
      <c r="E5907" s="6" t="e"/>
    </row>
    <row r="5908" ht="44" customHeight="true" s="1" customFormat="true" hidden="true" outlineLevel="3">
      <c r="A5908" s="6" t="s">
        <v>6311</v>
      </c>
      <c r="B5908" s="6" t="e"/>
      <c r="C5908" s="6" t="s">
        <v>219</v>
      </c>
      <c r="D5908" s="6" t="s">
        <v>26</v>
      </c>
      <c r="E5908" s="6" t="e"/>
    </row>
    <row r="5909" ht="44" customHeight="true" s="1" customFormat="true" hidden="true" outlineLevel="3">
      <c r="A5909" s="6" t="s">
        <v>6312</v>
      </c>
      <c r="B5909" s="6" t="e"/>
      <c r="C5909" s="6" t="s">
        <v>149</v>
      </c>
      <c r="D5909" s="6" t="s">
        <v>57</v>
      </c>
      <c r="E5909" s="6" t="e"/>
    </row>
    <row r="5910" ht="33" customHeight="true" s="1" customFormat="true" hidden="true" outlineLevel="3">
      <c r="A5910" s="6" t="s">
        <v>6313</v>
      </c>
      <c r="B5910" s="6" t="e"/>
      <c r="C5910" s="6" t="s">
        <v>103</v>
      </c>
      <c r="D5910" s="6" t="s">
        <v>40</v>
      </c>
      <c r="E5910" s="6" t="e"/>
    </row>
    <row r="5911" ht="44" customHeight="true" s="1" customFormat="true" hidden="true" outlineLevel="3">
      <c r="A5911" s="6" t="s">
        <v>6314</v>
      </c>
      <c r="B5911" s="6" t="e"/>
      <c r="C5911" s="6" t="s">
        <v>296</v>
      </c>
      <c r="D5911" s="6" t="s">
        <v>15</v>
      </c>
      <c r="E5911" s="6" t="e"/>
    </row>
    <row r="5912" ht="33" customHeight="true" s="1" customFormat="true" hidden="true" outlineLevel="3">
      <c r="A5912" s="6" t="s">
        <v>6315</v>
      </c>
      <c r="B5912" s="6" t="e"/>
      <c r="C5912" s="6" t="s">
        <v>167</v>
      </c>
      <c r="D5912" s="6" t="s">
        <v>644</v>
      </c>
      <c r="E5912" s="6" t="e"/>
    </row>
    <row r="5913" ht="22" customHeight="true" s="1" customFormat="true" hidden="true" outlineLevel="3">
      <c r="A5913" s="6" t="s">
        <v>6316</v>
      </c>
      <c r="B5913" s="6" t="e"/>
      <c r="C5913" s="6" t="s">
        <v>574</v>
      </c>
      <c r="D5913" s="6" t="s">
        <v>40</v>
      </c>
      <c r="E5913" s="6" t="e"/>
    </row>
    <row r="5914" ht="56" customHeight="true" s="1" customFormat="true" hidden="true" outlineLevel="3">
      <c r="A5914" s="6" t="s">
        <v>6317</v>
      </c>
      <c r="B5914" s="6" t="e"/>
      <c r="C5914" s="6" t="s">
        <v>296</v>
      </c>
      <c r="D5914" s="6" t="s">
        <v>57</v>
      </c>
      <c r="E5914" s="6" t="e"/>
    </row>
    <row r="5915" ht="67" customHeight="true" s="1" customFormat="true" hidden="true" outlineLevel="3">
      <c r="A5915" s="6" t="s">
        <v>6318</v>
      </c>
      <c r="B5915" s="6" t="e"/>
      <c r="C5915" s="6" t="s">
        <v>167</v>
      </c>
      <c r="D5915" s="6" t="s">
        <v>184</v>
      </c>
      <c r="E5915" s="6" t="e"/>
    </row>
    <row r="5916" ht="67" customHeight="true" s="1" customFormat="true" hidden="true" outlineLevel="3">
      <c r="A5916" s="6" t="s">
        <v>6319</v>
      </c>
      <c r="B5916" s="6" t="e"/>
      <c r="C5916" s="6" t="s">
        <v>136</v>
      </c>
      <c r="D5916" s="6" t="s">
        <v>15</v>
      </c>
      <c r="E5916" s="6" t="e"/>
    </row>
    <row r="5917" ht="67" customHeight="true" s="1" customFormat="true" hidden="true" outlineLevel="3">
      <c r="A5917" s="6" t="s">
        <v>6320</v>
      </c>
      <c r="B5917" s="6" t="e"/>
      <c r="C5917" s="6" t="s">
        <v>167</v>
      </c>
      <c r="D5917" s="6" t="s">
        <v>165</v>
      </c>
      <c r="E5917" s="6" t="e"/>
    </row>
    <row r="5918" ht="56" customHeight="true" s="1" customFormat="true" hidden="true" outlineLevel="3">
      <c r="A5918" s="6" t="s">
        <v>6321</v>
      </c>
      <c r="B5918" s="6" t="e"/>
      <c r="C5918" s="6" t="s">
        <v>167</v>
      </c>
      <c r="D5918" s="6" t="s">
        <v>57</v>
      </c>
      <c r="E5918" s="6" t="e"/>
    </row>
    <row r="5919" ht="33" customHeight="true" s="1" customFormat="true" hidden="true" outlineLevel="3">
      <c r="A5919" s="6" t="s">
        <v>6322</v>
      </c>
      <c r="B5919" s="6" t="e"/>
      <c r="C5919" s="6" t="s">
        <v>188</v>
      </c>
      <c r="D5919" s="6" t="s">
        <v>11</v>
      </c>
      <c r="E5919" s="6" t="e"/>
    </row>
    <row r="5920" ht="22" customHeight="true" s="1" customFormat="true" hidden="true" outlineLevel="3">
      <c r="A5920" s="6" t="s">
        <v>6323</v>
      </c>
      <c r="B5920" s="6" t="e"/>
      <c r="C5920" s="6" t="s">
        <v>225</v>
      </c>
      <c r="D5920" s="6" t="s">
        <v>26</v>
      </c>
      <c r="E5920" s="6" t="e"/>
    </row>
    <row r="5921" ht="22" customHeight="true" s="1" customFormat="true" hidden="true" outlineLevel="3">
      <c r="A5921" s="6" t="s">
        <v>6324</v>
      </c>
      <c r="B5921" s="6" t="e"/>
      <c r="C5921" s="6" t="s">
        <v>155</v>
      </c>
      <c r="D5921" s="6" t="s">
        <v>11</v>
      </c>
      <c r="E5921" s="6" t="e"/>
    </row>
    <row r="5922" ht="22" customHeight="true" s="1" customFormat="true" hidden="true" outlineLevel="3">
      <c r="A5922" s="6" t="s">
        <v>6325</v>
      </c>
      <c r="B5922" s="6" t="e"/>
      <c r="C5922" s="6" t="s">
        <v>296</v>
      </c>
      <c r="D5922" s="6" t="s">
        <v>40</v>
      </c>
      <c r="E5922" s="6" t="e"/>
    </row>
    <row r="5923" ht="33" customHeight="true" s="1" customFormat="true" hidden="true" outlineLevel="3">
      <c r="A5923" s="6" t="s">
        <v>6326</v>
      </c>
      <c r="B5923" s="6" t="e"/>
      <c r="C5923" s="6" t="s">
        <v>296</v>
      </c>
      <c r="D5923" s="6" t="s">
        <v>100</v>
      </c>
      <c r="E5923" s="6" t="e"/>
    </row>
    <row r="5924" ht="56" customHeight="true" s="1" customFormat="true" hidden="true" outlineLevel="3">
      <c r="A5924" s="6" t="s">
        <v>6327</v>
      </c>
      <c r="B5924" s="6" t="e"/>
      <c r="C5924" s="6" t="s">
        <v>296</v>
      </c>
      <c r="D5924" s="6" t="s">
        <v>68</v>
      </c>
      <c r="E5924" s="6" t="e"/>
    </row>
    <row r="5925" ht="56" customHeight="true" s="1" customFormat="true" hidden="true" outlineLevel="3">
      <c r="A5925" s="6" t="s">
        <v>6328</v>
      </c>
      <c r="B5925" s="6" t="e"/>
      <c r="C5925" s="6" t="s">
        <v>296</v>
      </c>
      <c r="D5925" s="6" t="s">
        <v>57</v>
      </c>
      <c r="E5925" s="6" t="e"/>
    </row>
    <row r="5926" ht="22" customHeight="true" s="1" customFormat="true" hidden="true" outlineLevel="3">
      <c r="A5926" s="6" t="s">
        <v>6329</v>
      </c>
      <c r="B5926" s="6" t="e"/>
      <c r="C5926" s="6" t="s">
        <v>296</v>
      </c>
      <c r="D5926" s="6" t="s">
        <v>40</v>
      </c>
      <c r="E5926" s="6" t="e"/>
    </row>
    <row r="5927" ht="44" customHeight="true" s="1" customFormat="true" hidden="true" outlineLevel="3">
      <c r="A5927" s="6" t="s">
        <v>6330</v>
      </c>
      <c r="B5927" s="6" t="e"/>
      <c r="C5927" s="6" t="s">
        <v>242</v>
      </c>
      <c r="D5927" s="6" t="s">
        <v>40</v>
      </c>
      <c r="E5927" s="6" t="e"/>
    </row>
    <row r="5928" ht="67" customHeight="true" s="1" customFormat="true" hidden="true" outlineLevel="3">
      <c r="A5928" s="6" t="s">
        <v>6331</v>
      </c>
      <c r="B5928" s="6" t="e"/>
      <c r="C5928" s="6" t="s">
        <v>242</v>
      </c>
      <c r="D5928" s="6" t="s">
        <v>40</v>
      </c>
      <c r="E5928" s="6" t="e"/>
    </row>
    <row r="5929" ht="44" customHeight="true" s="1" customFormat="true" hidden="true" outlineLevel="3">
      <c r="A5929" s="6" t="s">
        <v>6332</v>
      </c>
      <c r="B5929" s="6" t="e"/>
      <c r="C5929" s="6" t="s">
        <v>167</v>
      </c>
      <c r="D5929" s="6" t="s">
        <v>40</v>
      </c>
      <c r="E5929" s="6" t="e"/>
    </row>
    <row r="5930" ht="44" customHeight="true" s="1" customFormat="true" hidden="true" outlineLevel="3">
      <c r="A5930" s="6" t="s">
        <v>6333</v>
      </c>
      <c r="B5930" s="6" t="e"/>
      <c r="C5930" s="6" t="s">
        <v>242</v>
      </c>
      <c r="D5930" s="6" t="s">
        <v>40</v>
      </c>
      <c r="E5930" s="6" t="e"/>
    </row>
    <row r="5931" ht="22" customHeight="true" s="1" customFormat="true" hidden="true" outlineLevel="3">
      <c r="A5931" s="6" t="s">
        <v>6334</v>
      </c>
      <c r="B5931" s="6" t="e"/>
      <c r="C5931" s="6" t="s">
        <v>225</v>
      </c>
      <c r="D5931" s="6" t="s">
        <v>11</v>
      </c>
      <c r="E5931" s="6" t="e"/>
    </row>
    <row r="5932" ht="44" customHeight="true" s="1" customFormat="true" hidden="true" outlineLevel="3">
      <c r="A5932" s="6" t="s">
        <v>6335</v>
      </c>
      <c r="B5932" s="6" t="e"/>
      <c r="C5932" s="6" t="s">
        <v>242</v>
      </c>
      <c r="D5932" s="6" t="s">
        <v>15</v>
      </c>
      <c r="E5932" s="6" t="e"/>
    </row>
    <row r="5933" ht="44" customHeight="true" s="1" customFormat="true" hidden="true" outlineLevel="3">
      <c r="A5933" s="6" t="s">
        <v>6336</v>
      </c>
      <c r="B5933" s="6" t="e"/>
      <c r="C5933" s="6" t="s">
        <v>242</v>
      </c>
      <c r="D5933" s="6" t="s">
        <v>40</v>
      </c>
      <c r="E5933" s="6" t="e"/>
    </row>
    <row r="5934" ht="33" customHeight="true" s="1" customFormat="true" hidden="true" outlineLevel="3">
      <c r="A5934" s="6" t="s">
        <v>6337</v>
      </c>
      <c r="B5934" s="6" t="e"/>
      <c r="C5934" s="6" t="s">
        <v>21</v>
      </c>
      <c r="D5934" s="6" t="s">
        <v>11</v>
      </c>
      <c r="E5934" s="6" t="e"/>
    </row>
    <row r="5935" ht="44" customHeight="true" s="1" customFormat="true" hidden="true" outlineLevel="3">
      <c r="A5935" s="6" t="s">
        <v>6338</v>
      </c>
      <c r="B5935" s="6" t="e"/>
      <c r="C5935" s="6" t="s">
        <v>167</v>
      </c>
      <c r="D5935" s="6" t="s">
        <v>57</v>
      </c>
      <c r="E5935" s="6" t="e"/>
    </row>
    <row r="5936" ht="56" customHeight="true" s="1" customFormat="true" hidden="true" outlineLevel="3">
      <c r="A5936" s="6" t="s">
        <v>6339</v>
      </c>
      <c r="B5936" s="6" t="e"/>
      <c r="C5936" s="6" t="s">
        <v>167</v>
      </c>
      <c r="D5936" s="6" t="s">
        <v>100</v>
      </c>
      <c r="E5936" s="6" t="e"/>
    </row>
    <row r="5937" ht="56" customHeight="true" s="1" customFormat="true" hidden="true" outlineLevel="3">
      <c r="A5937" s="6" t="s">
        <v>6340</v>
      </c>
      <c r="B5937" s="6" t="e"/>
      <c r="C5937" s="6" t="s">
        <v>225</v>
      </c>
      <c r="D5937" s="6" t="s">
        <v>11</v>
      </c>
      <c r="E5937" s="6" t="e"/>
    </row>
    <row r="5938" ht="56" customHeight="true" s="1" customFormat="true" hidden="true" outlineLevel="3">
      <c r="A5938" s="6" t="s">
        <v>6341</v>
      </c>
      <c r="B5938" s="6" t="e"/>
      <c r="C5938" s="6" t="s">
        <v>167</v>
      </c>
      <c r="D5938" s="6" t="s">
        <v>40</v>
      </c>
      <c r="E5938" s="6" t="e"/>
    </row>
    <row r="5939" ht="44" customHeight="true" s="1" customFormat="true" hidden="true" outlineLevel="3">
      <c r="A5939" s="6" t="s">
        <v>6342</v>
      </c>
      <c r="B5939" s="6" t="e"/>
      <c r="C5939" s="6" t="s">
        <v>167</v>
      </c>
      <c r="D5939" s="6" t="s">
        <v>57</v>
      </c>
      <c r="E5939" s="6" t="e"/>
    </row>
    <row r="5940" ht="56" customHeight="true" s="1" customFormat="true" hidden="true" outlineLevel="3">
      <c r="A5940" s="6" t="s">
        <v>6343</v>
      </c>
      <c r="B5940" s="6" t="e"/>
      <c r="C5940" s="6" t="s">
        <v>225</v>
      </c>
      <c r="D5940" s="6" t="s">
        <v>26</v>
      </c>
      <c r="E5940" s="6" t="e"/>
    </row>
    <row r="5941" ht="44" customHeight="true" s="1" customFormat="true" hidden="true" outlineLevel="3">
      <c r="A5941" s="6" t="s">
        <v>6344</v>
      </c>
      <c r="B5941" s="6" t="e"/>
      <c r="C5941" s="6" t="s">
        <v>296</v>
      </c>
      <c r="D5941" s="6" t="s">
        <v>40</v>
      </c>
      <c r="E5941" s="6" t="e"/>
    </row>
    <row r="5942" ht="56" customHeight="true" s="1" customFormat="true" hidden="true" outlineLevel="3">
      <c r="A5942" s="6" t="s">
        <v>6345</v>
      </c>
      <c r="B5942" s="6" t="e"/>
      <c r="C5942" s="6" t="s">
        <v>296</v>
      </c>
      <c r="D5942" s="6" t="s">
        <v>123</v>
      </c>
      <c r="E5942" s="6" t="e"/>
    </row>
    <row r="5943" ht="56" customHeight="true" s="1" customFormat="true" hidden="true" outlineLevel="3">
      <c r="A5943" s="6" t="s">
        <v>6346</v>
      </c>
      <c r="B5943" s="6" t="e"/>
      <c r="C5943" s="6" t="s">
        <v>296</v>
      </c>
      <c r="D5943" s="6" t="s">
        <v>26</v>
      </c>
      <c r="E5943" s="6" t="e"/>
    </row>
    <row r="5944" ht="56" customHeight="true" s="1" customFormat="true" hidden="true" outlineLevel="3">
      <c r="A5944" s="6" t="s">
        <v>6347</v>
      </c>
      <c r="B5944" s="6" t="e"/>
      <c r="C5944" s="6" t="s">
        <v>296</v>
      </c>
      <c r="D5944" s="6" t="s">
        <v>57</v>
      </c>
      <c r="E5944" s="6" t="e"/>
    </row>
    <row r="5945" ht="67" customHeight="true" s="1" customFormat="true" hidden="true" outlineLevel="3">
      <c r="A5945" s="6" t="s">
        <v>6348</v>
      </c>
      <c r="B5945" s="6" t="e"/>
      <c r="C5945" s="6" t="s">
        <v>296</v>
      </c>
      <c r="D5945" s="6" t="s">
        <v>26</v>
      </c>
      <c r="E5945" s="6" t="e"/>
    </row>
    <row r="5946" ht="33" customHeight="true" s="1" customFormat="true" hidden="true" collapsed="true" outlineLevel="3">
      <c r="A5946" s="6" t="s">
        <v>6349</v>
      </c>
      <c r="B5946" s="6" t="e"/>
      <c r="C5946" s="6" t="s">
        <v>242</v>
      </c>
      <c r="D5946" s="6" t="s">
        <v>26</v>
      </c>
      <c r="E5946" s="6" t="e"/>
    </row>
    <row r="5947" ht="11" customHeight="true" s="1" customFormat="true" hidden="true" collapsed="true" outlineLevel="2">
      <c r="A5947" s="5" t="s">
        <v>6350</v>
      </c>
      <c r="B5947" s="5" t="e"/>
      <c r="C5947" s="5" t="e"/>
      <c r="D5947" s="5" t="e"/>
      <c r="E5947" s="5" t="e"/>
    </row>
    <row r="5948" ht="22" customHeight="true" s="1" customFormat="true" hidden="true" outlineLevel="3">
      <c r="A5948" s="6" t="s">
        <v>6351</v>
      </c>
      <c r="B5948" s="6" t="e"/>
      <c r="C5948" s="6" t="s">
        <v>296</v>
      </c>
      <c r="D5948" s="6" t="s">
        <v>26</v>
      </c>
      <c r="E5948" s="6" t="e"/>
    </row>
    <row r="5949" ht="33" customHeight="true" s="1" customFormat="true" hidden="true" outlineLevel="3">
      <c r="A5949" s="6" t="s">
        <v>6352</v>
      </c>
      <c r="B5949" s="6" t="e"/>
      <c r="C5949" s="6" t="s">
        <v>302</v>
      </c>
      <c r="D5949" s="6" t="s">
        <v>674</v>
      </c>
      <c r="E5949" s="6" t="e"/>
    </row>
    <row r="5950" ht="22" customHeight="true" s="1" customFormat="true" hidden="true" outlineLevel="3">
      <c r="A5950" s="6" t="s">
        <v>6353</v>
      </c>
      <c r="B5950" s="6" t="e"/>
      <c r="C5950" s="6" t="s">
        <v>126</v>
      </c>
      <c r="D5950" s="6" t="s">
        <v>11</v>
      </c>
      <c r="E5950" s="6" t="e"/>
    </row>
    <row r="5951" ht="22" customHeight="true" s="1" customFormat="true" hidden="true" outlineLevel="3">
      <c r="A5951" s="6" t="s">
        <v>6354</v>
      </c>
      <c r="B5951" s="6" t="e"/>
      <c r="C5951" s="6" t="s">
        <v>242</v>
      </c>
      <c r="D5951" s="6" t="s">
        <v>26</v>
      </c>
      <c r="E5951" s="6" t="e"/>
    </row>
    <row r="5952" ht="33" customHeight="true" s="1" customFormat="true" hidden="true" outlineLevel="3">
      <c r="A5952" s="6" t="s">
        <v>6355</v>
      </c>
      <c r="B5952" s="6" t="e"/>
      <c r="C5952" s="6" t="s">
        <v>225</v>
      </c>
      <c r="D5952" s="6" t="s">
        <v>26</v>
      </c>
      <c r="E5952" s="6" t="e"/>
    </row>
    <row r="5953" ht="33" customHeight="true" s="1" customFormat="true" hidden="true" outlineLevel="3">
      <c r="A5953" s="6" t="s">
        <v>6356</v>
      </c>
      <c r="B5953" s="6" t="e"/>
      <c r="C5953" s="6" t="s">
        <v>103</v>
      </c>
      <c r="D5953" s="6" t="s">
        <v>11</v>
      </c>
      <c r="E5953" s="6" t="e"/>
    </row>
    <row r="5954" ht="33" customHeight="true" s="1" customFormat="true" hidden="true" outlineLevel="3">
      <c r="A5954" s="6" t="s">
        <v>6357</v>
      </c>
      <c r="B5954" s="6" t="e"/>
      <c r="C5954" s="6" t="s">
        <v>149</v>
      </c>
      <c r="D5954" s="6" t="s">
        <v>11</v>
      </c>
      <c r="E5954" s="6" t="e"/>
    </row>
    <row r="5955" ht="44" customHeight="true" s="1" customFormat="true" hidden="true" outlineLevel="3">
      <c r="A5955" s="6" t="s">
        <v>6358</v>
      </c>
      <c r="B5955" s="6" t="e"/>
      <c r="C5955" s="6" t="s">
        <v>167</v>
      </c>
      <c r="D5955" s="6" t="s">
        <v>11</v>
      </c>
      <c r="E5955" s="6" t="e"/>
    </row>
    <row r="5956" ht="44" customHeight="true" s="1" customFormat="true" hidden="true" outlineLevel="3">
      <c r="A5956" s="6" t="s">
        <v>6359</v>
      </c>
      <c r="B5956" s="6" t="e"/>
      <c r="C5956" s="6" t="s">
        <v>167</v>
      </c>
      <c r="D5956" s="6" t="s">
        <v>26</v>
      </c>
      <c r="E5956" s="6" t="e"/>
    </row>
    <row r="5957" ht="56" customHeight="true" s="1" customFormat="true" hidden="true" outlineLevel="3">
      <c r="A5957" s="6" t="s">
        <v>6360</v>
      </c>
      <c r="B5957" s="6" t="e"/>
      <c r="C5957" s="6" t="s">
        <v>167</v>
      </c>
      <c r="D5957" s="6" t="s">
        <v>26</v>
      </c>
      <c r="E5957" s="6" t="e"/>
    </row>
    <row r="5958" ht="33" customHeight="true" s="1" customFormat="true" hidden="true" outlineLevel="3">
      <c r="A5958" s="6" t="s">
        <v>6361</v>
      </c>
      <c r="B5958" s="6" t="e"/>
      <c r="C5958" s="6" t="s">
        <v>225</v>
      </c>
      <c r="D5958" s="6" t="s">
        <v>11</v>
      </c>
      <c r="E5958" s="6" t="e"/>
    </row>
    <row r="5959" ht="56" customHeight="true" s="1" customFormat="true" hidden="true" outlineLevel="3">
      <c r="A5959" s="6" t="s">
        <v>6362</v>
      </c>
      <c r="B5959" s="6" t="e"/>
      <c r="C5959" s="6" t="s">
        <v>242</v>
      </c>
      <c r="D5959" s="6" t="s">
        <v>40</v>
      </c>
      <c r="E5959" s="6" t="e"/>
    </row>
    <row r="5960" ht="67" customHeight="true" s="1" customFormat="true" hidden="true" outlineLevel="3">
      <c r="A5960" s="6" t="s">
        <v>6363</v>
      </c>
      <c r="B5960" s="6" t="e"/>
      <c r="C5960" s="6" t="s">
        <v>296</v>
      </c>
      <c r="D5960" s="6" t="s">
        <v>11</v>
      </c>
      <c r="E5960" s="6" t="e"/>
    </row>
    <row r="5961" ht="33" customHeight="true" s="1" customFormat="true" hidden="true" outlineLevel="3">
      <c r="A5961" s="6" t="s">
        <v>6364</v>
      </c>
      <c r="B5961" s="6" t="e"/>
      <c r="C5961" s="6" t="s">
        <v>167</v>
      </c>
      <c r="D5961" s="6" t="s">
        <v>57</v>
      </c>
      <c r="E5961" s="6" t="e"/>
    </row>
    <row r="5962" ht="67" customHeight="true" s="1" customFormat="true" hidden="true" outlineLevel="3">
      <c r="A5962" s="6" t="s">
        <v>6365</v>
      </c>
      <c r="B5962" s="6" t="e"/>
      <c r="C5962" s="6" t="s">
        <v>574</v>
      </c>
      <c r="D5962" s="6" t="s">
        <v>57</v>
      </c>
      <c r="E5962" s="6" t="e"/>
    </row>
    <row r="5963" ht="33" customHeight="true" s="1" customFormat="true" hidden="true" outlineLevel="3">
      <c r="A5963" s="6" t="s">
        <v>6366</v>
      </c>
      <c r="B5963" s="6" t="e"/>
      <c r="C5963" s="6" t="s">
        <v>167</v>
      </c>
      <c r="D5963" s="6" t="s">
        <v>123</v>
      </c>
      <c r="E5963" s="6" t="e"/>
    </row>
    <row r="5964" ht="33" customHeight="true" s="1" customFormat="true" hidden="true" outlineLevel="3">
      <c r="A5964" s="6" t="s">
        <v>6367</v>
      </c>
      <c r="B5964" s="6" t="e"/>
      <c r="C5964" s="6" t="s">
        <v>296</v>
      </c>
      <c r="D5964" s="6" t="s">
        <v>40</v>
      </c>
      <c r="E5964" s="6" t="e"/>
    </row>
    <row r="5965" ht="33" customHeight="true" s="1" customFormat="true" hidden="true" outlineLevel="3">
      <c r="A5965" s="6" t="s">
        <v>6368</v>
      </c>
      <c r="B5965" s="6" t="e"/>
      <c r="C5965" s="6" t="s">
        <v>296</v>
      </c>
      <c r="D5965" s="6" t="s">
        <v>40</v>
      </c>
      <c r="E5965" s="6" t="e"/>
    </row>
    <row r="5966" ht="33" customHeight="true" s="1" customFormat="true" hidden="true" outlineLevel="3">
      <c r="A5966" s="6" t="s">
        <v>6369</v>
      </c>
      <c r="B5966" s="6" t="e"/>
      <c r="C5966" s="6" t="s">
        <v>296</v>
      </c>
      <c r="D5966" s="6" t="s">
        <v>40</v>
      </c>
      <c r="E5966" s="6" t="e"/>
    </row>
    <row r="5967" ht="33" customHeight="true" s="1" customFormat="true" hidden="true" outlineLevel="3">
      <c r="A5967" s="6" t="s">
        <v>6370</v>
      </c>
      <c r="B5967" s="6" t="e"/>
      <c r="C5967" s="6" t="s">
        <v>225</v>
      </c>
      <c r="D5967" s="6" t="s">
        <v>11</v>
      </c>
      <c r="E5967" s="6" t="e"/>
    </row>
    <row r="5968" ht="67" customHeight="true" s="1" customFormat="true" hidden="true" outlineLevel="3">
      <c r="A5968" s="6" t="s">
        <v>6371</v>
      </c>
      <c r="B5968" s="6" t="e"/>
      <c r="C5968" s="6" t="s">
        <v>149</v>
      </c>
      <c r="D5968" s="6" t="s">
        <v>11</v>
      </c>
      <c r="E5968" s="6" t="e"/>
    </row>
    <row r="5969" ht="44" customHeight="true" s="1" customFormat="true" hidden="true" outlineLevel="3">
      <c r="A5969" s="6" t="s">
        <v>6372</v>
      </c>
      <c r="B5969" s="6" t="e"/>
      <c r="C5969" s="6" t="s">
        <v>242</v>
      </c>
      <c r="D5969" s="6" t="s">
        <v>68</v>
      </c>
      <c r="E5969" s="6" t="e"/>
    </row>
    <row r="5970" ht="33" customHeight="true" s="1" customFormat="true" hidden="true" outlineLevel="3">
      <c r="A5970" s="6" t="s">
        <v>6373</v>
      </c>
      <c r="B5970" s="6" t="e"/>
      <c r="C5970" s="6" t="s">
        <v>242</v>
      </c>
      <c r="D5970" s="6" t="s">
        <v>674</v>
      </c>
      <c r="E5970" s="6" t="e"/>
    </row>
    <row r="5971" ht="33" customHeight="true" s="1" customFormat="true" hidden="true" outlineLevel="3">
      <c r="A5971" s="6" t="s">
        <v>6374</v>
      </c>
      <c r="B5971" s="6" t="e"/>
      <c r="C5971" s="6" t="s">
        <v>167</v>
      </c>
      <c r="D5971" s="6" t="s">
        <v>15</v>
      </c>
      <c r="E5971" s="6" t="e"/>
    </row>
    <row r="5972" ht="44" customHeight="true" s="1" customFormat="true" hidden="true" outlineLevel="3">
      <c r="A5972" s="6" t="s">
        <v>6375</v>
      </c>
      <c r="B5972" s="6" t="e"/>
      <c r="C5972" s="6" t="s">
        <v>167</v>
      </c>
      <c r="D5972" s="6" t="s">
        <v>11</v>
      </c>
      <c r="E5972" s="6" t="e"/>
    </row>
    <row r="5973" ht="33" customHeight="true" s="1" customFormat="true" hidden="true" outlineLevel="3">
      <c r="A5973" s="6" t="s">
        <v>6376</v>
      </c>
      <c r="B5973" s="6" t="e"/>
      <c r="C5973" s="6" t="s">
        <v>167</v>
      </c>
      <c r="D5973" s="6" t="s">
        <v>11</v>
      </c>
      <c r="E5973" s="6" t="e"/>
    </row>
    <row r="5974" ht="22" customHeight="true" s="1" customFormat="true" hidden="true" outlineLevel="3">
      <c r="A5974" s="6" t="s">
        <v>6377</v>
      </c>
      <c r="B5974" s="6" t="e"/>
      <c r="C5974" s="6" t="s">
        <v>574</v>
      </c>
      <c r="D5974" s="6" t="s">
        <v>11</v>
      </c>
      <c r="E5974" s="6" t="e"/>
    </row>
    <row r="5975" ht="56" customHeight="true" s="1" customFormat="true" hidden="true" outlineLevel="3">
      <c r="A5975" s="6" t="s">
        <v>6378</v>
      </c>
      <c r="B5975" s="6" t="e"/>
      <c r="C5975" s="6" t="s">
        <v>296</v>
      </c>
      <c r="D5975" s="6" t="s">
        <v>26</v>
      </c>
      <c r="E5975" s="6" t="e"/>
    </row>
    <row r="5976" ht="44" customHeight="true" s="1" customFormat="true" hidden="true" outlineLevel="3">
      <c r="A5976" s="6" t="s">
        <v>6379</v>
      </c>
      <c r="B5976" s="6" t="e"/>
      <c r="C5976" s="6" t="s">
        <v>574</v>
      </c>
      <c r="D5976" s="6" t="s">
        <v>15</v>
      </c>
      <c r="E5976" s="6" t="e"/>
    </row>
    <row r="5977" ht="44" customHeight="true" s="1" customFormat="true" hidden="true" outlineLevel="3">
      <c r="A5977" s="6" t="s">
        <v>6380</v>
      </c>
      <c r="B5977" s="6" t="e"/>
      <c r="C5977" s="6" t="s">
        <v>574</v>
      </c>
      <c r="D5977" s="6" t="s">
        <v>446</v>
      </c>
      <c r="E5977" s="6" t="e"/>
    </row>
    <row r="5978" ht="56" customHeight="true" s="1" customFormat="true" hidden="true" outlineLevel="3">
      <c r="A5978" s="6" t="s">
        <v>6381</v>
      </c>
      <c r="B5978" s="6" t="e"/>
      <c r="C5978" s="6" t="s">
        <v>296</v>
      </c>
      <c r="D5978" s="6" t="s">
        <v>57</v>
      </c>
      <c r="E5978" s="6" t="e"/>
    </row>
    <row r="5979" ht="33" customHeight="true" s="1" customFormat="true" hidden="true" outlineLevel="3">
      <c r="A5979" s="6" t="s">
        <v>6382</v>
      </c>
      <c r="B5979" s="6" t="e"/>
      <c r="C5979" s="6" t="s">
        <v>167</v>
      </c>
      <c r="D5979" s="6" t="s">
        <v>11</v>
      </c>
      <c r="E5979" s="6" t="e"/>
    </row>
    <row r="5980" ht="44" customHeight="true" s="1" customFormat="true" hidden="true" outlineLevel="3">
      <c r="A5980" s="6" t="s">
        <v>6383</v>
      </c>
      <c r="B5980" s="6" t="e"/>
      <c r="C5980" s="6" t="s">
        <v>302</v>
      </c>
      <c r="D5980" s="6" t="s">
        <v>57</v>
      </c>
      <c r="E5980" s="6" t="e"/>
    </row>
    <row r="5981" ht="56" customHeight="true" s="1" customFormat="true" hidden="true" outlineLevel="3">
      <c r="A5981" s="6" t="s">
        <v>6384</v>
      </c>
      <c r="B5981" s="6" t="e"/>
      <c r="C5981" s="6" t="s">
        <v>242</v>
      </c>
      <c r="D5981" s="6" t="s">
        <v>26</v>
      </c>
      <c r="E5981" s="6" t="e"/>
    </row>
    <row r="5982" ht="44" customHeight="true" s="1" customFormat="true" hidden="true" outlineLevel="3">
      <c r="A5982" s="6" t="s">
        <v>6385</v>
      </c>
      <c r="B5982" s="6" t="e"/>
      <c r="C5982" s="6" t="s">
        <v>225</v>
      </c>
      <c r="D5982" s="6" t="s">
        <v>26</v>
      </c>
      <c r="E5982" s="6" t="e"/>
    </row>
    <row r="5983" ht="33" customHeight="true" s="1" customFormat="true" hidden="true" outlineLevel="3">
      <c r="A5983" s="6" t="s">
        <v>6386</v>
      </c>
      <c r="B5983" s="6" t="e"/>
      <c r="C5983" s="6" t="s">
        <v>167</v>
      </c>
      <c r="D5983" s="6" t="s">
        <v>26</v>
      </c>
      <c r="E5983" s="6" t="e"/>
    </row>
    <row r="5984" ht="33" customHeight="true" s="1" customFormat="true" hidden="true" outlineLevel="3">
      <c r="A5984" s="6" t="s">
        <v>6387</v>
      </c>
      <c r="B5984" s="6" t="e"/>
      <c r="C5984" s="6" t="s">
        <v>225</v>
      </c>
      <c r="D5984" s="6" t="s">
        <v>11</v>
      </c>
      <c r="E5984" s="6" t="e"/>
    </row>
    <row r="5985" ht="33" customHeight="true" s="1" customFormat="true" hidden="true" collapsed="true" outlineLevel="3">
      <c r="A5985" s="6" t="s">
        <v>6388</v>
      </c>
      <c r="B5985" s="6" t="e"/>
      <c r="C5985" s="6" t="s">
        <v>225</v>
      </c>
      <c r="D5985" s="6" t="s">
        <v>26</v>
      </c>
      <c r="E5985" s="6" t="e"/>
    </row>
    <row r="5986" ht="11" customHeight="true" s="1" customFormat="true" hidden="true" collapsed="true" outlineLevel="2">
      <c r="A5986" s="5" t="s">
        <v>6389</v>
      </c>
      <c r="B5986" s="5" t="e"/>
      <c r="C5986" s="5" t="e"/>
      <c r="D5986" s="5" t="e"/>
      <c r="E5986" s="5" t="e"/>
    </row>
    <row r="5987" ht="22" customHeight="true" s="1" customFormat="true" hidden="true" outlineLevel="3">
      <c r="A5987" s="6" t="s">
        <v>6390</v>
      </c>
      <c r="B5987" s="6" t="e"/>
      <c r="C5987" s="6" t="s">
        <v>242</v>
      </c>
      <c r="D5987" s="6" t="s">
        <v>26</v>
      </c>
      <c r="E5987" s="6" t="e"/>
    </row>
    <row r="5988" ht="22" customHeight="true" s="1" customFormat="true" hidden="true" outlineLevel="3">
      <c r="A5988" s="6" t="s">
        <v>6391</v>
      </c>
      <c r="B5988" s="6" t="e"/>
      <c r="C5988" s="6" t="s">
        <v>296</v>
      </c>
      <c r="D5988" s="6" t="s">
        <v>26</v>
      </c>
      <c r="E5988" s="6" t="e"/>
    </row>
    <row r="5989" ht="22" customHeight="true" s="1" customFormat="true" hidden="true" outlineLevel="3">
      <c r="A5989" s="6" t="s">
        <v>6392</v>
      </c>
      <c r="B5989" s="6" t="e"/>
      <c r="C5989" s="6" t="s">
        <v>574</v>
      </c>
      <c r="D5989" s="6" t="s">
        <v>11</v>
      </c>
      <c r="E5989" s="6" t="e"/>
    </row>
    <row r="5990" ht="22" customHeight="true" s="1" customFormat="true" hidden="true" outlineLevel="3">
      <c r="A5990" s="6" t="s">
        <v>6393</v>
      </c>
      <c r="B5990" s="6" t="e"/>
      <c r="C5990" s="6" t="s">
        <v>126</v>
      </c>
      <c r="D5990" s="6" t="s">
        <v>26</v>
      </c>
      <c r="E5990" s="6" t="e"/>
    </row>
    <row r="5991" ht="22" customHeight="true" s="1" customFormat="true" hidden="true" outlineLevel="3">
      <c r="A5991" s="6" t="s">
        <v>6394</v>
      </c>
      <c r="B5991" s="6" t="e"/>
      <c r="C5991" s="6" t="s">
        <v>126</v>
      </c>
      <c r="D5991" s="6" t="s">
        <v>26</v>
      </c>
      <c r="E5991" s="6" t="e"/>
    </row>
    <row r="5992" ht="22" customHeight="true" s="1" customFormat="true" hidden="true" outlineLevel="3">
      <c r="A5992" s="6" t="s">
        <v>6395</v>
      </c>
      <c r="B5992" s="6" t="e"/>
      <c r="C5992" s="6" t="s">
        <v>126</v>
      </c>
      <c r="D5992" s="6" t="s">
        <v>11</v>
      </c>
      <c r="E5992" s="6" t="e"/>
    </row>
    <row r="5993" ht="22" customHeight="true" s="1" customFormat="true" hidden="true" outlineLevel="3">
      <c r="A5993" s="6" t="s">
        <v>6396</v>
      </c>
      <c r="B5993" s="6" t="e"/>
      <c r="C5993" s="6" t="s">
        <v>167</v>
      </c>
      <c r="D5993" s="6" t="s">
        <v>26</v>
      </c>
      <c r="E5993" s="6" t="e"/>
    </row>
    <row r="5994" ht="44" customHeight="true" s="1" customFormat="true" hidden="true" outlineLevel="3">
      <c r="A5994" s="6" t="s">
        <v>6397</v>
      </c>
      <c r="B5994" s="6" t="e"/>
      <c r="C5994" s="6" t="s">
        <v>574</v>
      </c>
      <c r="D5994" s="6" t="s">
        <v>40</v>
      </c>
      <c r="E5994" s="6" t="e"/>
    </row>
    <row r="5995" ht="22" customHeight="true" s="1" customFormat="true" hidden="true" collapsed="true" outlineLevel="3">
      <c r="A5995" s="6" t="s">
        <v>6398</v>
      </c>
      <c r="B5995" s="6" t="e"/>
      <c r="C5995" s="6" t="s">
        <v>574</v>
      </c>
      <c r="D5995" s="6" t="s">
        <v>11</v>
      </c>
      <c r="E5995" s="6" t="e"/>
    </row>
    <row r="5996" ht="11" customHeight="true" s="1" customFormat="true" hidden="true" collapsed="true" outlineLevel="2">
      <c r="A5996" s="5" t="s">
        <v>6399</v>
      </c>
      <c r="B5996" s="5" t="e"/>
      <c r="C5996" s="5" t="e"/>
      <c r="D5996" s="5" t="e"/>
      <c r="E5996" s="5" t="e"/>
    </row>
    <row r="5997" ht="33" customHeight="true" s="1" customFormat="true" hidden="true" collapsed="true" outlineLevel="3">
      <c r="A5997" s="6" t="s">
        <v>6400</v>
      </c>
      <c r="B5997" s="6" t="e"/>
      <c r="C5997" s="6" t="s">
        <v>242</v>
      </c>
      <c r="D5997" s="6" t="s">
        <v>26</v>
      </c>
      <c r="E5997" s="6" t="e"/>
    </row>
    <row r="5998" ht="11" customHeight="true" s="1" customFormat="true" hidden="true" collapsed="true" outlineLevel="2">
      <c r="A5998" s="5" t="s">
        <v>6401</v>
      </c>
      <c r="B5998" s="5" t="e"/>
      <c r="C5998" s="5" t="e"/>
      <c r="D5998" s="5" t="e"/>
      <c r="E5998" s="5" t="e"/>
    </row>
    <row r="5999" ht="33" customHeight="true" s="1" customFormat="true" hidden="true" outlineLevel="3">
      <c r="A5999" s="6" t="s">
        <v>6402</v>
      </c>
      <c r="B5999" s="6" t="e"/>
      <c r="C5999" s="6" t="s">
        <v>225</v>
      </c>
      <c r="D5999" s="6" t="s">
        <v>40</v>
      </c>
      <c r="E5999" s="6" t="e"/>
    </row>
    <row r="6000" ht="22" customHeight="true" s="1" customFormat="true" hidden="true" outlineLevel="3">
      <c r="A6000" s="6" t="s">
        <v>6403</v>
      </c>
      <c r="B6000" s="6" t="e"/>
      <c r="C6000" s="6" t="s">
        <v>242</v>
      </c>
      <c r="D6000" s="6" t="s">
        <v>276</v>
      </c>
      <c r="E6000" s="6" t="e"/>
    </row>
    <row r="6001" ht="33" customHeight="true" s="1" customFormat="true" hidden="true" outlineLevel="3">
      <c r="A6001" s="6" t="s">
        <v>6404</v>
      </c>
      <c r="B6001" s="6" t="e"/>
      <c r="C6001" s="6" t="s">
        <v>167</v>
      </c>
      <c r="D6001" s="6" t="s">
        <v>11</v>
      </c>
      <c r="E6001" s="6" t="e"/>
    </row>
    <row r="6002" ht="33" customHeight="true" s="1" customFormat="true" hidden="true" outlineLevel="3">
      <c r="A6002" s="6" t="s">
        <v>6405</v>
      </c>
      <c r="B6002" s="6" t="e"/>
      <c r="C6002" s="6" t="s">
        <v>167</v>
      </c>
      <c r="D6002" s="6" t="s">
        <v>446</v>
      </c>
      <c r="E6002" s="6" t="e"/>
    </row>
    <row r="6003" ht="56" customHeight="true" s="1" customFormat="true" hidden="true" outlineLevel="3">
      <c r="A6003" s="6" t="s">
        <v>6406</v>
      </c>
      <c r="B6003" s="6" t="e"/>
      <c r="C6003" s="6" t="s">
        <v>242</v>
      </c>
      <c r="D6003" s="6" t="s">
        <v>184</v>
      </c>
      <c r="E6003" s="6" t="e"/>
    </row>
    <row r="6004" ht="44" customHeight="true" s="1" customFormat="true" hidden="true" outlineLevel="3">
      <c r="A6004" s="6" t="s">
        <v>6407</v>
      </c>
      <c r="B6004" s="6" t="e"/>
      <c r="C6004" s="6" t="s">
        <v>167</v>
      </c>
      <c r="D6004" s="6" t="s">
        <v>446</v>
      </c>
      <c r="E6004" s="6" t="e"/>
    </row>
    <row r="6005" ht="56" customHeight="true" s="1" customFormat="true" hidden="true" outlineLevel="3">
      <c r="A6005" s="6" t="s">
        <v>6408</v>
      </c>
      <c r="B6005" s="6" t="e"/>
      <c r="C6005" s="6" t="s">
        <v>242</v>
      </c>
      <c r="D6005" s="6" t="s">
        <v>100</v>
      </c>
      <c r="E6005" s="6" t="e"/>
    </row>
    <row r="6006" ht="44" customHeight="true" s="1" customFormat="true" hidden="true" outlineLevel="3">
      <c r="A6006" s="6" t="s">
        <v>6409</v>
      </c>
      <c r="B6006" s="6" t="e"/>
      <c r="C6006" s="6" t="s">
        <v>242</v>
      </c>
      <c r="D6006" s="6" t="s">
        <v>26</v>
      </c>
      <c r="E6006" s="6" t="e"/>
    </row>
    <row r="6007" ht="33" customHeight="true" s="1" customFormat="true" hidden="true" outlineLevel="3">
      <c r="A6007" s="6" t="s">
        <v>6410</v>
      </c>
      <c r="B6007" s="6" t="e"/>
      <c r="C6007" s="6" t="s">
        <v>225</v>
      </c>
      <c r="D6007" s="6" t="s">
        <v>11</v>
      </c>
      <c r="E6007" s="6" t="e"/>
    </row>
    <row r="6008" ht="67" customHeight="true" s="1" customFormat="true" hidden="true" outlineLevel="3">
      <c r="A6008" s="6" t="s">
        <v>6411</v>
      </c>
      <c r="B6008" s="6" t="e"/>
      <c r="C6008" s="6" t="s">
        <v>197</v>
      </c>
      <c r="D6008" s="6" t="s">
        <v>26</v>
      </c>
      <c r="E6008" s="6" t="e"/>
    </row>
    <row r="6009" ht="56" customHeight="true" s="1" customFormat="true" hidden="true" outlineLevel="3">
      <c r="A6009" s="6" t="s">
        <v>6412</v>
      </c>
      <c r="B6009" s="6" t="e"/>
      <c r="C6009" s="6" t="s">
        <v>197</v>
      </c>
      <c r="D6009" s="6" t="s">
        <v>26</v>
      </c>
      <c r="E6009" s="6" t="e"/>
    </row>
    <row r="6010" ht="22" customHeight="true" s="1" customFormat="true" hidden="true" outlineLevel="3">
      <c r="A6010" s="6" t="s">
        <v>6413</v>
      </c>
      <c r="B6010" s="6" t="e"/>
      <c r="C6010" s="6" t="s">
        <v>296</v>
      </c>
      <c r="D6010" s="6" t="s">
        <v>674</v>
      </c>
      <c r="E6010" s="6" t="e"/>
    </row>
    <row r="6011" ht="33" customHeight="true" s="1" customFormat="true" hidden="true" outlineLevel="3">
      <c r="A6011" s="6" t="s">
        <v>6414</v>
      </c>
      <c r="B6011" s="6" t="e"/>
      <c r="C6011" s="6" t="s">
        <v>574</v>
      </c>
      <c r="D6011" s="6" t="s">
        <v>15</v>
      </c>
      <c r="E6011" s="6" t="e"/>
    </row>
    <row r="6012" ht="33" customHeight="true" s="1" customFormat="true" hidden="true" outlineLevel="3">
      <c r="A6012" s="6" t="s">
        <v>6415</v>
      </c>
      <c r="B6012" s="6" t="e"/>
      <c r="C6012" s="6" t="s">
        <v>574</v>
      </c>
      <c r="D6012" s="6" t="s">
        <v>40</v>
      </c>
      <c r="E6012" s="6" t="e"/>
    </row>
    <row r="6013" ht="33" customHeight="true" s="1" customFormat="true" hidden="true" outlineLevel="3">
      <c r="A6013" s="6" t="s">
        <v>6416</v>
      </c>
      <c r="B6013" s="6" t="e"/>
      <c r="C6013" s="6" t="s">
        <v>296</v>
      </c>
      <c r="D6013" s="6" t="s">
        <v>123</v>
      </c>
      <c r="E6013" s="6" t="e"/>
    </row>
    <row r="6014" ht="11" customHeight="true" collapsed="true" outlineLevel="1">
      <c r="A6014" s="5" t="s">
        <v>6417</v>
      </c>
      <c r="B6014" s="5" t="e"/>
      <c r="C6014" s="5" t="e"/>
      <c r="D6014" s="5" t="e"/>
      <c r="E6014" s="5" t="e"/>
    </row>
    <row r="6015" ht="11" customHeight="true" s="1" customFormat="true" hidden="true" collapsed="true" outlineLevel="2">
      <c r="A6015" s="5" t="s">
        <v>6418</v>
      </c>
      <c r="B6015" s="5" t="e"/>
      <c r="C6015" s="5" t="e"/>
      <c r="D6015" s="5" t="e"/>
      <c r="E6015" s="5" t="e"/>
    </row>
    <row r="6016" ht="11" customHeight="true" s="1" customFormat="true" hidden="true" outlineLevel="3">
      <c r="A6016" s="6" t="s">
        <v>6419</v>
      </c>
      <c r="B6016" s="6" t="e"/>
      <c r="C6016" s="6" t="s">
        <v>242</v>
      </c>
      <c r="D6016" s="6" t="s">
        <v>40</v>
      </c>
      <c r="E6016" s="6" t="e"/>
    </row>
    <row r="6017" ht="22" customHeight="true" s="1" customFormat="true" hidden="true" outlineLevel="3">
      <c r="A6017" s="6" t="s">
        <v>6420</v>
      </c>
      <c r="B6017" s="6" t="e"/>
      <c r="C6017" s="6" t="s">
        <v>242</v>
      </c>
      <c r="D6017" s="6" t="s">
        <v>11</v>
      </c>
      <c r="E6017" s="6" t="e"/>
    </row>
    <row r="6018" ht="22" customHeight="true" s="1" customFormat="true" hidden="true" outlineLevel="3">
      <c r="A6018" s="6" t="s">
        <v>6421</v>
      </c>
      <c r="B6018" s="6" t="e"/>
      <c r="C6018" s="6" t="s">
        <v>350</v>
      </c>
      <c r="D6018" s="6" t="s">
        <v>40</v>
      </c>
      <c r="E6018" s="6" t="e"/>
    </row>
    <row r="6019" ht="33" customHeight="true" s="1" customFormat="true" hidden="true" outlineLevel="3">
      <c r="A6019" s="6" t="s">
        <v>6422</v>
      </c>
      <c r="B6019" s="6" t="e"/>
      <c r="C6019" s="6" t="s">
        <v>242</v>
      </c>
      <c r="D6019" s="6" t="s">
        <v>15</v>
      </c>
      <c r="E6019" s="6" t="e"/>
    </row>
    <row r="6020" ht="33" customHeight="true" s="1" customFormat="true" hidden="true" outlineLevel="3">
      <c r="A6020" s="6" t="s">
        <v>6423</v>
      </c>
      <c r="B6020" s="6" t="e"/>
      <c r="C6020" s="6" t="s">
        <v>242</v>
      </c>
      <c r="D6020" s="6" t="s">
        <v>15</v>
      </c>
      <c r="E6020" s="6" t="e"/>
    </row>
    <row r="6021" ht="33" customHeight="true" s="1" customFormat="true" hidden="true" outlineLevel="3">
      <c r="A6021" s="6" t="s">
        <v>6424</v>
      </c>
      <c r="B6021" s="6" t="e"/>
      <c r="C6021" s="6" t="s">
        <v>242</v>
      </c>
      <c r="D6021" s="6" t="s">
        <v>26</v>
      </c>
      <c r="E6021" s="6" t="e"/>
    </row>
    <row r="6022" ht="33" customHeight="true" s="1" customFormat="true" hidden="true" outlineLevel="3">
      <c r="A6022" s="6" t="s">
        <v>6425</v>
      </c>
      <c r="B6022" s="6" t="e"/>
      <c r="C6022" s="6" t="s">
        <v>242</v>
      </c>
      <c r="D6022" s="6" t="s">
        <v>15</v>
      </c>
      <c r="E6022" s="6" t="e"/>
    </row>
    <row r="6023" ht="33" customHeight="true" s="1" customFormat="true" hidden="true" outlineLevel="3">
      <c r="A6023" s="6" t="s">
        <v>6426</v>
      </c>
      <c r="B6023" s="6" t="e"/>
      <c r="C6023" s="6" t="s">
        <v>302</v>
      </c>
      <c r="D6023" s="6" t="s">
        <v>15</v>
      </c>
      <c r="E6023" s="6" t="e"/>
    </row>
    <row r="6024" ht="33" customHeight="true" s="1" customFormat="true" hidden="true" outlineLevel="3">
      <c r="A6024" s="6" t="s">
        <v>6427</v>
      </c>
      <c r="B6024" s="6" t="e"/>
      <c r="C6024" s="6" t="s">
        <v>302</v>
      </c>
      <c r="D6024" s="6" t="s">
        <v>40</v>
      </c>
      <c r="E6024" s="6" t="e"/>
    </row>
    <row r="6025" ht="33" customHeight="true" s="1" customFormat="true" hidden="true" outlineLevel="3">
      <c r="A6025" s="6" t="s">
        <v>6428</v>
      </c>
      <c r="B6025" s="6" t="e"/>
      <c r="C6025" s="6" t="s">
        <v>188</v>
      </c>
      <c r="D6025" s="6" t="s">
        <v>11</v>
      </c>
      <c r="E6025" s="6" t="e"/>
    </row>
    <row r="6026" ht="33" customHeight="true" s="1" customFormat="true" hidden="true" outlineLevel="3">
      <c r="A6026" s="6" t="s">
        <v>6429</v>
      </c>
      <c r="B6026" s="6" t="e"/>
      <c r="C6026" s="6" t="s">
        <v>126</v>
      </c>
      <c r="D6026" s="6" t="s">
        <v>26</v>
      </c>
      <c r="E6026" s="6" t="e"/>
    </row>
    <row r="6027" ht="33" customHeight="true" s="1" customFormat="true" hidden="true" outlineLevel="3">
      <c r="A6027" s="6" t="s">
        <v>6430</v>
      </c>
      <c r="B6027" s="6" t="e"/>
      <c r="C6027" s="6" t="s">
        <v>149</v>
      </c>
      <c r="D6027" s="6" t="s">
        <v>26</v>
      </c>
      <c r="E6027" s="6" t="e"/>
    </row>
    <row r="6028" ht="44" customHeight="true" s="1" customFormat="true" hidden="true" outlineLevel="3">
      <c r="A6028" s="6" t="s">
        <v>6431</v>
      </c>
      <c r="B6028" s="6" t="e"/>
      <c r="C6028" s="6" t="s">
        <v>103</v>
      </c>
      <c r="D6028" s="6" t="s">
        <v>11</v>
      </c>
      <c r="E6028" s="6" t="e"/>
    </row>
    <row r="6029" ht="44" customHeight="true" s="1" customFormat="true" hidden="true" outlineLevel="3">
      <c r="A6029" s="6" t="s">
        <v>6432</v>
      </c>
      <c r="B6029" s="6" t="e"/>
      <c r="C6029" s="6" t="s">
        <v>155</v>
      </c>
      <c r="D6029" s="6" t="s">
        <v>26</v>
      </c>
      <c r="E6029" s="6" t="e"/>
    </row>
    <row r="6030" ht="33" customHeight="true" s="1" customFormat="true" hidden="true" outlineLevel="3">
      <c r="A6030" s="6" t="s">
        <v>6433</v>
      </c>
      <c r="B6030" s="6" t="e"/>
      <c r="C6030" s="6" t="s">
        <v>149</v>
      </c>
      <c r="D6030" s="6" t="s">
        <v>26</v>
      </c>
      <c r="E6030" s="6" t="e"/>
    </row>
    <row r="6031" ht="44" customHeight="true" s="1" customFormat="true" hidden="true" outlineLevel="3">
      <c r="A6031" s="6" t="s">
        <v>6434</v>
      </c>
      <c r="B6031" s="6" t="e"/>
      <c r="C6031" s="6" t="s">
        <v>149</v>
      </c>
      <c r="D6031" s="6" t="s">
        <v>26</v>
      </c>
      <c r="E6031" s="6" t="e"/>
    </row>
    <row r="6032" ht="33" customHeight="true" s="1" customFormat="true" hidden="true" outlineLevel="3">
      <c r="A6032" s="6" t="s">
        <v>6435</v>
      </c>
      <c r="B6032" s="6" t="e"/>
      <c r="C6032" s="6" t="s">
        <v>149</v>
      </c>
      <c r="D6032" s="6" t="s">
        <v>26</v>
      </c>
      <c r="E6032" s="6" t="e"/>
    </row>
    <row r="6033" ht="44" customHeight="true" s="1" customFormat="true" hidden="true" outlineLevel="3">
      <c r="A6033" s="6" t="s">
        <v>6436</v>
      </c>
      <c r="B6033" s="6" t="e"/>
      <c r="C6033" s="6" t="s">
        <v>141</v>
      </c>
      <c r="D6033" s="6" t="s">
        <v>11</v>
      </c>
      <c r="E6033" s="6" t="e"/>
    </row>
    <row r="6034" ht="44" customHeight="true" s="1" customFormat="true" hidden="true" outlineLevel="3">
      <c r="A6034" s="6" t="s">
        <v>6437</v>
      </c>
      <c r="B6034" s="6" t="e"/>
      <c r="C6034" s="6" t="s">
        <v>141</v>
      </c>
      <c r="D6034" s="6" t="s">
        <v>26</v>
      </c>
      <c r="E6034" s="6" t="e"/>
    </row>
    <row r="6035" ht="44" customHeight="true" s="1" customFormat="true" hidden="true" outlineLevel="3">
      <c r="A6035" s="6" t="s">
        <v>6438</v>
      </c>
      <c r="B6035" s="6" t="e"/>
      <c r="C6035" s="6" t="s">
        <v>242</v>
      </c>
      <c r="D6035" s="6" t="s">
        <v>11</v>
      </c>
      <c r="E6035" s="6" t="e"/>
    </row>
    <row r="6036" ht="44" customHeight="true" s="1" customFormat="true" hidden="true" outlineLevel="3">
      <c r="A6036" s="6" t="s">
        <v>6439</v>
      </c>
      <c r="B6036" s="6" t="e"/>
      <c r="C6036" s="6" t="s">
        <v>141</v>
      </c>
      <c r="D6036" s="6" t="s">
        <v>26</v>
      </c>
      <c r="E6036" s="6" t="e"/>
    </row>
    <row r="6037" ht="44" customHeight="true" s="1" customFormat="true" hidden="true" outlineLevel="3">
      <c r="A6037" s="6" t="s">
        <v>6440</v>
      </c>
      <c r="B6037" s="6" t="e"/>
      <c r="C6037" s="6" t="s">
        <v>141</v>
      </c>
      <c r="D6037" s="6" t="s">
        <v>26</v>
      </c>
      <c r="E6037" s="6" t="e"/>
    </row>
    <row r="6038" ht="44" customHeight="true" s="1" customFormat="true" hidden="true" outlineLevel="3">
      <c r="A6038" s="6" t="s">
        <v>6441</v>
      </c>
      <c r="B6038" s="6" t="e"/>
      <c r="C6038" s="6" t="s">
        <v>141</v>
      </c>
      <c r="D6038" s="6" t="s">
        <v>40</v>
      </c>
      <c r="E6038" s="6" t="e"/>
    </row>
    <row r="6039" ht="44" customHeight="true" s="1" customFormat="true" hidden="true" outlineLevel="3">
      <c r="A6039" s="6" t="s">
        <v>6442</v>
      </c>
      <c r="B6039" s="6" t="e"/>
      <c r="C6039" s="6" t="s">
        <v>225</v>
      </c>
      <c r="D6039" s="6" t="s">
        <v>11</v>
      </c>
      <c r="E6039" s="6" t="e"/>
    </row>
    <row r="6040" ht="44" customHeight="true" s="1" customFormat="true" hidden="true" outlineLevel="3">
      <c r="A6040" s="6" t="s">
        <v>6443</v>
      </c>
      <c r="B6040" s="6" t="e"/>
      <c r="C6040" s="6" t="s">
        <v>141</v>
      </c>
      <c r="D6040" s="6" t="s">
        <v>11</v>
      </c>
      <c r="E6040" s="6" t="e"/>
    </row>
    <row r="6041" ht="44" customHeight="true" s="1" customFormat="true" hidden="true" outlineLevel="3">
      <c r="A6041" s="6" t="s">
        <v>6444</v>
      </c>
      <c r="B6041" s="6" t="e"/>
      <c r="C6041" s="6" t="s">
        <v>141</v>
      </c>
      <c r="D6041" s="6" t="s">
        <v>26</v>
      </c>
      <c r="E6041" s="6" t="e"/>
    </row>
    <row r="6042" ht="11" customHeight="true" collapsed="true" outlineLevel="1">
      <c r="A6042" s="5" t="s">
        <v>6445</v>
      </c>
      <c r="B6042" s="5" t="e"/>
      <c r="C6042" s="5" t="e"/>
      <c r="D6042" s="5" t="e"/>
      <c r="E6042" s="5" t="e"/>
    </row>
    <row r="6043" ht="22" customHeight="true" s="1" customFormat="true" hidden="true" outlineLevel="2">
      <c r="A6043" s="6" t="s">
        <v>6446</v>
      </c>
      <c r="B6043" s="6" t="e"/>
      <c r="C6043" s="6" t="s">
        <v>1700</v>
      </c>
      <c r="D6043" s="6" t="s">
        <v>11</v>
      </c>
      <c r="E6043" s="6" t="e"/>
    </row>
    <row r="6044" ht="11" customHeight="true" collapsed="true" outlineLevel="1">
      <c r="A6044" s="5" t="s">
        <v>6447</v>
      </c>
      <c r="B6044" s="5" t="e"/>
      <c r="C6044" s="5" t="e"/>
      <c r="D6044" s="5" t="e"/>
      <c r="E6044" s="5" t="e"/>
    </row>
    <row r="6045" ht="11" customHeight="true" s="1" customFormat="true" hidden="true" collapsed="true" outlineLevel="2">
      <c r="A6045" s="5" t="s">
        <v>6448</v>
      </c>
      <c r="B6045" s="5" t="e"/>
      <c r="C6045" s="5" t="e"/>
      <c r="D6045" s="5" t="e"/>
      <c r="E6045" s="5" t="e"/>
    </row>
    <row r="6046" ht="33" customHeight="true" s="1" customFormat="true" hidden="true" outlineLevel="3">
      <c r="A6046" s="6" t="s">
        <v>6449</v>
      </c>
      <c r="B6046" s="6" t="e"/>
      <c r="C6046" s="6" t="s">
        <v>302</v>
      </c>
      <c r="D6046" s="6" t="s">
        <v>40</v>
      </c>
      <c r="E6046" s="6" t="e"/>
    </row>
    <row r="6047" ht="33" customHeight="true" s="1" customFormat="true" hidden="true" outlineLevel="3">
      <c r="A6047" s="6" t="s">
        <v>6450</v>
      </c>
      <c r="B6047" s="6" t="e"/>
      <c r="C6047" s="6" t="s">
        <v>302</v>
      </c>
      <c r="D6047" s="6" t="s">
        <v>40</v>
      </c>
      <c r="E6047" s="6" t="e"/>
    </row>
    <row r="6048" ht="33" customHeight="true" s="1" customFormat="true" hidden="true" outlineLevel="3">
      <c r="A6048" s="6" t="s">
        <v>6451</v>
      </c>
      <c r="B6048" s="6" t="e"/>
      <c r="C6048" s="6" t="s">
        <v>167</v>
      </c>
      <c r="D6048" s="6" t="s">
        <v>11</v>
      </c>
      <c r="E6048" s="6" t="e"/>
    </row>
    <row r="6049" ht="33" customHeight="true" s="1" customFormat="true" hidden="true" outlineLevel="3">
      <c r="A6049" s="6" t="s">
        <v>6452</v>
      </c>
      <c r="B6049" s="6" t="e"/>
      <c r="C6049" s="6" t="s">
        <v>296</v>
      </c>
      <c r="D6049" s="6" t="s">
        <v>40</v>
      </c>
      <c r="E6049" s="6" t="e"/>
    </row>
    <row r="6050" ht="33" customHeight="true" s="1" customFormat="true" hidden="true" outlineLevel="3">
      <c r="A6050" s="6" t="s">
        <v>6453</v>
      </c>
      <c r="B6050" s="6" t="e"/>
      <c r="C6050" s="6" t="s">
        <v>296</v>
      </c>
      <c r="D6050" s="6" t="s">
        <v>11</v>
      </c>
      <c r="E6050" s="6" t="e"/>
    </row>
    <row r="6051" ht="33" customHeight="true" s="1" customFormat="true" hidden="true" outlineLevel="3">
      <c r="A6051" s="6" t="s">
        <v>6454</v>
      </c>
      <c r="B6051" s="6" t="e"/>
      <c r="C6051" s="6" t="s">
        <v>296</v>
      </c>
      <c r="D6051" s="6" t="s">
        <v>11</v>
      </c>
      <c r="E6051" s="6" t="e"/>
    </row>
    <row r="6052" ht="33" customHeight="true" s="1" customFormat="true" hidden="true" outlineLevel="3">
      <c r="A6052" s="6" t="s">
        <v>6455</v>
      </c>
      <c r="B6052" s="6" t="e"/>
      <c r="C6052" s="6" t="s">
        <v>167</v>
      </c>
      <c r="D6052" s="6" t="s">
        <v>15</v>
      </c>
      <c r="E6052" s="6" t="e"/>
    </row>
    <row r="6053" ht="33" customHeight="true" s="1" customFormat="true" hidden="true" outlineLevel="3">
      <c r="A6053" s="6" t="s">
        <v>6456</v>
      </c>
      <c r="B6053" s="6" t="e"/>
      <c r="C6053" s="6" t="s">
        <v>296</v>
      </c>
      <c r="D6053" s="6" t="s">
        <v>11</v>
      </c>
      <c r="E6053" s="6" t="e"/>
    </row>
    <row r="6054" ht="33" customHeight="true" s="1" customFormat="true" hidden="true" outlineLevel="3">
      <c r="A6054" s="6" t="s">
        <v>6457</v>
      </c>
      <c r="B6054" s="6" t="e"/>
      <c r="C6054" s="6" t="s">
        <v>242</v>
      </c>
      <c r="D6054" s="6" t="s">
        <v>40</v>
      </c>
      <c r="E6054" s="6" t="e"/>
    </row>
    <row r="6055" ht="33" customHeight="true" s="1" customFormat="true" hidden="true" outlineLevel="3">
      <c r="A6055" s="6" t="s">
        <v>6458</v>
      </c>
      <c r="B6055" s="6" t="e"/>
      <c r="C6055" s="6" t="s">
        <v>296</v>
      </c>
      <c r="D6055" s="6" t="s">
        <v>11</v>
      </c>
      <c r="E6055" s="6" t="e"/>
    </row>
    <row r="6056" ht="33" customHeight="true" s="1" customFormat="true" hidden="true" outlineLevel="3">
      <c r="A6056" s="6" t="s">
        <v>6459</v>
      </c>
      <c r="B6056" s="6" t="e"/>
      <c r="C6056" s="6" t="s">
        <v>296</v>
      </c>
      <c r="D6056" s="6" t="s">
        <v>15</v>
      </c>
      <c r="E6056" s="6" t="e"/>
    </row>
    <row r="6057" ht="33" customHeight="true" s="1" customFormat="true" hidden="true" outlineLevel="3">
      <c r="A6057" s="6" t="s">
        <v>6460</v>
      </c>
      <c r="B6057" s="6" t="e"/>
      <c r="C6057" s="6" t="s">
        <v>296</v>
      </c>
      <c r="D6057" s="6" t="s">
        <v>40</v>
      </c>
      <c r="E6057" s="6" t="e"/>
    </row>
    <row r="6058" ht="33" customHeight="true" s="1" customFormat="true" hidden="true" outlineLevel="3">
      <c r="A6058" s="6" t="s">
        <v>6461</v>
      </c>
      <c r="B6058" s="6" t="e"/>
      <c r="C6058" s="6" t="s">
        <v>296</v>
      </c>
      <c r="D6058" s="6" t="s">
        <v>11</v>
      </c>
      <c r="E6058" s="6" t="e"/>
    </row>
    <row r="6059" ht="33" customHeight="true" s="1" customFormat="true" hidden="true" outlineLevel="3">
      <c r="A6059" s="6" t="s">
        <v>6462</v>
      </c>
      <c r="B6059" s="6" t="e"/>
      <c r="C6059" s="6" t="s">
        <v>302</v>
      </c>
      <c r="D6059" s="6" t="s">
        <v>11</v>
      </c>
      <c r="E6059" s="6" t="e"/>
    </row>
    <row r="6060" ht="33" customHeight="true" s="1" customFormat="true" hidden="true" outlineLevel="3">
      <c r="A6060" s="6" t="s">
        <v>6463</v>
      </c>
      <c r="B6060" s="6" t="e"/>
      <c r="C6060" s="6" t="s">
        <v>167</v>
      </c>
      <c r="D6060" s="6" t="s">
        <v>6464</v>
      </c>
      <c r="E6060" s="6" t="e"/>
    </row>
    <row r="6061" ht="22" customHeight="true" s="1" customFormat="true" hidden="true" outlineLevel="3">
      <c r="A6061" s="6" t="s">
        <v>6465</v>
      </c>
      <c r="B6061" s="6" t="e"/>
      <c r="C6061" s="6" t="s">
        <v>167</v>
      </c>
      <c r="D6061" s="6" t="s">
        <v>57</v>
      </c>
      <c r="E6061" s="6" t="e"/>
    </row>
    <row r="6062" ht="33" customHeight="true" s="1" customFormat="true" hidden="true" outlineLevel="3">
      <c r="A6062" s="6" t="s">
        <v>6466</v>
      </c>
      <c r="B6062" s="6" t="e"/>
      <c r="C6062" s="6" t="s">
        <v>167</v>
      </c>
      <c r="D6062" s="6" t="s">
        <v>400</v>
      </c>
      <c r="E6062" s="6" t="e"/>
    </row>
    <row r="6063" ht="33" customHeight="true" s="1" customFormat="true" hidden="true" outlineLevel="3">
      <c r="A6063" s="6" t="s">
        <v>6467</v>
      </c>
      <c r="B6063" s="6" t="e"/>
      <c r="C6063" s="6" t="s">
        <v>167</v>
      </c>
      <c r="D6063" s="6" t="s">
        <v>644</v>
      </c>
      <c r="E6063" s="6" t="e"/>
    </row>
    <row r="6064" ht="44" customHeight="true" s="1" customFormat="true" hidden="true" outlineLevel="3">
      <c r="A6064" s="6" t="s">
        <v>6468</v>
      </c>
      <c r="B6064" s="6" t="e"/>
      <c r="C6064" s="6" t="s">
        <v>574</v>
      </c>
      <c r="D6064" s="6" t="s">
        <v>26</v>
      </c>
      <c r="E6064" s="6" t="e"/>
    </row>
    <row r="6065" ht="56" customHeight="true" s="1" customFormat="true" hidden="true" outlineLevel="3">
      <c r="A6065" s="6" t="s">
        <v>6469</v>
      </c>
      <c r="B6065" s="6" t="e"/>
      <c r="C6065" s="6" t="s">
        <v>126</v>
      </c>
      <c r="D6065" s="6" t="s">
        <v>11</v>
      </c>
      <c r="E6065" s="6" t="e"/>
    </row>
    <row r="6066" ht="22" customHeight="true" s="1" customFormat="true" hidden="true" outlineLevel="3">
      <c r="A6066" s="6" t="s">
        <v>6470</v>
      </c>
      <c r="B6066" s="6" t="e"/>
      <c r="C6066" s="6" t="s">
        <v>574</v>
      </c>
      <c r="D6066" s="6" t="s">
        <v>26</v>
      </c>
      <c r="E6066" s="6" t="e"/>
    </row>
    <row r="6067" ht="22" customHeight="true" s="1" customFormat="true" hidden="true" outlineLevel="3">
      <c r="A6067" s="6" t="s">
        <v>6471</v>
      </c>
      <c r="B6067" s="6" t="e"/>
      <c r="C6067" s="6" t="s">
        <v>574</v>
      </c>
      <c r="D6067" s="6" t="s">
        <v>57</v>
      </c>
      <c r="E6067" s="6" t="e"/>
    </row>
    <row r="6068" ht="22" customHeight="true" s="1" customFormat="true" hidden="true" outlineLevel="3">
      <c r="A6068" s="6" t="s">
        <v>6472</v>
      </c>
      <c r="B6068" s="6" t="e"/>
      <c r="C6068" s="6" t="s">
        <v>574</v>
      </c>
      <c r="D6068" s="6" t="s">
        <v>26</v>
      </c>
      <c r="E6068" s="6" t="e"/>
    </row>
    <row r="6069" ht="11" customHeight="true" collapsed="true" outlineLevel="1">
      <c r="A6069" s="5" t="s">
        <v>6473</v>
      </c>
      <c r="B6069" s="5" t="e"/>
      <c r="C6069" s="5" t="e"/>
      <c r="D6069" s="5" t="e"/>
      <c r="E6069" s="5" t="e"/>
    </row>
    <row r="6070" ht="11" customHeight="true" s="1" customFormat="true" hidden="true" collapsed="true" outlineLevel="2">
      <c r="A6070" s="5" t="s">
        <v>6474</v>
      </c>
      <c r="B6070" s="5" t="e"/>
      <c r="C6070" s="5" t="e"/>
      <c r="D6070" s="5" t="e"/>
      <c r="E6070" s="5" t="e"/>
    </row>
    <row r="6071" ht="22" customHeight="true" s="1" customFormat="true" hidden="true" outlineLevel="3">
      <c r="A6071" s="6" t="s">
        <v>6475</v>
      </c>
      <c r="B6071" s="6" t="e"/>
      <c r="C6071" s="6" t="s">
        <v>574</v>
      </c>
      <c r="D6071" s="6" t="s">
        <v>26</v>
      </c>
      <c r="E6071" s="6" t="e"/>
    </row>
    <row r="6072" ht="22" customHeight="true" s="1" customFormat="true" hidden="true" outlineLevel="3">
      <c r="A6072" s="6" t="s">
        <v>6476</v>
      </c>
      <c r="B6072" s="6" t="e"/>
      <c r="C6072" s="6" t="s">
        <v>574</v>
      </c>
      <c r="D6072" s="6" t="s">
        <v>15</v>
      </c>
      <c r="E6072" s="6" t="e"/>
    </row>
    <row r="6073" ht="22" customHeight="true" s="1" customFormat="true" hidden="true" outlineLevel="3">
      <c r="A6073" s="6" t="s">
        <v>6477</v>
      </c>
      <c r="B6073" s="6" t="e"/>
      <c r="C6073" s="6" t="s">
        <v>574</v>
      </c>
      <c r="D6073" s="6" t="s">
        <v>15</v>
      </c>
      <c r="E6073" s="6" t="e"/>
    </row>
    <row r="6074" ht="22" customHeight="true" s="1" customFormat="true" hidden="true" outlineLevel="3">
      <c r="A6074" s="6" t="s">
        <v>6478</v>
      </c>
      <c r="B6074" s="6" t="e"/>
      <c r="C6074" s="6" t="s">
        <v>574</v>
      </c>
      <c r="D6074" s="6" t="s">
        <v>15</v>
      </c>
      <c r="E6074" s="6" t="e"/>
    </row>
    <row r="6075" ht="22" customHeight="true" s="1" customFormat="true" hidden="true" outlineLevel="3">
      <c r="A6075" s="6" t="s">
        <v>6479</v>
      </c>
      <c r="B6075" s="6" t="e"/>
      <c r="C6075" s="6" t="s">
        <v>574</v>
      </c>
      <c r="D6075" s="6" t="s">
        <v>11</v>
      </c>
      <c r="E6075" s="6" t="e"/>
    </row>
    <row r="6076" ht="22" customHeight="true" s="1" customFormat="true" hidden="true" outlineLevel="3">
      <c r="A6076" s="6" t="s">
        <v>6480</v>
      </c>
      <c r="B6076" s="6" t="e"/>
      <c r="C6076" s="6" t="s">
        <v>574</v>
      </c>
      <c r="D6076" s="6" t="s">
        <v>15</v>
      </c>
      <c r="E6076" s="6" t="e"/>
    </row>
    <row r="6077" ht="22" customHeight="true" s="1" customFormat="true" hidden="true" outlineLevel="3">
      <c r="A6077" s="6" t="s">
        <v>6481</v>
      </c>
      <c r="B6077" s="6" t="e"/>
      <c r="C6077" s="6" t="s">
        <v>167</v>
      </c>
      <c r="D6077" s="6" t="s">
        <v>15</v>
      </c>
      <c r="E6077" s="6" t="e"/>
    </row>
    <row r="6078" ht="33" customHeight="true" s="1" customFormat="true" hidden="true" outlineLevel="3">
      <c r="A6078" s="6" t="s">
        <v>6482</v>
      </c>
      <c r="B6078" s="6" t="e"/>
      <c r="C6078" s="6" t="s">
        <v>574</v>
      </c>
      <c r="D6078" s="6" t="s">
        <v>15</v>
      </c>
      <c r="E6078" s="6" t="e"/>
    </row>
    <row r="6079" ht="22" customHeight="true" s="1" customFormat="true" hidden="true" outlineLevel="3">
      <c r="A6079" s="6" t="s">
        <v>6483</v>
      </c>
      <c r="B6079" s="6" t="e"/>
      <c r="C6079" s="6" t="s">
        <v>574</v>
      </c>
      <c r="D6079" s="6" t="s">
        <v>11</v>
      </c>
      <c r="E6079" s="6" t="e"/>
    </row>
    <row r="6080" ht="22" customHeight="true" s="1" customFormat="true" hidden="true" outlineLevel="3">
      <c r="A6080" s="6" t="s">
        <v>6484</v>
      </c>
      <c r="B6080" s="6" t="e"/>
      <c r="C6080" s="6" t="s">
        <v>167</v>
      </c>
      <c r="D6080" s="6" t="s">
        <v>15</v>
      </c>
      <c r="E6080" s="6" t="e"/>
    </row>
    <row r="6081" ht="22" customHeight="true" s="1" customFormat="true" hidden="true" outlineLevel="3">
      <c r="A6081" s="6" t="s">
        <v>6485</v>
      </c>
      <c r="B6081" s="6" t="e"/>
      <c r="C6081" s="6" t="s">
        <v>574</v>
      </c>
      <c r="D6081" s="6" t="s">
        <v>40</v>
      </c>
      <c r="E6081" s="6" t="e"/>
    </row>
    <row r="6082" ht="22" customHeight="true" s="1" customFormat="true" hidden="true" outlineLevel="3">
      <c r="A6082" s="6" t="s">
        <v>6486</v>
      </c>
      <c r="B6082" s="6" t="e"/>
      <c r="C6082" s="6" t="s">
        <v>167</v>
      </c>
      <c r="D6082" s="6" t="s">
        <v>15</v>
      </c>
      <c r="E6082" s="6" t="e"/>
    </row>
    <row r="6083" ht="33" customHeight="true" s="1" customFormat="true" hidden="true" outlineLevel="3">
      <c r="A6083" s="6" t="s">
        <v>6487</v>
      </c>
      <c r="B6083" s="6" t="e"/>
      <c r="C6083" s="6" t="s">
        <v>574</v>
      </c>
      <c r="D6083" s="6" t="s">
        <v>40</v>
      </c>
      <c r="E6083" s="6" t="e"/>
    </row>
    <row r="6084" ht="33" customHeight="true" s="1" customFormat="true" hidden="true" outlineLevel="3">
      <c r="A6084" s="6" t="s">
        <v>6488</v>
      </c>
      <c r="B6084" s="6" t="e"/>
      <c r="C6084" s="6" t="s">
        <v>574</v>
      </c>
      <c r="D6084" s="6" t="s">
        <v>15</v>
      </c>
      <c r="E6084" s="6" t="e"/>
    </row>
    <row r="6085" ht="33" customHeight="true" s="1" customFormat="true" hidden="true" outlineLevel="3">
      <c r="A6085" s="6" t="s">
        <v>6489</v>
      </c>
      <c r="B6085" s="6" t="e"/>
      <c r="C6085" s="6" t="s">
        <v>574</v>
      </c>
      <c r="D6085" s="6" t="s">
        <v>15</v>
      </c>
      <c r="E6085" s="6" t="e"/>
    </row>
    <row r="6086" ht="22" customHeight="true" s="1" customFormat="true" hidden="true" outlineLevel="3">
      <c r="A6086" s="6" t="s">
        <v>6490</v>
      </c>
      <c r="B6086" s="6" t="e"/>
      <c r="C6086" s="6" t="s">
        <v>225</v>
      </c>
      <c r="D6086" s="6" t="s">
        <v>26</v>
      </c>
      <c r="E6086" s="6" t="e"/>
    </row>
    <row r="6087" ht="44" customHeight="true" s="1" customFormat="true" hidden="true" outlineLevel="3">
      <c r="A6087" s="6" t="s">
        <v>6491</v>
      </c>
      <c r="B6087" s="6" t="e"/>
      <c r="C6087" s="6" t="s">
        <v>225</v>
      </c>
      <c r="D6087" s="6" t="s">
        <v>15</v>
      </c>
      <c r="E6087" s="6" t="e"/>
    </row>
    <row r="6088" ht="44" customHeight="true" s="1" customFormat="true" hidden="true" outlineLevel="3">
      <c r="A6088" s="6" t="s">
        <v>6492</v>
      </c>
      <c r="B6088" s="6" t="e"/>
      <c r="C6088" s="6" t="s">
        <v>136</v>
      </c>
      <c r="D6088" s="6" t="s">
        <v>26</v>
      </c>
      <c r="E6088" s="6" t="e"/>
    </row>
    <row r="6089" ht="44" customHeight="true" s="1" customFormat="true" hidden="true" outlineLevel="3">
      <c r="A6089" s="6" t="s">
        <v>6493</v>
      </c>
      <c r="B6089" s="6" t="e"/>
      <c r="C6089" s="6" t="s">
        <v>136</v>
      </c>
      <c r="D6089" s="6" t="s">
        <v>26</v>
      </c>
      <c r="E6089" s="6" t="e"/>
    </row>
    <row r="6090" ht="44" customHeight="true" s="1" customFormat="true" hidden="true" outlineLevel="3">
      <c r="A6090" s="6" t="s">
        <v>6494</v>
      </c>
      <c r="B6090" s="6" t="e"/>
      <c r="C6090" s="6" t="s">
        <v>225</v>
      </c>
      <c r="D6090" s="6" t="s">
        <v>11</v>
      </c>
      <c r="E6090" s="6" t="e"/>
    </row>
    <row r="6091" ht="44" customHeight="true" s="1" customFormat="true" hidden="true" outlineLevel="3">
      <c r="A6091" s="6" t="s">
        <v>6495</v>
      </c>
      <c r="B6091" s="6" t="e"/>
      <c r="C6091" s="6" t="s">
        <v>225</v>
      </c>
      <c r="D6091" s="6" t="s">
        <v>40</v>
      </c>
      <c r="E6091" s="6" t="e"/>
    </row>
    <row r="6092" ht="44" customHeight="true" s="1" customFormat="true" hidden="true" outlineLevel="3">
      <c r="A6092" s="6" t="s">
        <v>6496</v>
      </c>
      <c r="B6092" s="6" t="e"/>
      <c r="C6092" s="6" t="s">
        <v>136</v>
      </c>
      <c r="D6092" s="6" t="s">
        <v>11</v>
      </c>
      <c r="E6092" s="6" t="e"/>
    </row>
    <row r="6093" ht="44" customHeight="true" s="1" customFormat="true" hidden="true" outlineLevel="3">
      <c r="A6093" s="6" t="s">
        <v>6497</v>
      </c>
      <c r="B6093" s="6" t="e"/>
      <c r="C6093" s="6" t="s">
        <v>136</v>
      </c>
      <c r="D6093" s="6" t="s">
        <v>26</v>
      </c>
      <c r="E6093" s="6" t="e"/>
    </row>
    <row r="6094" ht="44" customHeight="true" s="1" customFormat="true" hidden="true" outlineLevel="3">
      <c r="A6094" s="6" t="s">
        <v>6498</v>
      </c>
      <c r="B6094" s="6" t="e"/>
      <c r="C6094" s="6" t="s">
        <v>219</v>
      </c>
      <c r="D6094" s="6" t="s">
        <v>11</v>
      </c>
      <c r="E6094" s="6" t="e"/>
    </row>
    <row r="6095" ht="44" customHeight="true" s="1" customFormat="true" hidden="true" outlineLevel="3">
      <c r="A6095" s="6" t="s">
        <v>6499</v>
      </c>
      <c r="B6095" s="6" t="e"/>
      <c r="C6095" s="6" t="s">
        <v>219</v>
      </c>
      <c r="D6095" s="6" t="s">
        <v>26</v>
      </c>
      <c r="E6095" s="6" t="e"/>
    </row>
    <row r="6096" ht="44" customHeight="true" s="1" customFormat="true" hidden="true" outlineLevel="3">
      <c r="A6096" s="6" t="s">
        <v>6500</v>
      </c>
      <c r="B6096" s="6" t="e"/>
      <c r="C6096" s="6" t="s">
        <v>219</v>
      </c>
      <c r="D6096" s="6" t="s">
        <v>11</v>
      </c>
      <c r="E6096" s="6" t="e"/>
    </row>
    <row r="6097" ht="44" customHeight="true" s="1" customFormat="true" hidden="true" outlineLevel="3">
      <c r="A6097" s="6" t="s">
        <v>6501</v>
      </c>
      <c r="B6097" s="6" t="e"/>
      <c r="C6097" s="6" t="s">
        <v>155</v>
      </c>
      <c r="D6097" s="6" t="s">
        <v>26</v>
      </c>
      <c r="E6097" s="6" t="e"/>
    </row>
    <row r="6098" ht="22" customHeight="true" s="1" customFormat="true" hidden="true" outlineLevel="3">
      <c r="A6098" s="6" t="s">
        <v>6502</v>
      </c>
      <c r="B6098" s="6" t="e"/>
      <c r="C6098" s="6" t="s">
        <v>574</v>
      </c>
      <c r="D6098" s="6" t="s">
        <v>26</v>
      </c>
      <c r="E6098" s="6" t="e"/>
    </row>
    <row r="6099" ht="22" customHeight="true" s="1" customFormat="true" hidden="true" outlineLevel="3">
      <c r="A6099" s="6" t="s">
        <v>6503</v>
      </c>
      <c r="B6099" s="6" t="e"/>
      <c r="C6099" s="6" t="s">
        <v>574</v>
      </c>
      <c r="D6099" s="6" t="s">
        <v>15</v>
      </c>
      <c r="E6099" s="6" t="e"/>
    </row>
    <row r="6100" ht="33" customHeight="true" s="1" customFormat="true" hidden="true" outlineLevel="3">
      <c r="A6100" s="6" t="s">
        <v>6504</v>
      </c>
      <c r="B6100" s="6" t="e"/>
      <c r="C6100" s="6" t="s">
        <v>167</v>
      </c>
      <c r="D6100" s="6" t="s">
        <v>40</v>
      </c>
      <c r="E6100" s="6" t="e"/>
    </row>
    <row r="6101" ht="11" customHeight="true" collapsed="true" outlineLevel="1">
      <c r="A6101" s="5" t="s">
        <v>6505</v>
      </c>
      <c r="B6101" s="5" t="e"/>
      <c r="C6101" s="5" t="e"/>
      <c r="D6101" s="5" t="e"/>
      <c r="E6101" s="5" t="e"/>
    </row>
    <row r="6102" ht="11" customHeight="true" s="1" customFormat="true" hidden="true" collapsed="true" outlineLevel="2">
      <c r="A6102" s="5" t="s">
        <v>6506</v>
      </c>
      <c r="B6102" s="5" t="e"/>
      <c r="C6102" s="5" t="e"/>
      <c r="D6102" s="5" t="e"/>
      <c r="E6102" s="5" t="e"/>
    </row>
    <row r="6103" ht="22" customHeight="true" s="1" customFormat="true" hidden="true" outlineLevel="3">
      <c r="A6103" s="6" t="s">
        <v>6507</v>
      </c>
      <c r="B6103" s="6" t="e"/>
      <c r="C6103" s="6" t="s">
        <v>50</v>
      </c>
      <c r="D6103" s="6" t="s">
        <v>11</v>
      </c>
      <c r="E6103" s="6" t="e"/>
    </row>
    <row r="6104" ht="22" customHeight="true" s="1" customFormat="true" hidden="true" outlineLevel="3">
      <c r="A6104" s="6" t="s">
        <v>6508</v>
      </c>
      <c r="B6104" s="6" t="e"/>
      <c r="C6104" s="6" t="s">
        <v>242</v>
      </c>
      <c r="D6104" s="6" t="s">
        <v>40</v>
      </c>
      <c r="E6104" s="6" t="e"/>
    </row>
    <row r="6105" ht="11" customHeight="true" s="1" customFormat="true" hidden="true" outlineLevel="3">
      <c r="A6105" s="6" t="s">
        <v>6509</v>
      </c>
      <c r="B6105" s="6" t="e"/>
      <c r="C6105" s="6" t="s">
        <v>253</v>
      </c>
      <c r="D6105" s="6" t="s">
        <v>11</v>
      </c>
      <c r="E6105" s="6" t="e"/>
    </row>
    <row r="6106" ht="22" customHeight="true" s="1" customFormat="true" hidden="true" outlineLevel="3">
      <c r="A6106" s="6" t="s">
        <v>6510</v>
      </c>
      <c r="B6106" s="6" t="e"/>
      <c r="C6106" s="6" t="s">
        <v>142</v>
      </c>
      <c r="D6106" s="6" t="s">
        <v>165</v>
      </c>
      <c r="E6106" s="6" t="e"/>
    </row>
    <row r="6107" ht="22" customHeight="true" s="1" customFormat="true" hidden="true" outlineLevel="3">
      <c r="A6107" s="6" t="s">
        <v>6511</v>
      </c>
      <c r="B6107" s="6" t="e"/>
      <c r="C6107" s="6" t="s">
        <v>141</v>
      </c>
      <c r="D6107" s="6" t="s">
        <v>26</v>
      </c>
      <c r="E6107" s="6" t="e"/>
    </row>
    <row r="6108" ht="22" customHeight="true" s="1" customFormat="true" hidden="true" outlineLevel="3">
      <c r="A6108" s="6" t="s">
        <v>6512</v>
      </c>
      <c r="B6108" s="6" t="e"/>
      <c r="C6108" s="6" t="s">
        <v>188</v>
      </c>
      <c r="D6108" s="6" t="s">
        <v>26</v>
      </c>
      <c r="E6108" s="6" t="e"/>
    </row>
    <row r="6109" ht="33" customHeight="true" s="1" customFormat="true" hidden="true" outlineLevel="3">
      <c r="A6109" s="6" t="s">
        <v>6513</v>
      </c>
      <c r="B6109" s="6" t="e"/>
      <c r="C6109" s="6" t="s">
        <v>142</v>
      </c>
      <c r="D6109" s="6" t="s">
        <v>26</v>
      </c>
      <c r="E6109" s="6" t="e"/>
    </row>
    <row r="6110" ht="22" customHeight="true" s="1" customFormat="true" hidden="true" outlineLevel="3">
      <c r="A6110" s="6" t="s">
        <v>6514</v>
      </c>
      <c r="B6110" s="6" t="e"/>
      <c r="C6110" s="6" t="s">
        <v>142</v>
      </c>
      <c r="D6110" s="6" t="s">
        <v>11</v>
      </c>
      <c r="E6110" s="6" t="e"/>
    </row>
    <row r="6111" ht="22" customHeight="true" s="1" customFormat="true" hidden="true" outlineLevel="3">
      <c r="A6111" s="6" t="s">
        <v>6515</v>
      </c>
      <c r="B6111" s="6" t="e"/>
      <c r="C6111" s="6" t="s">
        <v>188</v>
      </c>
      <c r="D6111" s="6" t="s">
        <v>11</v>
      </c>
      <c r="E6111" s="6" t="e"/>
    </row>
    <row r="6112" ht="22" customHeight="true" s="1" customFormat="true" hidden="true" outlineLevel="3">
      <c r="A6112" s="6" t="s">
        <v>6516</v>
      </c>
      <c r="B6112" s="6" t="e"/>
      <c r="C6112" s="6" t="s">
        <v>188</v>
      </c>
      <c r="D6112" s="6" t="s">
        <v>26</v>
      </c>
      <c r="E6112" s="6" t="e"/>
    </row>
    <row r="6113" ht="33" customHeight="true" s="1" customFormat="true" hidden="true" outlineLevel="3">
      <c r="A6113" s="6" t="s">
        <v>6517</v>
      </c>
      <c r="B6113" s="6" t="e"/>
      <c r="C6113" s="6" t="s">
        <v>50</v>
      </c>
      <c r="D6113" s="6" t="s">
        <v>15</v>
      </c>
      <c r="E6113" s="6" t="e"/>
    </row>
    <row r="6114" ht="33" customHeight="true" s="1" customFormat="true" hidden="true" outlineLevel="3">
      <c r="A6114" s="6" t="s">
        <v>6518</v>
      </c>
      <c r="B6114" s="6" t="e"/>
      <c r="C6114" s="6" t="s">
        <v>188</v>
      </c>
      <c r="D6114" s="6" t="s">
        <v>11</v>
      </c>
      <c r="E6114" s="6" t="e"/>
    </row>
    <row r="6115" ht="22" customHeight="true" s="1" customFormat="true" hidden="true" outlineLevel="3">
      <c r="A6115" s="6" t="s">
        <v>6519</v>
      </c>
      <c r="B6115" s="6" t="e"/>
      <c r="C6115" s="6" t="s">
        <v>188</v>
      </c>
      <c r="D6115" s="6" t="s">
        <v>11</v>
      </c>
      <c r="E6115" s="6" t="e"/>
    </row>
    <row r="6116" ht="33" customHeight="true" s="1" customFormat="true" hidden="true" outlineLevel="3">
      <c r="A6116" s="6" t="s">
        <v>6520</v>
      </c>
      <c r="B6116" s="6" t="e"/>
      <c r="C6116" s="6" t="s">
        <v>155</v>
      </c>
      <c r="D6116" s="6" t="s">
        <v>11</v>
      </c>
      <c r="E6116" s="6" t="e"/>
    </row>
    <row r="6117" ht="33" customHeight="true" s="1" customFormat="true" hidden="true" outlineLevel="3">
      <c r="A6117" s="6" t="s">
        <v>6521</v>
      </c>
      <c r="B6117" s="6" t="e"/>
      <c r="C6117" s="6" t="s">
        <v>50</v>
      </c>
      <c r="D6117" s="6" t="s">
        <v>11</v>
      </c>
      <c r="E6117" s="6" t="e"/>
    </row>
    <row r="6118" ht="33" customHeight="true" s="1" customFormat="true" hidden="true" outlineLevel="3">
      <c r="A6118" s="6" t="s">
        <v>6522</v>
      </c>
      <c r="B6118" s="6" t="e"/>
      <c r="C6118" s="6" t="s">
        <v>50</v>
      </c>
      <c r="D6118" s="6" t="s">
        <v>11</v>
      </c>
      <c r="E6118" s="6" t="e"/>
    </row>
    <row r="6119" ht="33" customHeight="true" s="1" customFormat="true" hidden="true" outlineLevel="3">
      <c r="A6119" s="6" t="s">
        <v>6523</v>
      </c>
      <c r="B6119" s="6" t="e"/>
      <c r="C6119" s="6" t="s">
        <v>341</v>
      </c>
      <c r="D6119" s="6" t="s">
        <v>11</v>
      </c>
      <c r="E6119" s="6" t="e"/>
    </row>
    <row r="6120" ht="33" customHeight="true" s="1" customFormat="true" hidden="true" outlineLevel="3">
      <c r="A6120" s="6" t="s">
        <v>6524</v>
      </c>
      <c r="B6120" s="6" t="e"/>
      <c r="C6120" s="6" t="s">
        <v>127</v>
      </c>
      <c r="D6120" s="6" t="s">
        <v>11</v>
      </c>
      <c r="E6120" s="6" t="e"/>
    </row>
    <row r="6121" ht="22" customHeight="true" s="1" customFormat="true" hidden="true" outlineLevel="3">
      <c r="A6121" s="6" t="s">
        <v>6525</v>
      </c>
      <c r="B6121" s="6" t="e"/>
      <c r="C6121" s="6" t="s">
        <v>142</v>
      </c>
      <c r="D6121" s="6" t="s">
        <v>11</v>
      </c>
      <c r="E6121" s="6" t="e"/>
    </row>
    <row r="6122" ht="22" customHeight="true" s="1" customFormat="true" hidden="true" outlineLevel="3">
      <c r="A6122" s="6" t="s">
        <v>6526</v>
      </c>
      <c r="B6122" s="6" t="e"/>
      <c r="C6122" s="6" t="s">
        <v>50</v>
      </c>
      <c r="D6122" s="6" t="s">
        <v>26</v>
      </c>
      <c r="E6122" s="6" t="e"/>
    </row>
    <row r="6123" ht="22" customHeight="true" s="1" customFormat="true" hidden="true" outlineLevel="3">
      <c r="A6123" s="6" t="s">
        <v>6527</v>
      </c>
      <c r="B6123" s="6" t="e"/>
      <c r="C6123" s="6" t="s">
        <v>188</v>
      </c>
      <c r="D6123" s="6" t="s">
        <v>26</v>
      </c>
      <c r="E6123" s="6" t="e"/>
    </row>
    <row r="6124" ht="33" customHeight="true" s="1" customFormat="true" hidden="true" outlineLevel="3">
      <c r="A6124" s="6" t="s">
        <v>6528</v>
      </c>
      <c r="B6124" s="6" t="e"/>
      <c r="C6124" s="6" t="s">
        <v>142</v>
      </c>
      <c r="D6124" s="6" t="s">
        <v>11</v>
      </c>
      <c r="E6124" s="6" t="e"/>
    </row>
    <row r="6125" ht="33" customHeight="true" s="1" customFormat="true" hidden="true" outlineLevel="3">
      <c r="A6125" s="6" t="s">
        <v>6529</v>
      </c>
      <c r="B6125" s="6" t="e"/>
      <c r="C6125" s="6" t="s">
        <v>66</v>
      </c>
      <c r="D6125" s="6" t="s">
        <v>11</v>
      </c>
      <c r="E6125" s="6" t="e"/>
    </row>
    <row r="6126" ht="22" customHeight="true" s="1" customFormat="true" hidden="true" outlineLevel="3">
      <c r="A6126" s="6" t="s">
        <v>6530</v>
      </c>
      <c r="B6126" s="6" t="e"/>
      <c r="C6126" s="6" t="s">
        <v>188</v>
      </c>
      <c r="D6126" s="6" t="s">
        <v>26</v>
      </c>
      <c r="E6126" s="6" t="e"/>
    </row>
    <row r="6127" ht="22" customHeight="true" s="1" customFormat="true" hidden="true" outlineLevel="3">
      <c r="A6127" s="6" t="s">
        <v>6531</v>
      </c>
      <c r="B6127" s="6" t="e"/>
      <c r="C6127" s="6" t="s">
        <v>188</v>
      </c>
      <c r="D6127" s="6" t="s">
        <v>26</v>
      </c>
      <c r="E6127" s="6" t="e"/>
    </row>
    <row r="6128" ht="44" customHeight="true" s="1" customFormat="true" hidden="true" outlineLevel="3">
      <c r="A6128" s="6" t="s">
        <v>6532</v>
      </c>
      <c r="B6128" s="6" t="e"/>
      <c r="C6128" s="6" t="s">
        <v>155</v>
      </c>
      <c r="D6128" s="6" t="s">
        <v>11</v>
      </c>
      <c r="E6128" s="6" t="e"/>
    </row>
    <row r="6129" ht="22" customHeight="true" s="1" customFormat="true" hidden="true" outlineLevel="3">
      <c r="A6129" s="6" t="s">
        <v>6533</v>
      </c>
      <c r="B6129" s="6" t="e"/>
      <c r="C6129" s="6" t="s">
        <v>126</v>
      </c>
      <c r="D6129" s="6" t="s">
        <v>26</v>
      </c>
      <c r="E6129" s="6" t="e"/>
    </row>
    <row r="6130" ht="33" customHeight="true" s="1" customFormat="true" hidden="true" outlineLevel="3">
      <c r="A6130" s="6" t="s">
        <v>6534</v>
      </c>
      <c r="B6130" s="6" t="e"/>
      <c r="C6130" s="6" t="s">
        <v>155</v>
      </c>
      <c r="D6130" s="6" t="s">
        <v>11</v>
      </c>
      <c r="E6130" s="6" t="e"/>
    </row>
    <row r="6131" ht="22" customHeight="true" s="1" customFormat="true" hidden="true" outlineLevel="3">
      <c r="A6131" s="6" t="s">
        <v>6535</v>
      </c>
      <c r="B6131" s="6" t="e"/>
      <c r="C6131" s="6" t="s">
        <v>136</v>
      </c>
      <c r="D6131" s="6" t="s">
        <v>11</v>
      </c>
      <c r="E6131" s="6" t="e"/>
    </row>
    <row r="6132" ht="22" customHeight="true" s="1" customFormat="true" hidden="true" outlineLevel="3">
      <c r="A6132" s="6" t="s">
        <v>6536</v>
      </c>
      <c r="B6132" s="6" t="e"/>
      <c r="C6132" s="6" t="s">
        <v>61</v>
      </c>
      <c r="D6132" s="6" t="s">
        <v>11</v>
      </c>
      <c r="E6132" s="6" t="e"/>
    </row>
    <row r="6133" ht="22" customHeight="true" s="1" customFormat="true" hidden="true" outlineLevel="3">
      <c r="A6133" s="6" t="s">
        <v>6537</v>
      </c>
      <c r="B6133" s="6" t="e"/>
      <c r="C6133" s="6" t="s">
        <v>83</v>
      </c>
      <c r="D6133" s="6" t="s">
        <v>11</v>
      </c>
      <c r="E6133" s="6" t="e"/>
    </row>
    <row r="6134" ht="33" customHeight="true" s="1" customFormat="true" hidden="true" outlineLevel="3">
      <c r="A6134" s="6" t="s">
        <v>6538</v>
      </c>
      <c r="B6134" s="6" t="e"/>
      <c r="C6134" s="6" t="s">
        <v>21</v>
      </c>
      <c r="D6134" s="6" t="s">
        <v>11</v>
      </c>
      <c r="E6134" s="6" t="e"/>
    </row>
    <row r="6135" ht="22" customHeight="true" s="1" customFormat="true" hidden="true" outlineLevel="3">
      <c r="A6135" s="6" t="s">
        <v>6539</v>
      </c>
      <c r="B6135" s="6" t="e"/>
      <c r="C6135" s="6" t="s">
        <v>290</v>
      </c>
      <c r="D6135" s="6" t="s">
        <v>11</v>
      </c>
      <c r="E6135" s="6" t="e"/>
    </row>
    <row r="6136" ht="44" customHeight="true" s="1" customFormat="true" hidden="true" outlineLevel="3">
      <c r="A6136" s="6" t="s">
        <v>6540</v>
      </c>
      <c r="B6136" s="6" t="e"/>
      <c r="C6136" s="6" t="s">
        <v>142</v>
      </c>
      <c r="D6136" s="6" t="s">
        <v>11</v>
      </c>
      <c r="E6136" s="6" t="e"/>
    </row>
    <row r="6137" ht="44" customHeight="true" s="1" customFormat="true" hidden="true" outlineLevel="3">
      <c r="A6137" s="6" t="s">
        <v>6541</v>
      </c>
      <c r="B6137" s="6" t="e"/>
      <c r="C6137" s="6" t="s">
        <v>142</v>
      </c>
      <c r="D6137" s="6" t="s">
        <v>26</v>
      </c>
      <c r="E6137" s="6" t="e"/>
    </row>
    <row r="6138" ht="22" customHeight="true" s="1" customFormat="true" hidden="true" outlineLevel="3">
      <c r="A6138" s="6" t="s">
        <v>6542</v>
      </c>
      <c r="B6138" s="6" t="e"/>
      <c r="C6138" s="6" t="s">
        <v>142</v>
      </c>
      <c r="D6138" s="6" t="s">
        <v>26</v>
      </c>
      <c r="E6138" s="6" t="e"/>
    </row>
    <row r="6139" ht="22" customHeight="true" s="1" customFormat="true" hidden="true" outlineLevel="3">
      <c r="A6139" s="6" t="s">
        <v>6543</v>
      </c>
      <c r="B6139" s="6" t="e"/>
      <c r="C6139" s="6" t="s">
        <v>242</v>
      </c>
      <c r="D6139" s="6" t="s">
        <v>123</v>
      </c>
      <c r="E6139" s="6" t="e"/>
    </row>
    <row r="6140" ht="33" customHeight="true" s="1" customFormat="true" hidden="true" outlineLevel="3">
      <c r="A6140" s="6" t="s">
        <v>6544</v>
      </c>
      <c r="B6140" s="6" t="e"/>
      <c r="C6140" s="6" t="s">
        <v>219</v>
      </c>
      <c r="D6140" s="6" t="s">
        <v>40</v>
      </c>
      <c r="E6140" s="6" t="e"/>
    </row>
    <row r="6141" ht="44" customHeight="true" s="1" customFormat="true" hidden="true" outlineLevel="3">
      <c r="A6141" s="6" t="s">
        <v>6545</v>
      </c>
      <c r="B6141" s="6" t="e"/>
      <c r="C6141" s="6" t="s">
        <v>50</v>
      </c>
      <c r="D6141" s="6" t="s">
        <v>11</v>
      </c>
      <c r="E6141" s="6" t="e"/>
    </row>
    <row r="6142" ht="44" customHeight="true" s="1" customFormat="true" hidden="true" outlineLevel="3">
      <c r="A6142" s="6" t="s">
        <v>6546</v>
      </c>
      <c r="B6142" s="6" t="e"/>
      <c r="C6142" s="6" t="s">
        <v>142</v>
      </c>
      <c r="D6142" s="6" t="s">
        <v>11</v>
      </c>
      <c r="E6142" s="6" t="e"/>
    </row>
    <row r="6143" ht="33" customHeight="true" s="1" customFormat="true" hidden="true" outlineLevel="3">
      <c r="A6143" s="6" t="s">
        <v>6547</v>
      </c>
      <c r="B6143" s="6" t="e"/>
      <c r="C6143" s="6" t="s">
        <v>242</v>
      </c>
      <c r="D6143" s="6" t="s">
        <v>11</v>
      </c>
      <c r="E6143" s="6" t="e"/>
    </row>
    <row r="6144" ht="44" customHeight="true" s="1" customFormat="true" hidden="true" outlineLevel="3">
      <c r="A6144" s="6" t="s">
        <v>6548</v>
      </c>
      <c r="B6144" s="6" t="e"/>
      <c r="C6144" s="6" t="s">
        <v>219</v>
      </c>
      <c r="D6144" s="6" t="s">
        <v>26</v>
      </c>
      <c r="E6144" s="6" t="e"/>
    </row>
    <row r="6145" ht="33" customHeight="true" s="1" customFormat="true" hidden="true" outlineLevel="3">
      <c r="A6145" s="6" t="s">
        <v>6549</v>
      </c>
      <c r="B6145" s="6" t="e"/>
      <c r="C6145" s="6" t="s">
        <v>142</v>
      </c>
      <c r="D6145" s="6" t="s">
        <v>15</v>
      </c>
      <c r="E6145" s="6" t="e"/>
    </row>
    <row r="6146" ht="33" customHeight="true" s="1" customFormat="true" hidden="true" outlineLevel="3">
      <c r="A6146" s="6" t="s">
        <v>6550</v>
      </c>
      <c r="B6146" s="6" t="e"/>
      <c r="C6146" s="6" t="s">
        <v>50</v>
      </c>
      <c r="D6146" s="6" t="s">
        <v>26</v>
      </c>
      <c r="E6146" s="6" t="e"/>
    </row>
    <row r="6147" ht="33" customHeight="true" s="1" customFormat="true" hidden="true" outlineLevel="3">
      <c r="A6147" s="6" t="s">
        <v>6551</v>
      </c>
      <c r="B6147" s="6" t="e"/>
      <c r="C6147" s="6" t="s">
        <v>188</v>
      </c>
      <c r="D6147" s="6" t="s">
        <v>15</v>
      </c>
      <c r="E6147" s="6" t="e"/>
    </row>
    <row r="6148" ht="44" customHeight="true" s="1" customFormat="true" hidden="true" outlineLevel="3">
      <c r="A6148" s="6" t="s">
        <v>6552</v>
      </c>
      <c r="B6148" s="6" t="e"/>
      <c r="C6148" s="6" t="s">
        <v>142</v>
      </c>
      <c r="D6148" s="6" t="s">
        <v>11</v>
      </c>
      <c r="E6148" s="6" t="e"/>
    </row>
    <row r="6149" ht="44" customHeight="true" s="1" customFormat="true" hidden="true" outlineLevel="3">
      <c r="A6149" s="6" t="s">
        <v>6553</v>
      </c>
      <c r="B6149" s="6" t="e"/>
      <c r="C6149" s="6" t="s">
        <v>66</v>
      </c>
      <c r="D6149" s="6" t="s">
        <v>123</v>
      </c>
      <c r="E6149" s="6" t="e"/>
    </row>
    <row r="6150" ht="22" customHeight="true" s="1" customFormat="true" hidden="true" outlineLevel="3">
      <c r="A6150" s="6" t="s">
        <v>6554</v>
      </c>
      <c r="B6150" s="6" t="e"/>
      <c r="C6150" s="6" t="s">
        <v>50</v>
      </c>
      <c r="D6150" s="6" t="s">
        <v>26</v>
      </c>
      <c r="E6150" s="6" t="e"/>
    </row>
    <row r="6151" ht="22" customHeight="true" s="1" customFormat="true" hidden="true" outlineLevel="3">
      <c r="A6151" s="6" t="s">
        <v>6555</v>
      </c>
      <c r="B6151" s="6" t="e"/>
      <c r="C6151" s="6" t="s">
        <v>296</v>
      </c>
      <c r="D6151" s="6" t="s">
        <v>26</v>
      </c>
      <c r="E6151" s="6" t="e"/>
    </row>
    <row r="6152" ht="44" customHeight="true" s="1" customFormat="true" hidden="true" outlineLevel="3">
      <c r="A6152" s="6" t="s">
        <v>6556</v>
      </c>
      <c r="B6152" s="6" t="e"/>
      <c r="C6152" s="6" t="s">
        <v>142</v>
      </c>
      <c r="D6152" s="6" t="s">
        <v>40</v>
      </c>
      <c r="E6152" s="6" t="e"/>
    </row>
    <row r="6153" ht="44" customHeight="true" s="1" customFormat="true" hidden="true" outlineLevel="3">
      <c r="A6153" s="6" t="s">
        <v>6557</v>
      </c>
      <c r="B6153" s="6" t="e"/>
      <c r="C6153" s="6" t="s">
        <v>50</v>
      </c>
      <c r="D6153" s="6" t="s">
        <v>184</v>
      </c>
      <c r="E6153" s="6" t="e"/>
    </row>
    <row r="6154" ht="44" customHeight="true" s="1" customFormat="true" hidden="true" outlineLevel="3">
      <c r="A6154" s="6" t="s">
        <v>6558</v>
      </c>
      <c r="B6154" s="6" t="e"/>
      <c r="C6154" s="6" t="s">
        <v>142</v>
      </c>
      <c r="D6154" s="6" t="s">
        <v>26</v>
      </c>
      <c r="E6154" s="6" t="e"/>
    </row>
    <row r="6155" ht="44" customHeight="true" s="1" customFormat="true" hidden="true" outlineLevel="3">
      <c r="A6155" s="6" t="s">
        <v>6559</v>
      </c>
      <c r="B6155" s="6" t="e"/>
      <c r="C6155" s="6" t="s">
        <v>50</v>
      </c>
      <c r="D6155" s="6" t="s">
        <v>11</v>
      </c>
      <c r="E6155" s="6" t="e"/>
    </row>
    <row r="6156" ht="22" customHeight="true" s="1" customFormat="true" hidden="true" outlineLevel="3">
      <c r="A6156" s="6" t="s">
        <v>6560</v>
      </c>
      <c r="B6156" s="6" t="e"/>
      <c r="C6156" s="6" t="s">
        <v>21</v>
      </c>
      <c r="D6156" s="6" t="s">
        <v>11</v>
      </c>
      <c r="E6156" s="6" t="e"/>
    </row>
    <row r="6157" ht="33" customHeight="true" s="1" customFormat="true" hidden="true" outlineLevel="3">
      <c r="A6157" s="6" t="s">
        <v>6561</v>
      </c>
      <c r="B6157" s="6" t="e"/>
      <c r="C6157" s="6" t="s">
        <v>55</v>
      </c>
      <c r="D6157" s="6" t="s">
        <v>11</v>
      </c>
      <c r="E6157" s="6" t="e"/>
    </row>
    <row r="6158" ht="44" customHeight="true" s="1" customFormat="true" hidden="true" outlineLevel="3">
      <c r="A6158" s="6" t="s">
        <v>6562</v>
      </c>
      <c r="B6158" s="6" t="e"/>
      <c r="C6158" s="6" t="s">
        <v>50</v>
      </c>
      <c r="D6158" s="6" t="s">
        <v>40</v>
      </c>
      <c r="E6158" s="6" t="e"/>
    </row>
    <row r="6159" ht="22" customHeight="true" s="1" customFormat="true" hidden="true" outlineLevel="3">
      <c r="A6159" s="6" t="s">
        <v>6563</v>
      </c>
      <c r="B6159" s="6" t="e"/>
      <c r="C6159" s="6" t="s">
        <v>242</v>
      </c>
      <c r="D6159" s="6" t="s">
        <v>40</v>
      </c>
      <c r="E6159" s="6" t="e"/>
    </row>
    <row r="6160" ht="56" customHeight="true" s="1" customFormat="true" hidden="true" outlineLevel="3">
      <c r="A6160" s="6" t="s">
        <v>6564</v>
      </c>
      <c r="B6160" s="6" t="e"/>
      <c r="C6160" s="6" t="s">
        <v>50</v>
      </c>
      <c r="D6160" s="6" t="s">
        <v>26</v>
      </c>
      <c r="E6160" s="6" t="e"/>
    </row>
    <row r="6161" ht="56" customHeight="true" s="1" customFormat="true" hidden="true" outlineLevel="3">
      <c r="A6161" s="6" t="s">
        <v>6565</v>
      </c>
      <c r="B6161" s="6" t="e"/>
      <c r="C6161" s="6" t="s">
        <v>50</v>
      </c>
      <c r="D6161" s="6" t="s">
        <v>11</v>
      </c>
      <c r="E6161" s="6" t="e"/>
    </row>
    <row r="6162" ht="33" customHeight="true" s="1" customFormat="true" hidden="true" outlineLevel="3">
      <c r="A6162" s="6" t="s">
        <v>6566</v>
      </c>
      <c r="B6162" s="6" t="e"/>
      <c r="C6162" s="6" t="s">
        <v>77</v>
      </c>
      <c r="D6162" s="6" t="s">
        <v>11</v>
      </c>
      <c r="E6162" s="6" t="e"/>
    </row>
    <row r="6163" ht="33" customHeight="true" s="1" customFormat="true" hidden="true" outlineLevel="3">
      <c r="A6163" s="6" t="s">
        <v>6567</v>
      </c>
      <c r="B6163" s="6" t="e"/>
      <c r="C6163" s="6" t="s">
        <v>50</v>
      </c>
      <c r="D6163" s="6" t="s">
        <v>15</v>
      </c>
      <c r="E6163" s="6" t="e"/>
    </row>
    <row r="6164" ht="56" customHeight="true" s="1" customFormat="true" hidden="true" outlineLevel="3">
      <c r="A6164" s="6" t="s">
        <v>6568</v>
      </c>
      <c r="B6164" s="6" t="e"/>
      <c r="C6164" s="6" t="s">
        <v>77</v>
      </c>
      <c r="D6164" s="6" t="s">
        <v>26</v>
      </c>
      <c r="E6164" s="6" t="e"/>
    </row>
    <row r="6165" ht="22" customHeight="true" s="1" customFormat="true" hidden="true" outlineLevel="3">
      <c r="A6165" s="6" t="s">
        <v>6569</v>
      </c>
      <c r="B6165" s="6" t="e"/>
      <c r="C6165" s="6" t="s">
        <v>77</v>
      </c>
      <c r="D6165" s="6" t="s">
        <v>184</v>
      </c>
      <c r="E6165" s="6" t="e"/>
    </row>
    <row r="6166" ht="22" customHeight="true" s="1" customFormat="true" hidden="true" outlineLevel="3">
      <c r="A6166" s="6" t="s">
        <v>6570</v>
      </c>
      <c r="B6166" s="6" t="e"/>
      <c r="C6166" s="6" t="s">
        <v>188</v>
      </c>
      <c r="D6166" s="6" t="s">
        <v>15</v>
      </c>
      <c r="E6166" s="6" t="e"/>
    </row>
    <row r="6167" ht="44" customHeight="true" s="1" customFormat="true" hidden="true" outlineLevel="3">
      <c r="A6167" s="6" t="s">
        <v>6571</v>
      </c>
      <c r="B6167" s="6" t="e"/>
      <c r="C6167" s="6" t="s">
        <v>72</v>
      </c>
      <c r="D6167" s="6" t="s">
        <v>40</v>
      </c>
      <c r="E6167" s="6" t="e"/>
    </row>
    <row r="6168" ht="33" customHeight="true" s="1" customFormat="true" hidden="true" outlineLevel="3">
      <c r="A6168" s="6" t="s">
        <v>6572</v>
      </c>
      <c r="B6168" s="6" t="e"/>
      <c r="C6168" s="6" t="s">
        <v>103</v>
      </c>
      <c r="D6168" s="6" t="s">
        <v>11</v>
      </c>
      <c r="E6168" s="6" t="e"/>
    </row>
    <row r="6169" ht="33" customHeight="true" s="1" customFormat="true" hidden="true" outlineLevel="3">
      <c r="A6169" s="6" t="s">
        <v>6573</v>
      </c>
      <c r="B6169" s="6" t="e"/>
      <c r="C6169" s="6" t="s">
        <v>103</v>
      </c>
      <c r="D6169" s="6" t="s">
        <v>11</v>
      </c>
      <c r="E6169" s="6" t="e"/>
    </row>
    <row r="6170" ht="56" customHeight="true" s="1" customFormat="true" hidden="true" outlineLevel="3">
      <c r="A6170" s="6" t="s">
        <v>6574</v>
      </c>
      <c r="B6170" s="6" t="e"/>
      <c r="C6170" s="6" t="s">
        <v>66</v>
      </c>
      <c r="D6170" s="6" t="s">
        <v>11</v>
      </c>
      <c r="E6170" s="6" t="e"/>
    </row>
    <row r="6171" ht="56" customHeight="true" s="1" customFormat="true" hidden="true" outlineLevel="3">
      <c r="A6171" s="6" t="s">
        <v>6575</v>
      </c>
      <c r="B6171" s="6" t="e"/>
      <c r="C6171" s="6" t="s">
        <v>66</v>
      </c>
      <c r="D6171" s="6" t="s">
        <v>15</v>
      </c>
      <c r="E6171" s="6" t="e"/>
    </row>
    <row r="6172" ht="33" customHeight="true" s="1" customFormat="true" hidden="true" outlineLevel="3">
      <c r="A6172" s="6" t="s">
        <v>6576</v>
      </c>
      <c r="B6172" s="6" t="e"/>
      <c r="C6172" s="6" t="s">
        <v>292</v>
      </c>
      <c r="D6172" s="6" t="s">
        <v>26</v>
      </c>
      <c r="E6172" s="6" t="e"/>
    </row>
    <row r="6173" ht="33" customHeight="true" s="1" customFormat="true" hidden="true" outlineLevel="3">
      <c r="A6173" s="6" t="s">
        <v>6577</v>
      </c>
      <c r="B6173" s="6" t="e"/>
      <c r="C6173" s="6" t="s">
        <v>2768</v>
      </c>
      <c r="D6173" s="6" t="s">
        <v>11</v>
      </c>
      <c r="E6173" s="6" t="e"/>
    </row>
    <row r="6174" ht="22" customHeight="true" s="1" customFormat="true" hidden="true" outlineLevel="3">
      <c r="A6174" s="6" t="s">
        <v>6578</v>
      </c>
      <c r="B6174" s="6" t="e"/>
      <c r="C6174" s="6" t="s">
        <v>110</v>
      </c>
      <c r="D6174" s="6" t="s">
        <v>11</v>
      </c>
      <c r="E6174" s="6" t="e"/>
    </row>
    <row r="6175" ht="33" customHeight="true" s="1" customFormat="true" hidden="true" outlineLevel="3">
      <c r="A6175" s="6" t="s">
        <v>6579</v>
      </c>
      <c r="B6175" s="6" t="e"/>
      <c r="C6175" s="6" t="s">
        <v>219</v>
      </c>
      <c r="D6175" s="6" t="s">
        <v>26</v>
      </c>
      <c r="E6175" s="6" t="e"/>
    </row>
    <row r="6176" ht="44" customHeight="true" s="1" customFormat="true" hidden="true" outlineLevel="3">
      <c r="A6176" s="6" t="s">
        <v>6580</v>
      </c>
      <c r="B6176" s="6" t="e"/>
      <c r="C6176" s="6" t="s">
        <v>50</v>
      </c>
      <c r="D6176" s="6" t="s">
        <v>26</v>
      </c>
      <c r="E6176" s="6" t="e"/>
    </row>
    <row r="6177" ht="56" customHeight="true" s="1" customFormat="true" hidden="true" outlineLevel="3">
      <c r="A6177" s="6" t="s">
        <v>6581</v>
      </c>
      <c r="B6177" s="6" t="e"/>
      <c r="C6177" s="6" t="s">
        <v>232</v>
      </c>
      <c r="D6177" s="6" t="s">
        <v>11</v>
      </c>
      <c r="E6177" s="6" t="e"/>
    </row>
    <row r="6178" ht="22" customHeight="true" s="1" customFormat="true" hidden="true" outlineLevel="3">
      <c r="A6178" s="6" t="s">
        <v>6582</v>
      </c>
      <c r="B6178" s="6" t="e"/>
      <c r="C6178" s="6" t="s">
        <v>5583</v>
      </c>
      <c r="D6178" s="6" t="s">
        <v>26</v>
      </c>
      <c r="E6178" s="6" t="e"/>
    </row>
    <row r="6179" ht="33" customHeight="true" s="1" customFormat="true" hidden="true" outlineLevel="3">
      <c r="A6179" s="6" t="s">
        <v>6583</v>
      </c>
      <c r="B6179" s="6" t="e"/>
      <c r="C6179" s="6" t="s">
        <v>72</v>
      </c>
      <c r="D6179" s="6" t="s">
        <v>11</v>
      </c>
      <c r="E6179" s="6" t="e"/>
    </row>
    <row r="6180" ht="33" customHeight="true" s="1" customFormat="true" hidden="true" outlineLevel="3">
      <c r="A6180" s="6" t="s">
        <v>6584</v>
      </c>
      <c r="B6180" s="6" t="e"/>
      <c r="C6180" s="6" t="s">
        <v>50</v>
      </c>
      <c r="D6180" s="6" t="s">
        <v>11</v>
      </c>
      <c r="E6180" s="6" t="e"/>
    </row>
    <row r="6181" ht="44" customHeight="true" s="1" customFormat="true" hidden="true" outlineLevel="3">
      <c r="A6181" s="6" t="s">
        <v>6585</v>
      </c>
      <c r="B6181" s="6" t="e"/>
      <c r="C6181" s="6" t="s">
        <v>188</v>
      </c>
      <c r="D6181" s="6" t="s">
        <v>26</v>
      </c>
      <c r="E6181" s="6" t="e"/>
    </row>
    <row r="6182" ht="56" customHeight="true" s="1" customFormat="true" hidden="true" outlineLevel="3">
      <c r="A6182" s="6" t="s">
        <v>6586</v>
      </c>
      <c r="B6182" s="6" t="e"/>
      <c r="C6182" s="6" t="s">
        <v>127</v>
      </c>
      <c r="D6182" s="6" t="s">
        <v>11</v>
      </c>
      <c r="E6182" s="6" t="e"/>
    </row>
    <row r="6183" ht="33" customHeight="true" s="1" customFormat="true" hidden="true" outlineLevel="3">
      <c r="A6183" s="6" t="s">
        <v>6587</v>
      </c>
      <c r="B6183" s="6" t="e"/>
      <c r="C6183" s="6" t="s">
        <v>66</v>
      </c>
      <c r="D6183" s="6" t="s">
        <v>11</v>
      </c>
      <c r="E6183" s="6" t="e"/>
    </row>
    <row r="6184" ht="33" customHeight="true" s="1" customFormat="true" hidden="true" outlineLevel="3">
      <c r="A6184" s="6" t="s">
        <v>6588</v>
      </c>
      <c r="B6184" s="6" t="e"/>
      <c r="C6184" s="6" t="s">
        <v>110</v>
      </c>
      <c r="D6184" s="6" t="s">
        <v>11</v>
      </c>
      <c r="E6184" s="6" t="e"/>
    </row>
    <row r="6185" ht="33" customHeight="true" s="1" customFormat="true" hidden="true" outlineLevel="3">
      <c r="A6185" s="6" t="s">
        <v>6589</v>
      </c>
      <c r="B6185" s="6" t="e"/>
      <c r="C6185" s="6" t="s">
        <v>219</v>
      </c>
      <c r="D6185" s="6" t="s">
        <v>11</v>
      </c>
      <c r="E6185" s="6" t="e"/>
    </row>
    <row r="6186" ht="33" customHeight="true" s="1" customFormat="true" hidden="true" outlineLevel="3">
      <c r="A6186" s="6" t="s">
        <v>6590</v>
      </c>
      <c r="B6186" s="6" t="e"/>
      <c r="C6186" s="6" t="s">
        <v>289</v>
      </c>
      <c r="D6186" s="6" t="s">
        <v>26</v>
      </c>
      <c r="E6186" s="6" t="e"/>
    </row>
    <row r="6187" ht="33" customHeight="true" s="1" customFormat="true" hidden="true" outlineLevel="3">
      <c r="A6187" s="6" t="s">
        <v>6591</v>
      </c>
      <c r="B6187" s="6" t="e"/>
      <c r="C6187" s="6" t="s">
        <v>77</v>
      </c>
      <c r="D6187" s="6" t="s">
        <v>11</v>
      </c>
      <c r="E6187" s="6" t="e"/>
    </row>
    <row r="6188" ht="56" customHeight="true" s="1" customFormat="true" hidden="true" outlineLevel="3">
      <c r="A6188" s="6" t="s">
        <v>6592</v>
      </c>
      <c r="B6188" s="6" t="e"/>
      <c r="C6188" s="6" t="s">
        <v>232</v>
      </c>
      <c r="D6188" s="6" t="s">
        <v>15</v>
      </c>
      <c r="E6188" s="6" t="e"/>
    </row>
    <row r="6189" ht="33" customHeight="true" s="1" customFormat="true" hidden="true" outlineLevel="3">
      <c r="A6189" s="6" t="s">
        <v>6593</v>
      </c>
      <c r="B6189" s="6" t="e"/>
      <c r="C6189" s="6" t="s">
        <v>62</v>
      </c>
      <c r="D6189" s="6" t="s">
        <v>26</v>
      </c>
      <c r="E6189" s="6" t="e"/>
    </row>
    <row r="6190" ht="44" customHeight="true" s="1" customFormat="true" hidden="true" outlineLevel="3">
      <c r="A6190" s="6" t="s">
        <v>6594</v>
      </c>
      <c r="B6190" s="6" t="e"/>
      <c r="C6190" s="6" t="s">
        <v>50</v>
      </c>
      <c r="D6190" s="6" t="s">
        <v>11</v>
      </c>
      <c r="E6190" s="6" t="e"/>
    </row>
    <row r="6191" ht="56" customHeight="true" s="1" customFormat="true" hidden="true" outlineLevel="3">
      <c r="A6191" s="6" t="s">
        <v>6595</v>
      </c>
      <c r="B6191" s="6" t="e"/>
      <c r="C6191" s="6" t="s">
        <v>51</v>
      </c>
      <c r="D6191" s="6" t="s">
        <v>11</v>
      </c>
      <c r="E6191" s="6" t="e"/>
    </row>
    <row r="6192" ht="33" customHeight="true" s="1" customFormat="true" hidden="true" outlineLevel="3">
      <c r="A6192" s="6" t="s">
        <v>6596</v>
      </c>
      <c r="B6192" s="6" t="e"/>
      <c r="C6192" s="6" t="s">
        <v>72</v>
      </c>
      <c r="D6192" s="6" t="s">
        <v>11</v>
      </c>
      <c r="E6192" s="6" t="e"/>
    </row>
    <row r="6193" ht="33" customHeight="true" s="1" customFormat="true" hidden="true" outlineLevel="3">
      <c r="A6193" s="6" t="s">
        <v>6597</v>
      </c>
      <c r="B6193" s="6" t="e"/>
      <c r="C6193" s="6" t="s">
        <v>66</v>
      </c>
      <c r="D6193" s="6" t="s">
        <v>26</v>
      </c>
      <c r="E6193" s="6" t="e"/>
    </row>
    <row r="6194" ht="44" customHeight="true" s="1" customFormat="true" hidden="true" outlineLevel="3">
      <c r="A6194" s="6" t="s">
        <v>6598</v>
      </c>
      <c r="B6194" s="6" t="e"/>
      <c r="C6194" s="6" t="s">
        <v>232</v>
      </c>
      <c r="D6194" s="6" t="s">
        <v>26</v>
      </c>
      <c r="E6194" s="6" t="e"/>
    </row>
    <row r="6195" ht="44" customHeight="true" s="1" customFormat="true" hidden="true" outlineLevel="3">
      <c r="A6195" s="6" t="s">
        <v>6599</v>
      </c>
      <c r="B6195" s="6" t="e"/>
      <c r="C6195" s="6" t="s">
        <v>62</v>
      </c>
      <c r="D6195" s="6" t="s">
        <v>11</v>
      </c>
      <c r="E6195" s="6" t="e"/>
    </row>
    <row r="6196" ht="33" customHeight="true" s="1" customFormat="true" hidden="true" outlineLevel="3">
      <c r="A6196" s="6" t="s">
        <v>6600</v>
      </c>
      <c r="B6196" s="6" t="e"/>
      <c r="C6196" s="6" t="s">
        <v>235</v>
      </c>
      <c r="D6196" s="6" t="s">
        <v>11</v>
      </c>
      <c r="E6196" s="6" t="e"/>
    </row>
    <row r="6197" ht="44" customHeight="true" s="1" customFormat="true" hidden="true" outlineLevel="3">
      <c r="A6197" s="6" t="s">
        <v>6601</v>
      </c>
      <c r="B6197" s="6" t="e"/>
      <c r="C6197" s="6" t="s">
        <v>289</v>
      </c>
      <c r="D6197" s="6" t="s">
        <v>26</v>
      </c>
      <c r="E6197" s="6" t="e"/>
    </row>
    <row r="6198" ht="44" customHeight="true" s="1" customFormat="true" hidden="true" outlineLevel="3">
      <c r="A6198" s="6" t="s">
        <v>6602</v>
      </c>
      <c r="B6198" s="6" t="e"/>
      <c r="C6198" s="6" t="s">
        <v>51</v>
      </c>
      <c r="D6198" s="6" t="s">
        <v>26</v>
      </c>
      <c r="E6198" s="6" t="e"/>
    </row>
    <row r="6199" ht="33" customHeight="true" s="1" customFormat="true" hidden="true" outlineLevel="3">
      <c r="A6199" s="6" t="s">
        <v>6603</v>
      </c>
      <c r="B6199" s="6" t="e"/>
      <c r="C6199" s="6" t="s">
        <v>50</v>
      </c>
      <c r="D6199" s="6" t="s">
        <v>26</v>
      </c>
      <c r="E6199" s="6" t="e"/>
    </row>
    <row r="6200" ht="33" customHeight="true" s="1" customFormat="true" hidden="true" outlineLevel="3">
      <c r="A6200" s="6" t="s">
        <v>6604</v>
      </c>
      <c r="B6200" s="6" t="e"/>
      <c r="C6200" s="6" t="s">
        <v>103</v>
      </c>
      <c r="D6200" s="6" t="s">
        <v>11</v>
      </c>
      <c r="E6200" s="6" t="e"/>
    </row>
    <row r="6201" ht="44" customHeight="true" s="1" customFormat="true" hidden="true" outlineLevel="3">
      <c r="A6201" s="6" t="s">
        <v>6605</v>
      </c>
      <c r="B6201" s="6" t="e"/>
      <c r="C6201" s="6" t="s">
        <v>62</v>
      </c>
      <c r="D6201" s="6" t="s">
        <v>11</v>
      </c>
      <c r="E6201" s="6" t="e"/>
    </row>
    <row r="6202" ht="44" customHeight="true" s="1" customFormat="true" hidden="true" outlineLevel="3">
      <c r="A6202" s="6" t="s">
        <v>6606</v>
      </c>
      <c r="B6202" s="6" t="e"/>
      <c r="C6202" s="6" t="s">
        <v>235</v>
      </c>
      <c r="D6202" s="6" t="s">
        <v>26</v>
      </c>
      <c r="E6202" s="6" t="e"/>
    </row>
    <row r="6203" ht="44" customHeight="true" s="1" customFormat="true" hidden="true" outlineLevel="3">
      <c r="A6203" s="6" t="s">
        <v>6607</v>
      </c>
      <c r="B6203" s="6" t="e"/>
      <c r="C6203" s="6" t="s">
        <v>235</v>
      </c>
      <c r="D6203" s="6" t="s">
        <v>11</v>
      </c>
      <c r="E6203" s="6" t="e"/>
    </row>
    <row r="6204" ht="56" customHeight="true" s="1" customFormat="true" hidden="true" outlineLevel="3">
      <c r="A6204" s="6" t="s">
        <v>6608</v>
      </c>
      <c r="B6204" s="6" t="e"/>
      <c r="C6204" s="6" t="s">
        <v>77</v>
      </c>
      <c r="D6204" s="6" t="s">
        <v>11</v>
      </c>
      <c r="E6204" s="6" t="e"/>
    </row>
    <row r="6205" ht="56" customHeight="true" s="1" customFormat="true" hidden="true" outlineLevel="3">
      <c r="A6205" s="6" t="s">
        <v>6609</v>
      </c>
      <c r="B6205" s="6" t="e"/>
      <c r="C6205" s="6" t="s">
        <v>77</v>
      </c>
      <c r="D6205" s="6" t="s">
        <v>40</v>
      </c>
      <c r="E6205" s="6" t="e"/>
    </row>
    <row r="6206" ht="22" customHeight="true" s="1" customFormat="true" hidden="true" outlineLevel="3">
      <c r="A6206" s="6" t="s">
        <v>6610</v>
      </c>
      <c r="B6206" s="6" t="e"/>
      <c r="C6206" s="6" t="s">
        <v>110</v>
      </c>
      <c r="D6206" s="6" t="s">
        <v>11</v>
      </c>
      <c r="E6206" s="6" t="e"/>
    </row>
    <row r="6207" ht="22" customHeight="true" s="1" customFormat="true" hidden="true" outlineLevel="3">
      <c r="A6207" s="6" t="s">
        <v>6611</v>
      </c>
      <c r="B6207" s="6" t="e"/>
      <c r="C6207" s="6" t="s">
        <v>253</v>
      </c>
      <c r="D6207" s="6" t="s">
        <v>11</v>
      </c>
      <c r="E6207" s="6" t="e"/>
    </row>
    <row r="6208" ht="33" customHeight="true" s="1" customFormat="true" hidden="true" outlineLevel="3">
      <c r="A6208" s="6" t="s">
        <v>6612</v>
      </c>
      <c r="B6208" s="6" t="e"/>
      <c r="C6208" s="6" t="s">
        <v>62</v>
      </c>
      <c r="D6208" s="6" t="s">
        <v>11</v>
      </c>
      <c r="E6208" s="6" t="e"/>
    </row>
    <row r="6209" ht="22" customHeight="true" s="1" customFormat="true" hidden="true" outlineLevel="3">
      <c r="A6209" s="6" t="s">
        <v>6613</v>
      </c>
      <c r="B6209" s="6" t="e"/>
      <c r="C6209" s="6" t="s">
        <v>73</v>
      </c>
      <c r="D6209" s="6" t="s">
        <v>11</v>
      </c>
      <c r="E6209" s="6" t="e"/>
    </row>
    <row r="6210" ht="44" customHeight="true" s="1" customFormat="true" hidden="true" outlineLevel="3">
      <c r="A6210" s="6" t="s">
        <v>6614</v>
      </c>
      <c r="B6210" s="6" t="e"/>
      <c r="C6210" s="6" t="s">
        <v>1181</v>
      </c>
      <c r="D6210" s="6" t="s">
        <v>11</v>
      </c>
      <c r="E6210" s="6" t="e"/>
    </row>
    <row r="6211" ht="44" customHeight="true" s="1" customFormat="true" hidden="true" outlineLevel="3">
      <c r="A6211" s="6" t="s">
        <v>6615</v>
      </c>
      <c r="B6211" s="6" t="e"/>
      <c r="C6211" s="6" t="s">
        <v>1181</v>
      </c>
      <c r="D6211" s="6" t="s">
        <v>11</v>
      </c>
      <c r="E6211" s="6" t="e"/>
    </row>
    <row r="6212" ht="44" customHeight="true" s="1" customFormat="true" hidden="true" outlineLevel="3">
      <c r="A6212" s="6" t="s">
        <v>6616</v>
      </c>
      <c r="B6212" s="6" t="e"/>
      <c r="C6212" s="6" t="s">
        <v>230</v>
      </c>
      <c r="D6212" s="6" t="s">
        <v>11</v>
      </c>
      <c r="E6212" s="6" t="e"/>
    </row>
    <row r="6213" ht="44" customHeight="true" s="1" customFormat="true" hidden="true" outlineLevel="3">
      <c r="A6213" s="6" t="s">
        <v>6617</v>
      </c>
      <c r="B6213" s="6" t="e"/>
      <c r="C6213" s="6" t="s">
        <v>935</v>
      </c>
      <c r="D6213" s="6" t="s">
        <v>11</v>
      </c>
      <c r="E6213" s="6" t="e"/>
    </row>
    <row r="6214" ht="22" customHeight="true" s="1" customFormat="true" hidden="true" outlineLevel="3">
      <c r="A6214" s="6" t="s">
        <v>6618</v>
      </c>
      <c r="B6214" s="6" t="e"/>
      <c r="C6214" s="6" t="s">
        <v>127</v>
      </c>
      <c r="D6214" s="6" t="s">
        <v>11</v>
      </c>
      <c r="E6214" s="6" t="e"/>
    </row>
    <row r="6215" ht="33" customHeight="true" s="1" customFormat="true" hidden="true" outlineLevel="3">
      <c r="A6215" s="6" t="s">
        <v>6619</v>
      </c>
      <c r="B6215" s="6" t="e"/>
      <c r="C6215" s="6" t="s">
        <v>155</v>
      </c>
      <c r="D6215" s="6" t="s">
        <v>26</v>
      </c>
      <c r="E6215" s="6" t="e"/>
    </row>
    <row r="6216" ht="22" customHeight="true" s="1" customFormat="true" hidden="true" outlineLevel="3">
      <c r="A6216" s="6" t="s">
        <v>6620</v>
      </c>
      <c r="B6216" s="6" t="e"/>
      <c r="C6216" s="6" t="s">
        <v>225</v>
      </c>
      <c r="D6216" s="6" t="s">
        <v>11</v>
      </c>
      <c r="E6216" s="6" t="e"/>
    </row>
    <row r="6217" ht="33" customHeight="true" s="1" customFormat="true" hidden="true" collapsed="true" outlineLevel="3">
      <c r="A6217" s="6" t="s">
        <v>6621</v>
      </c>
      <c r="B6217" s="6" t="e"/>
      <c r="C6217" s="6" t="s">
        <v>50</v>
      </c>
      <c r="D6217" s="6" t="s">
        <v>26</v>
      </c>
      <c r="E6217" s="6" t="e"/>
    </row>
    <row r="6218" ht="11" customHeight="true" s="1" customFormat="true" hidden="true" collapsed="true" outlineLevel="2">
      <c r="A6218" s="5" t="s">
        <v>6622</v>
      </c>
      <c r="B6218" s="5" t="e"/>
      <c r="C6218" s="5" t="e"/>
      <c r="D6218" s="5" t="e"/>
      <c r="E6218" s="5" t="e"/>
    </row>
    <row r="6219" ht="44" customHeight="true" s="1" customFormat="true" hidden="true" outlineLevel="3">
      <c r="A6219" s="6" t="s">
        <v>6623</v>
      </c>
      <c r="B6219" s="6" t="e"/>
      <c r="C6219" s="6" t="s">
        <v>219</v>
      </c>
      <c r="D6219" s="6" t="s">
        <v>11</v>
      </c>
      <c r="E6219" s="6" t="e"/>
    </row>
    <row r="6220" ht="44" customHeight="true" s="1" customFormat="true" hidden="true" collapsed="true" outlineLevel="3">
      <c r="A6220" s="6" t="s">
        <v>6624</v>
      </c>
      <c r="B6220" s="6" t="e"/>
      <c r="C6220" s="6" t="s">
        <v>149</v>
      </c>
      <c r="D6220" s="6" t="s">
        <v>11</v>
      </c>
      <c r="E6220" s="6" t="e"/>
    </row>
    <row r="6221" ht="11" customHeight="true" s="1" customFormat="true" hidden="true" collapsed="true" outlineLevel="2">
      <c r="A6221" s="5" t="s">
        <v>6625</v>
      </c>
      <c r="B6221" s="5" t="e"/>
      <c r="C6221" s="5" t="e"/>
      <c r="D6221" s="5" t="e"/>
      <c r="E6221" s="5" t="e"/>
    </row>
    <row r="6222" ht="33" customHeight="true" s="1" customFormat="true" hidden="true" outlineLevel="3">
      <c r="A6222" s="6" t="s">
        <v>6626</v>
      </c>
      <c r="B6222" s="6" t="e"/>
      <c r="C6222" s="6" t="s">
        <v>21</v>
      </c>
      <c r="D6222" s="6" t="s">
        <v>11</v>
      </c>
      <c r="E6222" s="6" t="e"/>
    </row>
    <row r="6223" ht="22" customHeight="true" s="1" customFormat="true" hidden="true" outlineLevel="3">
      <c r="A6223" s="6" t="s">
        <v>6627</v>
      </c>
      <c r="B6223" s="6" t="e"/>
      <c r="C6223" s="6" t="s">
        <v>302</v>
      </c>
      <c r="D6223" s="6" t="s">
        <v>11</v>
      </c>
      <c r="E6223" s="6" t="e"/>
    </row>
    <row r="6224" ht="33" customHeight="true" s="1" customFormat="true" hidden="true" outlineLevel="3">
      <c r="A6224" s="6" t="s">
        <v>6628</v>
      </c>
      <c r="B6224" s="6" t="e"/>
      <c r="C6224" s="6" t="s">
        <v>302</v>
      </c>
      <c r="D6224" s="6" t="s">
        <v>11</v>
      </c>
      <c r="E6224" s="6" t="e"/>
    </row>
    <row r="6225" ht="22" customHeight="true" s="1" customFormat="true" hidden="true" outlineLevel="3">
      <c r="A6225" s="6" t="s">
        <v>6629</v>
      </c>
      <c r="B6225" s="6" t="e"/>
      <c r="C6225" s="6" t="s">
        <v>302</v>
      </c>
      <c r="D6225" s="6" t="s">
        <v>11</v>
      </c>
      <c r="E6225" s="6" t="e"/>
    </row>
    <row r="6226" ht="22" customHeight="true" s="1" customFormat="true" hidden="true" outlineLevel="3">
      <c r="A6226" s="6" t="s">
        <v>6630</v>
      </c>
      <c r="B6226" s="6" t="e"/>
      <c r="C6226" s="6" t="s">
        <v>242</v>
      </c>
      <c r="D6226" s="6" t="s">
        <v>11</v>
      </c>
      <c r="E6226" s="6" t="e"/>
    </row>
    <row r="6227" ht="33" customHeight="true" s="1" customFormat="true" hidden="true" outlineLevel="3">
      <c r="A6227" s="6" t="s">
        <v>6631</v>
      </c>
      <c r="B6227" s="6" t="e"/>
      <c r="C6227" s="6" t="s">
        <v>302</v>
      </c>
      <c r="D6227" s="6" t="s">
        <v>11</v>
      </c>
      <c r="E6227" s="6" t="e"/>
    </row>
    <row r="6228" ht="22" customHeight="true" s="1" customFormat="true" hidden="true" outlineLevel="3">
      <c r="A6228" s="6" t="s">
        <v>6632</v>
      </c>
      <c r="B6228" s="6" t="e"/>
      <c r="C6228" s="6" t="s">
        <v>302</v>
      </c>
      <c r="D6228" s="6" t="s">
        <v>11</v>
      </c>
      <c r="E6228" s="6" t="e"/>
    </row>
    <row r="6229" ht="33" customHeight="true" s="1" customFormat="true" hidden="true" collapsed="true" outlineLevel="3">
      <c r="A6229" s="6" t="s">
        <v>6633</v>
      </c>
      <c r="B6229" s="6" t="e"/>
      <c r="C6229" s="6" t="s">
        <v>225</v>
      </c>
      <c r="D6229" s="6" t="s">
        <v>26</v>
      </c>
      <c r="E6229" s="6" t="e"/>
    </row>
    <row r="6230" ht="11" customHeight="true" s="1" customFormat="true" hidden="true" collapsed="true" outlineLevel="2">
      <c r="A6230" s="5" t="s">
        <v>6634</v>
      </c>
      <c r="B6230" s="5" t="e"/>
      <c r="C6230" s="5" t="e"/>
      <c r="D6230" s="5" t="e"/>
      <c r="E6230" s="5" t="e"/>
    </row>
    <row r="6231" ht="33" customHeight="true" s="1" customFormat="true" hidden="true" outlineLevel="3">
      <c r="A6231" s="6" t="s">
        <v>6635</v>
      </c>
      <c r="B6231" s="6" t="e"/>
      <c r="C6231" s="6" t="s">
        <v>253</v>
      </c>
      <c r="D6231" s="6" t="s">
        <v>11</v>
      </c>
      <c r="E6231" s="6" t="e"/>
    </row>
    <row r="6232" ht="33" customHeight="true" s="1" customFormat="true" hidden="true" outlineLevel="3">
      <c r="A6232" s="6" t="s">
        <v>6636</v>
      </c>
      <c r="B6232" s="6" t="e"/>
      <c r="C6232" s="6" t="s">
        <v>82</v>
      </c>
      <c r="D6232" s="6" t="s">
        <v>11</v>
      </c>
      <c r="E6232" s="6" t="e"/>
    </row>
    <row r="6233" ht="33" customHeight="true" s="1" customFormat="true" hidden="true" outlineLevel="3">
      <c r="A6233" s="6" t="s">
        <v>6637</v>
      </c>
      <c r="B6233" s="6" t="e"/>
      <c r="C6233" s="6" t="s">
        <v>2768</v>
      </c>
      <c r="D6233" s="6" t="s">
        <v>11</v>
      </c>
      <c r="E6233" s="6" t="e"/>
    </row>
    <row r="6234" ht="33" customHeight="true" s="1" customFormat="true" hidden="true" outlineLevel="3">
      <c r="A6234" s="6" t="s">
        <v>6638</v>
      </c>
      <c r="B6234" s="6" t="e"/>
      <c r="C6234" s="6" t="s">
        <v>1214</v>
      </c>
      <c r="D6234" s="6" t="s">
        <v>11</v>
      </c>
      <c r="E6234" s="6" t="e"/>
    </row>
    <row r="6235" ht="33" customHeight="true" s="1" customFormat="true" hidden="true" outlineLevel="3">
      <c r="A6235" s="6" t="s">
        <v>6639</v>
      </c>
      <c r="B6235" s="6" t="e"/>
      <c r="C6235" s="6" t="s">
        <v>50</v>
      </c>
      <c r="D6235" s="6" t="s">
        <v>11</v>
      </c>
      <c r="E6235" s="6" t="e"/>
    </row>
    <row r="6236" ht="44" customHeight="true" s="1" customFormat="true" hidden="true" collapsed="true" outlineLevel="3">
      <c r="A6236" s="6" t="s">
        <v>6640</v>
      </c>
      <c r="B6236" s="6" t="e"/>
      <c r="C6236" s="6" t="s">
        <v>18</v>
      </c>
      <c r="D6236" s="6" t="s">
        <v>11</v>
      </c>
      <c r="E6236" s="6" t="e"/>
    </row>
    <row r="6237" ht="11" customHeight="true" s="1" customFormat="true" hidden="true" collapsed="true" outlineLevel="2">
      <c r="A6237" s="5" t="s">
        <v>6641</v>
      </c>
      <c r="B6237" s="5" t="e"/>
      <c r="C6237" s="5" t="e"/>
      <c r="D6237" s="5" t="e"/>
      <c r="E6237" s="5" t="e"/>
    </row>
    <row r="6238" ht="33" customHeight="true" s="1" customFormat="true" hidden="true" outlineLevel="3">
      <c r="A6238" s="6" t="s">
        <v>6642</v>
      </c>
      <c r="B6238" s="6" t="e"/>
      <c r="C6238" s="6" t="s">
        <v>149</v>
      </c>
      <c r="D6238" s="6" t="s">
        <v>11</v>
      </c>
      <c r="E6238" s="6" t="e"/>
    </row>
    <row r="6239" ht="56" customHeight="true" s="1" customFormat="true" hidden="true" outlineLevel="3">
      <c r="A6239" s="6" t="s">
        <v>6643</v>
      </c>
      <c r="B6239" s="6" t="e"/>
      <c r="C6239" s="6" t="s">
        <v>103</v>
      </c>
      <c r="D6239" s="6" t="s">
        <v>11</v>
      </c>
      <c r="E6239" s="6" t="e"/>
    </row>
    <row r="6240" ht="33" customHeight="true" s="1" customFormat="true" hidden="true" outlineLevel="3">
      <c r="A6240" s="6" t="s">
        <v>6644</v>
      </c>
      <c r="B6240" s="6" t="e"/>
      <c r="C6240" s="6" t="s">
        <v>103</v>
      </c>
      <c r="D6240" s="6" t="s">
        <v>11</v>
      </c>
      <c r="E6240" s="6" t="e"/>
    </row>
    <row r="6241" ht="22" customHeight="true" s="1" customFormat="true" hidden="true" outlineLevel="3">
      <c r="A6241" s="6" t="s">
        <v>6645</v>
      </c>
      <c r="B6241" s="6" t="e"/>
      <c r="C6241" s="6" t="s">
        <v>219</v>
      </c>
      <c r="D6241" s="6" t="s">
        <v>11</v>
      </c>
      <c r="E6241" s="6" t="e"/>
    </row>
    <row r="6242" ht="56" customHeight="true" s="1" customFormat="true" hidden="true" outlineLevel="3">
      <c r="A6242" s="6" t="s">
        <v>6646</v>
      </c>
      <c r="B6242" s="6" t="e"/>
      <c r="C6242" s="6" t="s">
        <v>219</v>
      </c>
      <c r="D6242" s="6" t="s">
        <v>11</v>
      </c>
      <c r="E6242" s="6" t="e"/>
    </row>
    <row r="6243" ht="33" customHeight="true" s="1" customFormat="true" hidden="true" outlineLevel="3">
      <c r="A6243" s="6" t="s">
        <v>6647</v>
      </c>
      <c r="B6243" s="6" t="e"/>
      <c r="C6243" s="6" t="s">
        <v>66</v>
      </c>
      <c r="D6243" s="6" t="s">
        <v>11</v>
      </c>
      <c r="E6243" s="6" t="e"/>
    </row>
    <row r="6244" ht="56" customHeight="true" s="1" customFormat="true" hidden="true" outlineLevel="3">
      <c r="A6244" s="6" t="s">
        <v>6648</v>
      </c>
      <c r="B6244" s="6" t="e"/>
      <c r="C6244" s="6" t="s">
        <v>66</v>
      </c>
      <c r="D6244" s="6" t="s">
        <v>11</v>
      </c>
      <c r="E6244" s="6" t="e"/>
    </row>
    <row r="6245" ht="67" customHeight="true" s="1" customFormat="true" hidden="true" outlineLevel="3">
      <c r="A6245" s="6" t="s">
        <v>6649</v>
      </c>
      <c r="B6245" s="6" t="e"/>
      <c r="C6245" s="6" t="s">
        <v>103</v>
      </c>
      <c r="D6245" s="6" t="s">
        <v>11</v>
      </c>
      <c r="E6245" s="6" t="e"/>
    </row>
    <row r="6246" ht="33" customHeight="true" s="1" customFormat="true" hidden="true" outlineLevel="3">
      <c r="A6246" s="6" t="s">
        <v>6650</v>
      </c>
      <c r="B6246" s="6" t="e"/>
      <c r="C6246" s="6" t="s">
        <v>99</v>
      </c>
      <c r="D6246" s="6" t="s">
        <v>11</v>
      </c>
      <c r="E6246" s="6" t="e"/>
    </row>
    <row r="6247" ht="33" customHeight="true" s="1" customFormat="true" hidden="true" outlineLevel="3">
      <c r="A6247" s="6" t="s">
        <v>6651</v>
      </c>
      <c r="B6247" s="6" t="e"/>
      <c r="C6247" s="6" t="s">
        <v>350</v>
      </c>
      <c r="D6247" s="6" t="s">
        <v>11</v>
      </c>
      <c r="E6247" s="6" t="e"/>
    </row>
    <row r="6248" ht="33" customHeight="true" s="1" customFormat="true" hidden="true" outlineLevel="3">
      <c r="A6248" s="6" t="s">
        <v>6652</v>
      </c>
      <c r="B6248" s="6" t="e"/>
      <c r="C6248" s="6" t="s">
        <v>155</v>
      </c>
      <c r="D6248" s="6" t="s">
        <v>11</v>
      </c>
      <c r="E6248" s="6" t="e"/>
    </row>
    <row r="6249" ht="33" customHeight="true" s="1" customFormat="true" hidden="true" outlineLevel="3">
      <c r="A6249" s="6" t="s">
        <v>6653</v>
      </c>
      <c r="B6249" s="6" t="e"/>
      <c r="C6249" s="6" t="s">
        <v>99</v>
      </c>
      <c r="D6249" s="6" t="s">
        <v>11</v>
      </c>
      <c r="E6249" s="6" t="e"/>
    </row>
    <row r="6250" ht="33" customHeight="true" s="1" customFormat="true" hidden="true" outlineLevel="3">
      <c r="A6250" s="6" t="s">
        <v>6654</v>
      </c>
      <c r="B6250" s="6" t="e"/>
      <c r="C6250" s="6" t="s">
        <v>55</v>
      </c>
      <c r="D6250" s="6" t="s">
        <v>11</v>
      </c>
      <c r="E6250" s="6" t="e"/>
    </row>
    <row r="6251" ht="56" customHeight="true" s="1" customFormat="true" hidden="true" outlineLevel="3">
      <c r="A6251" s="6" t="s">
        <v>6655</v>
      </c>
      <c r="B6251" s="6" t="e"/>
      <c r="C6251" s="6" t="s">
        <v>350</v>
      </c>
      <c r="D6251" s="6" t="s">
        <v>11</v>
      </c>
      <c r="E6251" s="6" t="e"/>
    </row>
    <row r="6252" ht="44" customHeight="true" s="1" customFormat="true" hidden="true" outlineLevel="3">
      <c r="A6252" s="6" t="s">
        <v>6656</v>
      </c>
      <c r="B6252" s="6" t="e"/>
      <c r="C6252" s="6" t="s">
        <v>110</v>
      </c>
      <c r="D6252" s="6" t="s">
        <v>11</v>
      </c>
      <c r="E6252" s="6" t="e"/>
    </row>
    <row r="6253" ht="33" customHeight="true" s="1" customFormat="true" hidden="true" outlineLevel="3">
      <c r="A6253" s="6" t="s">
        <v>6657</v>
      </c>
      <c r="B6253" s="6" t="e"/>
      <c r="C6253" s="6" t="s">
        <v>149</v>
      </c>
      <c r="D6253" s="6" t="s">
        <v>11</v>
      </c>
      <c r="E6253" s="6" t="e"/>
    </row>
    <row r="6254" ht="44" customHeight="true" s="1" customFormat="true" hidden="true" outlineLevel="3">
      <c r="A6254" s="6" t="s">
        <v>6658</v>
      </c>
      <c r="B6254" s="6" t="e"/>
      <c r="C6254" s="6" t="s">
        <v>155</v>
      </c>
      <c r="D6254" s="6" t="s">
        <v>11</v>
      </c>
      <c r="E6254" s="6" t="e"/>
    </row>
    <row r="6255" ht="33" customHeight="true" s="1" customFormat="true" hidden="true" outlineLevel="3">
      <c r="A6255" s="6" t="s">
        <v>6659</v>
      </c>
      <c r="B6255" s="6" t="e"/>
      <c r="C6255" s="6" t="s">
        <v>103</v>
      </c>
      <c r="D6255" s="6" t="s">
        <v>11</v>
      </c>
      <c r="E6255" s="6" t="e"/>
    </row>
    <row r="6256" ht="44" customHeight="true" s="1" customFormat="true" hidden="true" outlineLevel="3">
      <c r="A6256" s="6" t="s">
        <v>6660</v>
      </c>
      <c r="B6256" s="6" t="e"/>
      <c r="C6256" s="6" t="s">
        <v>103</v>
      </c>
      <c r="D6256" s="6" t="s">
        <v>11</v>
      </c>
      <c r="E6256" s="6" t="e"/>
    </row>
    <row r="6257" ht="33" customHeight="true" s="1" customFormat="true" hidden="true" outlineLevel="3">
      <c r="A6257" s="6" t="s">
        <v>6661</v>
      </c>
      <c r="B6257" s="6" t="e"/>
      <c r="C6257" s="6" t="s">
        <v>219</v>
      </c>
      <c r="D6257" s="6" t="s">
        <v>11</v>
      </c>
      <c r="E6257" s="6" t="e"/>
    </row>
    <row r="6258" ht="56" customHeight="true" s="1" customFormat="true" hidden="true" outlineLevel="3">
      <c r="A6258" s="6" t="s">
        <v>6662</v>
      </c>
      <c r="B6258" s="6" t="e"/>
      <c r="C6258" s="6" t="s">
        <v>142</v>
      </c>
      <c r="D6258" s="6" t="s">
        <v>11</v>
      </c>
      <c r="E6258" s="6" t="e"/>
    </row>
    <row r="6259" ht="67" customHeight="true" s="1" customFormat="true" hidden="true" outlineLevel="3">
      <c r="A6259" s="6" t="s">
        <v>6663</v>
      </c>
      <c r="B6259" s="6" t="e"/>
      <c r="C6259" s="6" t="s">
        <v>155</v>
      </c>
      <c r="D6259" s="6" t="s">
        <v>11</v>
      </c>
      <c r="E6259" s="6" t="e"/>
    </row>
    <row r="6260" ht="44" customHeight="true" s="1" customFormat="true" hidden="true" outlineLevel="3">
      <c r="A6260" s="6" t="s">
        <v>6664</v>
      </c>
      <c r="B6260" s="6" t="e"/>
      <c r="C6260" s="6" t="s">
        <v>219</v>
      </c>
      <c r="D6260" s="6" t="s">
        <v>11</v>
      </c>
      <c r="E6260" s="6" t="e"/>
    </row>
    <row r="6261" ht="33" customHeight="true" s="1" customFormat="true" hidden="true" outlineLevel="3">
      <c r="A6261" s="6" t="s">
        <v>6665</v>
      </c>
      <c r="B6261" s="6" t="e"/>
      <c r="C6261" s="6" t="s">
        <v>99</v>
      </c>
      <c r="D6261" s="6" t="s">
        <v>11</v>
      </c>
      <c r="E6261" s="6" t="e"/>
    </row>
    <row r="6262" ht="22" customHeight="true" s="1" customFormat="true" hidden="true" outlineLevel="3">
      <c r="A6262" s="6" t="s">
        <v>6666</v>
      </c>
      <c r="B6262" s="6" t="e"/>
      <c r="C6262" s="6" t="s">
        <v>99</v>
      </c>
      <c r="D6262" s="6" t="s">
        <v>11</v>
      </c>
      <c r="E6262" s="6" t="e"/>
    </row>
    <row r="6263" ht="33" customHeight="true" s="1" customFormat="true" hidden="true" outlineLevel="3">
      <c r="A6263" s="6" t="s">
        <v>6667</v>
      </c>
      <c r="B6263" s="6" t="e"/>
      <c r="C6263" s="6" t="s">
        <v>219</v>
      </c>
      <c r="D6263" s="6" t="s">
        <v>11</v>
      </c>
      <c r="E6263" s="6" t="e"/>
    </row>
    <row r="6264" ht="56" customHeight="true" s="1" customFormat="true" hidden="true" outlineLevel="3">
      <c r="A6264" s="6" t="s">
        <v>6668</v>
      </c>
      <c r="B6264" s="6" t="e"/>
      <c r="C6264" s="6" t="s">
        <v>350</v>
      </c>
      <c r="D6264" s="6" t="s">
        <v>11</v>
      </c>
      <c r="E6264" s="6" t="e"/>
    </row>
    <row r="6265" ht="56" customHeight="true" s="1" customFormat="true" hidden="true" outlineLevel="3">
      <c r="A6265" s="6" t="s">
        <v>6669</v>
      </c>
      <c r="B6265" s="6" t="e"/>
      <c r="C6265" s="6" t="s">
        <v>219</v>
      </c>
      <c r="D6265" s="6" t="s">
        <v>26</v>
      </c>
      <c r="E6265" s="6" t="e"/>
    </row>
    <row r="6266" ht="44" customHeight="true" s="1" customFormat="true" hidden="true" outlineLevel="3">
      <c r="A6266" s="6" t="s">
        <v>6670</v>
      </c>
      <c r="B6266" s="6" t="e"/>
      <c r="C6266" s="6" t="s">
        <v>110</v>
      </c>
      <c r="D6266" s="6" t="s">
        <v>11</v>
      </c>
      <c r="E6266" s="6" t="e"/>
    </row>
    <row r="6267" ht="33" customHeight="true" s="1" customFormat="true" hidden="true" outlineLevel="3">
      <c r="A6267" s="6" t="s">
        <v>6671</v>
      </c>
      <c r="B6267" s="6" t="e"/>
      <c r="C6267" s="6" t="s">
        <v>219</v>
      </c>
      <c r="D6267" s="6" t="s">
        <v>11</v>
      </c>
      <c r="E6267" s="6" t="e"/>
    </row>
    <row r="6268" ht="33" customHeight="true" s="1" customFormat="true" hidden="true" outlineLevel="3">
      <c r="A6268" s="6" t="s">
        <v>6672</v>
      </c>
      <c r="B6268" s="6" t="e"/>
      <c r="C6268" s="6" t="s">
        <v>155</v>
      </c>
      <c r="D6268" s="6" t="s">
        <v>11</v>
      </c>
      <c r="E6268" s="6" t="e"/>
    </row>
    <row r="6269" ht="44" customHeight="true" s="1" customFormat="true" hidden="true" outlineLevel="3">
      <c r="A6269" s="6" t="s">
        <v>6673</v>
      </c>
      <c r="B6269" s="6" t="e"/>
      <c r="C6269" s="6" t="s">
        <v>142</v>
      </c>
      <c r="D6269" s="6" t="s">
        <v>11</v>
      </c>
      <c r="E6269" s="6" t="e"/>
    </row>
    <row r="6270" ht="56" customHeight="true" s="1" customFormat="true" hidden="true" outlineLevel="3">
      <c r="A6270" s="6" t="s">
        <v>6674</v>
      </c>
      <c r="B6270" s="6" t="e"/>
      <c r="C6270" s="6" t="s">
        <v>149</v>
      </c>
      <c r="D6270" s="6" t="s">
        <v>11</v>
      </c>
      <c r="E6270" s="6" t="e"/>
    </row>
    <row r="6271" ht="56" customHeight="true" s="1" customFormat="true" hidden="true" outlineLevel="3">
      <c r="A6271" s="6" t="s">
        <v>6675</v>
      </c>
      <c r="B6271" s="6" t="e"/>
      <c r="C6271" s="6" t="s">
        <v>155</v>
      </c>
      <c r="D6271" s="6" t="s">
        <v>26</v>
      </c>
      <c r="E6271" s="6" t="e"/>
    </row>
    <row r="6272" ht="56" customHeight="true" s="1" customFormat="true" hidden="true" outlineLevel="3">
      <c r="A6272" s="6" t="s">
        <v>6676</v>
      </c>
      <c r="B6272" s="6" t="e"/>
      <c r="C6272" s="6" t="s">
        <v>219</v>
      </c>
      <c r="D6272" s="6" t="s">
        <v>11</v>
      </c>
      <c r="E6272" s="6" t="e"/>
    </row>
    <row r="6273" ht="33" customHeight="true" s="1" customFormat="true" hidden="true" outlineLevel="3">
      <c r="A6273" s="6" t="s">
        <v>6677</v>
      </c>
      <c r="B6273" s="6" t="e"/>
      <c r="C6273" s="6" t="s">
        <v>112</v>
      </c>
      <c r="D6273" s="6" t="s">
        <v>11</v>
      </c>
      <c r="E6273" s="6" t="e"/>
    </row>
    <row r="6274" ht="67" customHeight="true" s="1" customFormat="true" hidden="true" outlineLevel="3">
      <c r="A6274" s="6" t="s">
        <v>6678</v>
      </c>
      <c r="B6274" s="6" t="e"/>
      <c r="C6274" s="6" t="s">
        <v>103</v>
      </c>
      <c r="D6274" s="6" t="s">
        <v>11</v>
      </c>
      <c r="E6274" s="6" t="e"/>
    </row>
    <row r="6275" ht="33" customHeight="true" s="1" customFormat="true" hidden="true" outlineLevel="3">
      <c r="A6275" s="6" t="s">
        <v>6679</v>
      </c>
      <c r="B6275" s="6" t="e"/>
      <c r="C6275" s="6" t="s">
        <v>99</v>
      </c>
      <c r="D6275" s="6" t="s">
        <v>11</v>
      </c>
      <c r="E6275" s="6" t="e"/>
    </row>
    <row r="6276" ht="67" customHeight="true" s="1" customFormat="true" hidden="true" outlineLevel="3">
      <c r="A6276" s="6" t="s">
        <v>6680</v>
      </c>
      <c r="B6276" s="6" t="e"/>
      <c r="C6276" s="6" t="s">
        <v>155</v>
      </c>
      <c r="D6276" s="6" t="s">
        <v>11</v>
      </c>
      <c r="E6276" s="6" t="e"/>
    </row>
    <row r="6277" ht="33" customHeight="true" s="1" customFormat="true" hidden="true" collapsed="true" outlineLevel="3">
      <c r="A6277" s="6" t="s">
        <v>6681</v>
      </c>
      <c r="B6277" s="6" t="e"/>
      <c r="C6277" s="6" t="s">
        <v>350</v>
      </c>
      <c r="D6277" s="6" t="s">
        <v>11</v>
      </c>
      <c r="E6277" s="6" t="e"/>
    </row>
    <row r="6278" ht="11" customHeight="true" s="1" customFormat="true" hidden="true" collapsed="true" outlineLevel="2">
      <c r="A6278" s="5" t="s">
        <v>6682</v>
      </c>
      <c r="B6278" s="5" t="e"/>
      <c r="C6278" s="5" t="e"/>
      <c r="D6278" s="5" t="e"/>
      <c r="E6278" s="5" t="e"/>
    </row>
    <row r="6279" ht="33" customHeight="true" s="1" customFormat="true" hidden="true" outlineLevel="3">
      <c r="A6279" s="6" t="s">
        <v>6683</v>
      </c>
      <c r="B6279" s="6" t="e"/>
      <c r="C6279" s="6" t="s">
        <v>225</v>
      </c>
      <c r="D6279" s="6" t="s">
        <v>11</v>
      </c>
      <c r="E6279" s="6" t="e"/>
    </row>
    <row r="6280" ht="33" customHeight="true" s="1" customFormat="true" hidden="true" outlineLevel="3">
      <c r="A6280" s="6" t="s">
        <v>6684</v>
      </c>
      <c r="B6280" s="6" t="e"/>
      <c r="C6280" s="6" t="s">
        <v>219</v>
      </c>
      <c r="D6280" s="6" t="s">
        <v>11</v>
      </c>
      <c r="E6280" s="6" t="e"/>
    </row>
    <row r="6281" ht="33" customHeight="true" s="1" customFormat="true" hidden="true" outlineLevel="3">
      <c r="A6281" s="6" t="s">
        <v>6685</v>
      </c>
      <c r="B6281" s="6" t="e"/>
      <c r="C6281" s="6" t="s">
        <v>225</v>
      </c>
      <c r="D6281" s="6" t="s">
        <v>11</v>
      </c>
      <c r="E6281" s="6" t="e"/>
    </row>
    <row r="6282" ht="22" customHeight="true" s="1" customFormat="true" hidden="true" outlineLevel="3">
      <c r="A6282" s="6" t="s">
        <v>6686</v>
      </c>
      <c r="B6282" s="6" t="e"/>
      <c r="C6282" s="6" t="s">
        <v>219</v>
      </c>
      <c r="D6282" s="6" t="s">
        <v>11</v>
      </c>
      <c r="E6282" s="6" t="e"/>
    </row>
    <row r="6283" ht="33" customHeight="true" s="1" customFormat="true" hidden="true" outlineLevel="3">
      <c r="A6283" s="6" t="s">
        <v>6687</v>
      </c>
      <c r="B6283" s="6" t="e"/>
      <c r="C6283" s="6" t="s">
        <v>149</v>
      </c>
      <c r="D6283" s="6" t="s">
        <v>40</v>
      </c>
      <c r="E6283" s="6" t="e"/>
    </row>
    <row r="6284" ht="44" customHeight="true" s="1" customFormat="true" hidden="true" outlineLevel="3">
      <c r="A6284" s="6" t="s">
        <v>6688</v>
      </c>
      <c r="B6284" s="6" t="e"/>
      <c r="C6284" s="6" t="s">
        <v>371</v>
      </c>
      <c r="D6284" s="6" t="s">
        <v>11</v>
      </c>
      <c r="E6284" s="6" t="e"/>
    </row>
    <row r="6285" ht="33" customHeight="true" s="1" customFormat="true" hidden="true" outlineLevel="3">
      <c r="A6285" s="6" t="s">
        <v>6689</v>
      </c>
      <c r="B6285" s="6" t="e"/>
      <c r="C6285" s="6" t="s">
        <v>149</v>
      </c>
      <c r="D6285" s="6" t="s">
        <v>11</v>
      </c>
      <c r="E6285" s="6" t="e"/>
    </row>
    <row r="6286" ht="33" customHeight="true" s="1" customFormat="true" hidden="true" outlineLevel="3">
      <c r="A6286" s="6" t="s">
        <v>6690</v>
      </c>
      <c r="B6286" s="6" t="e"/>
      <c r="C6286" s="6" t="s">
        <v>21</v>
      </c>
      <c r="D6286" s="6" t="s">
        <v>11</v>
      </c>
      <c r="E6286" s="6" t="e"/>
    </row>
    <row r="6287" ht="33" customHeight="true" s="1" customFormat="true" hidden="true" outlineLevel="3">
      <c r="A6287" s="6" t="s">
        <v>6691</v>
      </c>
      <c r="B6287" s="6" t="e"/>
      <c r="C6287" s="6" t="s">
        <v>253</v>
      </c>
      <c r="D6287" s="6" t="s">
        <v>11</v>
      </c>
      <c r="E6287" s="6" t="e"/>
    </row>
    <row r="6288" ht="33" customHeight="true" s="1" customFormat="true" hidden="true" outlineLevel="3">
      <c r="A6288" s="6" t="s">
        <v>6692</v>
      </c>
      <c r="B6288" s="6" t="e"/>
      <c r="C6288" s="6" t="s">
        <v>155</v>
      </c>
      <c r="D6288" s="6" t="s">
        <v>11</v>
      </c>
      <c r="E6288" s="6" t="e"/>
    </row>
    <row r="6289" ht="33" customHeight="true" s="1" customFormat="true" hidden="true" outlineLevel="3">
      <c r="A6289" s="6" t="s">
        <v>6693</v>
      </c>
      <c r="B6289" s="6" t="e"/>
      <c r="C6289" s="6" t="s">
        <v>219</v>
      </c>
      <c r="D6289" s="6" t="s">
        <v>11</v>
      </c>
      <c r="E6289" s="6" t="e"/>
    </row>
    <row r="6290" ht="33" customHeight="true" s="1" customFormat="true" hidden="true" outlineLevel="3">
      <c r="A6290" s="6" t="s">
        <v>6694</v>
      </c>
      <c r="B6290" s="6" t="e"/>
      <c r="C6290" s="6" t="s">
        <v>155</v>
      </c>
      <c r="D6290" s="6" t="s">
        <v>26</v>
      </c>
      <c r="E6290" s="6" t="e"/>
    </row>
    <row r="6291" ht="33" customHeight="true" s="1" customFormat="true" hidden="true" collapsed="true" outlineLevel="3">
      <c r="A6291" s="6" t="s">
        <v>6695</v>
      </c>
      <c r="B6291" s="6" t="e"/>
      <c r="C6291" s="6" t="s">
        <v>225</v>
      </c>
      <c r="D6291" s="6" t="s">
        <v>26</v>
      </c>
      <c r="E6291" s="6" t="e"/>
    </row>
    <row r="6292" ht="11" customHeight="true" s="1" customFormat="true" hidden="true" collapsed="true" outlineLevel="2">
      <c r="A6292" s="5" t="s">
        <v>6696</v>
      </c>
      <c r="B6292" s="5" t="e"/>
      <c r="C6292" s="5" t="e"/>
      <c r="D6292" s="5" t="e"/>
      <c r="E6292" s="5" t="e"/>
    </row>
    <row r="6293" ht="11" customHeight="true" s="1" customFormat="true" hidden="true" outlineLevel="3">
      <c r="A6293" s="6" t="s">
        <v>6697</v>
      </c>
      <c r="B6293" s="6" t="e"/>
      <c r="C6293" s="6" t="s">
        <v>167</v>
      </c>
      <c r="D6293" s="6" t="s">
        <v>11</v>
      </c>
      <c r="E6293" s="6" t="e"/>
    </row>
    <row r="6294" ht="22" customHeight="true" s="1" customFormat="true" hidden="true" outlineLevel="3">
      <c r="A6294" s="6" t="s">
        <v>6698</v>
      </c>
      <c r="B6294" s="6" t="e"/>
      <c r="C6294" s="6" t="s">
        <v>219</v>
      </c>
      <c r="D6294" s="6" t="s">
        <v>11</v>
      </c>
      <c r="E6294" s="6" t="e"/>
    </row>
    <row r="6295" ht="11" customHeight="true" s="1" customFormat="true" hidden="true" outlineLevel="3">
      <c r="A6295" s="6" t="s">
        <v>6699</v>
      </c>
      <c r="B6295" s="6" t="e"/>
      <c r="C6295" s="6" t="s">
        <v>126</v>
      </c>
      <c r="D6295" s="6" t="s">
        <v>11</v>
      </c>
      <c r="E6295" s="6" t="e"/>
    </row>
    <row r="6296" ht="22" customHeight="true" s="1" customFormat="true" hidden="true" outlineLevel="3">
      <c r="A6296" s="6" t="s">
        <v>6700</v>
      </c>
      <c r="B6296" s="6" t="e"/>
      <c r="C6296" s="6" t="s">
        <v>188</v>
      </c>
      <c r="D6296" s="6" t="s">
        <v>11</v>
      </c>
      <c r="E6296" s="6" t="e"/>
    </row>
    <row r="6297" ht="44" customHeight="true" s="1" customFormat="true" hidden="true" outlineLevel="3">
      <c r="A6297" s="6" t="s">
        <v>6701</v>
      </c>
      <c r="B6297" s="6" t="e"/>
      <c r="C6297" s="6" t="s">
        <v>2768</v>
      </c>
      <c r="D6297" s="6" t="s">
        <v>11</v>
      </c>
      <c r="E6297" s="6" t="e"/>
    </row>
    <row r="6298" ht="44" customHeight="true" s="1" customFormat="true" hidden="true" outlineLevel="3">
      <c r="A6298" s="6" t="s">
        <v>6702</v>
      </c>
      <c r="B6298" s="6" t="e"/>
      <c r="C6298" s="6" t="s">
        <v>3428</v>
      </c>
      <c r="D6298" s="6" t="s">
        <v>11</v>
      </c>
      <c r="E6298" s="6" t="e"/>
    </row>
    <row r="6299" ht="33" customHeight="true" s="1" customFormat="true" hidden="true" outlineLevel="3">
      <c r="A6299" s="6" t="s">
        <v>6703</v>
      </c>
      <c r="B6299" s="6" t="e"/>
      <c r="C6299" s="6" t="s">
        <v>225</v>
      </c>
      <c r="D6299" s="6" t="s">
        <v>40</v>
      </c>
      <c r="E6299" s="6" t="e"/>
    </row>
    <row r="6300" ht="44" customHeight="true" s="1" customFormat="true" hidden="true" outlineLevel="3">
      <c r="A6300" s="6" t="s">
        <v>6704</v>
      </c>
      <c r="B6300" s="6" t="e"/>
      <c r="C6300" s="6" t="s">
        <v>2768</v>
      </c>
      <c r="D6300" s="6" t="s">
        <v>40</v>
      </c>
      <c r="E6300" s="6" t="e"/>
    </row>
    <row r="6301" ht="44" customHeight="true" s="1" customFormat="true" hidden="true" outlineLevel="3">
      <c r="A6301" s="6" t="s">
        <v>6705</v>
      </c>
      <c r="B6301" s="6" t="e"/>
      <c r="C6301" s="6" t="s">
        <v>325</v>
      </c>
      <c r="D6301" s="6" t="s">
        <v>11</v>
      </c>
      <c r="E6301" s="6" t="e"/>
    </row>
    <row r="6302" ht="22" customHeight="true" s="1" customFormat="true" hidden="true" outlineLevel="3">
      <c r="A6302" s="6" t="s">
        <v>6706</v>
      </c>
      <c r="B6302" s="6" t="e"/>
      <c r="C6302" s="6" t="s">
        <v>253</v>
      </c>
      <c r="D6302" s="6" t="s">
        <v>26</v>
      </c>
      <c r="E6302" s="6" t="e"/>
    </row>
    <row r="6303" ht="33" customHeight="true" s="1" customFormat="true" hidden="true" outlineLevel="3">
      <c r="A6303" s="6" t="s">
        <v>6707</v>
      </c>
      <c r="B6303" s="6" t="e"/>
      <c r="C6303" s="6" t="s">
        <v>225</v>
      </c>
      <c r="D6303" s="6" t="s">
        <v>11</v>
      </c>
      <c r="E6303" s="6" t="e"/>
    </row>
    <row r="6304" ht="22" customHeight="true" s="1" customFormat="true" hidden="true" outlineLevel="3">
      <c r="A6304" s="6" t="s">
        <v>6708</v>
      </c>
      <c r="B6304" s="6" t="e"/>
      <c r="C6304" s="6" t="s">
        <v>225</v>
      </c>
      <c r="D6304" s="6" t="s">
        <v>11</v>
      </c>
      <c r="E6304" s="6" t="e"/>
    </row>
    <row r="6305" ht="44" customHeight="true" s="1" customFormat="true" hidden="true" outlineLevel="3">
      <c r="A6305" s="6" t="s">
        <v>6709</v>
      </c>
      <c r="B6305" s="6" t="e"/>
      <c r="C6305" s="6" t="s">
        <v>2768</v>
      </c>
      <c r="D6305" s="6" t="s">
        <v>11</v>
      </c>
      <c r="E6305" s="6" t="e"/>
    </row>
    <row r="6306" ht="44" customHeight="true" s="1" customFormat="true" hidden="true" outlineLevel="3">
      <c r="A6306" s="6" t="s">
        <v>6710</v>
      </c>
      <c r="B6306" s="6" t="e"/>
      <c r="C6306" s="6" t="s">
        <v>82</v>
      </c>
      <c r="D6306" s="6" t="s">
        <v>26</v>
      </c>
      <c r="E6306" s="6" t="e"/>
    </row>
    <row r="6307" ht="44" customHeight="true" s="1" customFormat="true" hidden="true" outlineLevel="3">
      <c r="A6307" s="6" t="s">
        <v>6711</v>
      </c>
      <c r="B6307" s="6" t="e"/>
      <c r="C6307" s="6" t="s">
        <v>82</v>
      </c>
      <c r="D6307" s="6" t="s">
        <v>11</v>
      </c>
      <c r="E6307" s="6" t="e"/>
    </row>
    <row r="6308" ht="44" customHeight="true" s="1" customFormat="true" hidden="true" outlineLevel="3">
      <c r="A6308" s="6" t="s">
        <v>6712</v>
      </c>
      <c r="B6308" s="6" t="e"/>
      <c r="C6308" s="6" t="s">
        <v>2768</v>
      </c>
      <c r="D6308" s="6" t="s">
        <v>11</v>
      </c>
      <c r="E6308" s="6" t="e"/>
    </row>
    <row r="6309" ht="44" customHeight="true" s="1" customFormat="true" hidden="true" outlineLevel="3">
      <c r="A6309" s="6" t="s">
        <v>6713</v>
      </c>
      <c r="B6309" s="6" t="e"/>
      <c r="C6309" s="6" t="s">
        <v>2768</v>
      </c>
      <c r="D6309" s="6" t="s">
        <v>11</v>
      </c>
      <c r="E6309" s="6" t="e"/>
    </row>
    <row r="6310" ht="11" customHeight="true" s="1" customFormat="true" hidden="true" outlineLevel="3">
      <c r="A6310" s="6" t="s">
        <v>6714</v>
      </c>
      <c r="B6310" s="6" t="e"/>
      <c r="C6310" s="6" t="s">
        <v>242</v>
      </c>
      <c r="D6310" s="6" t="s">
        <v>11</v>
      </c>
      <c r="E6310" s="6" t="e"/>
    </row>
    <row r="6311" ht="33" customHeight="true" s="1" customFormat="true" hidden="true" outlineLevel="3">
      <c r="A6311" s="6" t="s">
        <v>6715</v>
      </c>
      <c r="B6311" s="6" t="e"/>
      <c r="C6311" s="6" t="s">
        <v>126</v>
      </c>
      <c r="D6311" s="6" t="s">
        <v>11</v>
      </c>
      <c r="E6311" s="6" t="e"/>
    </row>
    <row r="6312" ht="22" customHeight="true" s="1" customFormat="true" hidden="true" outlineLevel="3">
      <c r="A6312" s="6" t="s">
        <v>6716</v>
      </c>
      <c r="B6312" s="6" t="e"/>
      <c r="C6312" s="6" t="s">
        <v>302</v>
      </c>
      <c r="D6312" s="6" t="s">
        <v>11</v>
      </c>
      <c r="E6312" s="6" t="e"/>
    </row>
    <row r="6313" ht="22" customHeight="true" s="1" customFormat="true" hidden="true" outlineLevel="3">
      <c r="A6313" s="6" t="s">
        <v>6717</v>
      </c>
      <c r="B6313" s="6" t="e"/>
      <c r="C6313" s="6" t="s">
        <v>225</v>
      </c>
      <c r="D6313" s="6" t="s">
        <v>11</v>
      </c>
      <c r="E6313" s="6" t="e"/>
    </row>
    <row r="6314" ht="33" customHeight="true" s="1" customFormat="true" hidden="true" outlineLevel="3">
      <c r="A6314" s="6" t="s">
        <v>6718</v>
      </c>
      <c r="B6314" s="6" t="e"/>
      <c r="C6314" s="6" t="s">
        <v>82</v>
      </c>
      <c r="D6314" s="6" t="s">
        <v>26</v>
      </c>
      <c r="E6314" s="6" t="e"/>
    </row>
    <row r="6315" ht="44" customHeight="true" s="1" customFormat="true" hidden="true" outlineLevel="3">
      <c r="A6315" s="6" t="s">
        <v>6719</v>
      </c>
      <c r="B6315" s="6" t="e"/>
      <c r="C6315" s="6" t="s">
        <v>21</v>
      </c>
      <c r="D6315" s="6" t="s">
        <v>11</v>
      </c>
      <c r="E6315" s="6" t="e"/>
    </row>
    <row r="6316" ht="44" customHeight="true" s="1" customFormat="true" hidden="true" outlineLevel="3">
      <c r="A6316" s="6" t="s">
        <v>6720</v>
      </c>
      <c r="B6316" s="6" t="e"/>
      <c r="C6316" s="6" t="s">
        <v>82</v>
      </c>
      <c r="D6316" s="6" t="s">
        <v>26</v>
      </c>
      <c r="E6316" s="6" t="e"/>
    </row>
    <row r="6317" ht="44" customHeight="true" s="1" customFormat="true" hidden="true" outlineLevel="3">
      <c r="A6317" s="6" t="s">
        <v>6721</v>
      </c>
      <c r="B6317" s="6" t="e"/>
      <c r="C6317" s="6" t="s">
        <v>2768</v>
      </c>
      <c r="D6317" s="6" t="s">
        <v>11</v>
      </c>
      <c r="E6317" s="6" t="e"/>
    </row>
    <row r="6318" ht="33" customHeight="true" s="1" customFormat="true" hidden="true" outlineLevel="3">
      <c r="A6318" s="6" t="s">
        <v>6722</v>
      </c>
      <c r="B6318" s="6" t="e"/>
      <c r="C6318" s="6" t="s">
        <v>253</v>
      </c>
      <c r="D6318" s="6" t="s">
        <v>11</v>
      </c>
      <c r="E6318" s="6" t="e"/>
    </row>
    <row r="6319" ht="33" customHeight="true" s="1" customFormat="true" hidden="true" outlineLevel="3">
      <c r="A6319" s="6" t="s">
        <v>6723</v>
      </c>
      <c r="B6319" s="6" t="e"/>
      <c r="C6319" s="6" t="s">
        <v>55</v>
      </c>
      <c r="D6319" s="6" t="s">
        <v>11</v>
      </c>
      <c r="E6319" s="6" t="e"/>
    </row>
    <row r="6320" ht="22" customHeight="true" s="1" customFormat="true" hidden="true" outlineLevel="3">
      <c r="A6320" s="6" t="s">
        <v>6724</v>
      </c>
      <c r="B6320" s="6" t="e"/>
      <c r="C6320" s="6" t="s">
        <v>219</v>
      </c>
      <c r="D6320" s="6" t="s">
        <v>11</v>
      </c>
      <c r="E6320" s="6" t="e"/>
    </row>
    <row r="6321" ht="22" customHeight="true" s="1" customFormat="true" hidden="true" outlineLevel="3">
      <c r="A6321" s="6" t="s">
        <v>6725</v>
      </c>
      <c r="B6321" s="6" t="e"/>
      <c r="C6321" s="6" t="s">
        <v>155</v>
      </c>
      <c r="D6321" s="6" t="s">
        <v>11</v>
      </c>
      <c r="E6321" s="6" t="e"/>
    </row>
    <row r="6322" ht="44" customHeight="true" s="1" customFormat="true" hidden="true" outlineLevel="3">
      <c r="A6322" s="6" t="s">
        <v>6726</v>
      </c>
      <c r="B6322" s="6" t="e"/>
      <c r="C6322" s="6" t="s">
        <v>219</v>
      </c>
      <c r="D6322" s="6" t="s">
        <v>40</v>
      </c>
      <c r="E6322" s="6" t="e"/>
    </row>
    <row r="6323" ht="22" customHeight="true" s="1" customFormat="true" hidden="true" collapsed="true" outlineLevel="3">
      <c r="A6323" s="6" t="s">
        <v>6727</v>
      </c>
      <c r="B6323" s="6" t="e"/>
      <c r="C6323" s="6" t="s">
        <v>1214</v>
      </c>
      <c r="D6323" s="6" t="s">
        <v>11</v>
      </c>
      <c r="E6323" s="6" t="e"/>
    </row>
    <row r="6324" ht="11" customHeight="true" s="1" customFormat="true" hidden="true" collapsed="true" outlineLevel="2">
      <c r="A6324" s="5" t="s">
        <v>6728</v>
      </c>
      <c r="B6324" s="5" t="e"/>
      <c r="C6324" s="5" t="e"/>
      <c r="D6324" s="5" t="e"/>
      <c r="E6324" s="5" t="e"/>
    </row>
    <row r="6325" ht="33" customHeight="true" s="1" customFormat="true" hidden="true" outlineLevel="3">
      <c r="A6325" s="6" t="s">
        <v>6729</v>
      </c>
      <c r="B6325" s="6" t="e"/>
      <c r="C6325" s="6" t="s">
        <v>219</v>
      </c>
      <c r="D6325" s="6" t="s">
        <v>11</v>
      </c>
      <c r="E6325" s="6" t="e"/>
    </row>
    <row r="6326" ht="44" customHeight="true" s="1" customFormat="true" hidden="true" outlineLevel="3">
      <c r="A6326" s="6" t="s">
        <v>6730</v>
      </c>
      <c r="B6326" s="6" t="e"/>
      <c r="C6326" s="6" t="s">
        <v>219</v>
      </c>
      <c r="D6326" s="6" t="s">
        <v>11</v>
      </c>
      <c r="E6326" s="6" t="e"/>
    </row>
    <row r="6327" ht="33" customHeight="true" s="1" customFormat="true" hidden="true" outlineLevel="3">
      <c r="A6327" s="6" t="s">
        <v>6731</v>
      </c>
      <c r="B6327" s="6" t="e"/>
      <c r="C6327" s="6" t="s">
        <v>99</v>
      </c>
      <c r="D6327" s="6" t="s">
        <v>11</v>
      </c>
      <c r="E6327" s="6" t="e"/>
    </row>
    <row r="6328" ht="22" customHeight="true" s="1" customFormat="true" hidden="true" outlineLevel="3">
      <c r="A6328" s="6" t="s">
        <v>6732</v>
      </c>
      <c r="B6328" s="6" t="e"/>
      <c r="C6328" s="6" t="s">
        <v>110</v>
      </c>
      <c r="D6328" s="6" t="s">
        <v>11</v>
      </c>
      <c r="E6328" s="6" t="e"/>
    </row>
    <row r="6329" ht="33" customHeight="true" s="1" customFormat="true" hidden="true" outlineLevel="3">
      <c r="A6329" s="6" t="s">
        <v>6733</v>
      </c>
      <c r="B6329" s="6" t="e"/>
      <c r="C6329" s="6" t="s">
        <v>99</v>
      </c>
      <c r="D6329" s="6" t="s">
        <v>11</v>
      </c>
      <c r="E6329" s="6" t="e"/>
    </row>
    <row r="6330" ht="44" customHeight="true" s="1" customFormat="true" hidden="true" outlineLevel="3">
      <c r="A6330" s="6" t="s">
        <v>6734</v>
      </c>
      <c r="B6330" s="6" t="e"/>
      <c r="C6330" s="6" t="s">
        <v>219</v>
      </c>
      <c r="D6330" s="6" t="s">
        <v>11</v>
      </c>
      <c r="E6330" s="6" t="e"/>
    </row>
    <row r="6331" ht="44" customHeight="true" s="1" customFormat="true" hidden="true" outlineLevel="3">
      <c r="A6331" s="6" t="s">
        <v>6735</v>
      </c>
      <c r="B6331" s="6" t="e"/>
      <c r="C6331" s="6" t="s">
        <v>112</v>
      </c>
      <c r="D6331" s="6" t="s">
        <v>11</v>
      </c>
      <c r="E6331" s="6" t="e"/>
    </row>
    <row r="6332" ht="33" customHeight="true" s="1" customFormat="true" hidden="true" outlineLevel="3">
      <c r="A6332" s="6" t="s">
        <v>6736</v>
      </c>
      <c r="B6332" s="6" t="e"/>
      <c r="C6332" s="6" t="s">
        <v>142</v>
      </c>
      <c r="D6332" s="6" t="s">
        <v>11</v>
      </c>
      <c r="E6332" s="6" t="e"/>
    </row>
    <row r="6333" ht="33" customHeight="true" s="1" customFormat="true" hidden="true" outlineLevel="3">
      <c r="A6333" s="6" t="s">
        <v>6737</v>
      </c>
      <c r="B6333" s="6" t="e"/>
      <c r="C6333" s="6" t="s">
        <v>110</v>
      </c>
      <c r="D6333" s="6" t="s">
        <v>11</v>
      </c>
      <c r="E6333" s="6" t="e"/>
    </row>
    <row r="6334" ht="33" customHeight="true" s="1" customFormat="true" hidden="true" outlineLevel="3">
      <c r="A6334" s="6" t="s">
        <v>6738</v>
      </c>
      <c r="B6334" s="6" t="e"/>
      <c r="C6334" s="6" t="s">
        <v>219</v>
      </c>
      <c r="D6334" s="6" t="s">
        <v>11</v>
      </c>
      <c r="E6334" s="6" t="e"/>
    </row>
    <row r="6335" ht="22" customHeight="true" s="1" customFormat="true" hidden="true" outlineLevel="3">
      <c r="A6335" s="6" t="s">
        <v>6739</v>
      </c>
      <c r="B6335" s="6" t="e"/>
      <c r="C6335" s="6" t="s">
        <v>219</v>
      </c>
      <c r="D6335" s="6" t="s">
        <v>11</v>
      </c>
      <c r="E6335" s="6" t="e"/>
    </row>
    <row r="6336" ht="44" customHeight="true" s="1" customFormat="true" hidden="true" collapsed="true" outlineLevel="3">
      <c r="A6336" s="6" t="s">
        <v>6740</v>
      </c>
      <c r="B6336" s="6" t="e"/>
      <c r="C6336" s="6" t="s">
        <v>142</v>
      </c>
      <c r="D6336" s="6" t="s">
        <v>11</v>
      </c>
      <c r="E6336" s="6" t="e"/>
    </row>
    <row r="6337" ht="11" customHeight="true" s="1" customFormat="true" hidden="true" collapsed="true" outlineLevel="2">
      <c r="A6337" s="5" t="s">
        <v>6741</v>
      </c>
      <c r="B6337" s="5" t="e"/>
      <c r="C6337" s="5" t="e"/>
      <c r="D6337" s="5" t="e"/>
      <c r="E6337" s="5" t="e"/>
    </row>
    <row r="6338" ht="33" customHeight="true" s="1" customFormat="true" hidden="true" outlineLevel="3">
      <c r="A6338" s="6" t="s">
        <v>6742</v>
      </c>
      <c r="B6338" s="6" t="e"/>
      <c r="C6338" s="6" t="s">
        <v>225</v>
      </c>
      <c r="D6338" s="6" t="s">
        <v>40</v>
      </c>
      <c r="E6338" s="6" t="e"/>
    </row>
    <row r="6339" ht="22" customHeight="true" s="1" customFormat="true" hidden="true" outlineLevel="3">
      <c r="A6339" s="6" t="s">
        <v>6743</v>
      </c>
      <c r="B6339" s="6" t="e"/>
      <c r="C6339" s="6" t="s">
        <v>225</v>
      </c>
      <c r="D6339" s="6" t="s">
        <v>11</v>
      </c>
      <c r="E6339" s="6" t="e"/>
    </row>
    <row r="6340" ht="33" customHeight="true" s="1" customFormat="true" hidden="true" collapsed="true" outlineLevel="3">
      <c r="A6340" s="6" t="s">
        <v>6744</v>
      </c>
      <c r="B6340" s="6" t="e"/>
      <c r="C6340" s="6" t="s">
        <v>126</v>
      </c>
      <c r="D6340" s="6" t="s">
        <v>26</v>
      </c>
      <c r="E6340" s="6" t="e"/>
    </row>
    <row r="6341" ht="11" customHeight="true" s="1" customFormat="true" hidden="true" collapsed="true" outlineLevel="2">
      <c r="A6341" s="5" t="s">
        <v>6745</v>
      </c>
      <c r="B6341" s="5" t="e"/>
      <c r="C6341" s="5" t="e"/>
      <c r="D6341" s="5" t="e"/>
      <c r="E6341" s="5" t="e"/>
    </row>
    <row r="6342" ht="33" customHeight="true" s="1" customFormat="true" hidden="true" outlineLevel="3">
      <c r="A6342" s="6" t="s">
        <v>6746</v>
      </c>
      <c r="B6342" s="6" t="e"/>
      <c r="C6342" s="6" t="s">
        <v>350</v>
      </c>
      <c r="D6342" s="6" t="s">
        <v>26</v>
      </c>
      <c r="E6342" s="6" t="e"/>
    </row>
    <row r="6343" ht="33" customHeight="true" s="1" customFormat="true" hidden="true" outlineLevel="3">
      <c r="A6343" s="6" t="s">
        <v>6747</v>
      </c>
      <c r="B6343" s="6" t="e"/>
      <c r="C6343" s="6" t="s">
        <v>155</v>
      </c>
      <c r="D6343" s="6" t="s">
        <v>11</v>
      </c>
      <c r="E6343" s="6" t="e"/>
    </row>
    <row r="6344" ht="33" customHeight="true" s="1" customFormat="true" hidden="true" outlineLevel="3">
      <c r="A6344" s="6" t="s">
        <v>6748</v>
      </c>
      <c r="B6344" s="6" t="e"/>
      <c r="C6344" s="6" t="s">
        <v>219</v>
      </c>
      <c r="D6344" s="6" t="s">
        <v>11</v>
      </c>
      <c r="E6344" s="6" t="e"/>
    </row>
    <row r="6345" ht="33" customHeight="true" s="1" customFormat="true" hidden="true" outlineLevel="3">
      <c r="A6345" s="6" t="s">
        <v>6749</v>
      </c>
      <c r="B6345" s="6" t="e"/>
      <c r="C6345" s="6" t="s">
        <v>219</v>
      </c>
      <c r="D6345" s="6" t="s">
        <v>11</v>
      </c>
      <c r="E6345" s="6" t="e"/>
    </row>
    <row r="6346" ht="67" customHeight="true" s="1" customFormat="true" hidden="true" outlineLevel="3">
      <c r="A6346" s="6" t="s">
        <v>6750</v>
      </c>
      <c r="B6346" s="6" t="e"/>
      <c r="C6346" s="6" t="s">
        <v>219</v>
      </c>
      <c r="D6346" s="6" t="s">
        <v>26</v>
      </c>
      <c r="E6346" s="6" t="e"/>
    </row>
    <row r="6347" ht="22" customHeight="true" s="1" customFormat="true" hidden="true" outlineLevel="3">
      <c r="A6347" s="6" t="s">
        <v>6751</v>
      </c>
      <c r="B6347" s="6" t="e"/>
      <c r="C6347" s="6" t="s">
        <v>225</v>
      </c>
      <c r="D6347" s="6" t="s">
        <v>40</v>
      </c>
      <c r="E6347" s="6" t="e"/>
    </row>
    <row r="6348" ht="33" customHeight="true" s="1" customFormat="true" hidden="true" outlineLevel="3">
      <c r="A6348" s="6" t="s">
        <v>6752</v>
      </c>
      <c r="B6348" s="6" t="e"/>
      <c r="C6348" s="6" t="s">
        <v>110</v>
      </c>
      <c r="D6348" s="6" t="s">
        <v>26</v>
      </c>
      <c r="E6348" s="6" t="e"/>
    </row>
    <row r="6349" ht="33" customHeight="true" s="1" customFormat="true" hidden="true" outlineLevel="3">
      <c r="A6349" s="6" t="s">
        <v>6753</v>
      </c>
      <c r="B6349" s="6" t="e"/>
      <c r="C6349" s="6" t="s">
        <v>219</v>
      </c>
      <c r="D6349" s="6" t="s">
        <v>11</v>
      </c>
      <c r="E6349" s="6" t="e"/>
    </row>
    <row r="6350" ht="33" customHeight="true" s="1" customFormat="true" hidden="true" outlineLevel="3">
      <c r="A6350" s="6" t="s">
        <v>6754</v>
      </c>
      <c r="B6350" s="6" t="e"/>
      <c r="C6350" s="6" t="s">
        <v>219</v>
      </c>
      <c r="D6350" s="6" t="s">
        <v>11</v>
      </c>
      <c r="E6350" s="6" t="e"/>
    </row>
    <row r="6351" ht="67" customHeight="true" s="1" customFormat="true" hidden="true" outlineLevel="3">
      <c r="A6351" s="6" t="s">
        <v>6755</v>
      </c>
      <c r="B6351" s="6" t="e"/>
      <c r="C6351" s="6" t="s">
        <v>371</v>
      </c>
      <c r="D6351" s="6" t="s">
        <v>11</v>
      </c>
      <c r="E6351" s="6" t="e"/>
    </row>
    <row r="6352" ht="44" customHeight="true" s="1" customFormat="true" hidden="true" outlineLevel="3">
      <c r="A6352" s="6" t="s">
        <v>6756</v>
      </c>
      <c r="B6352" s="6" t="e"/>
      <c r="C6352" s="6" t="s">
        <v>21</v>
      </c>
      <c r="D6352" s="6" t="s">
        <v>11</v>
      </c>
      <c r="E6352" s="6" t="e"/>
    </row>
    <row r="6353" ht="22" customHeight="true" s="1" customFormat="true" hidden="true" outlineLevel="3">
      <c r="A6353" s="6" t="s">
        <v>6757</v>
      </c>
      <c r="B6353" s="6" t="e"/>
      <c r="C6353" s="6" t="s">
        <v>126</v>
      </c>
      <c r="D6353" s="6" t="s">
        <v>11</v>
      </c>
      <c r="E6353" s="6" t="e"/>
    </row>
    <row r="6354" ht="22" customHeight="true" s="1" customFormat="true" hidden="true" outlineLevel="3">
      <c r="A6354" s="6" t="s">
        <v>6758</v>
      </c>
      <c r="B6354" s="6" t="e"/>
      <c r="C6354" s="6" t="s">
        <v>62</v>
      </c>
      <c r="D6354" s="6" t="s">
        <v>11</v>
      </c>
      <c r="E6354" s="6" t="e"/>
    </row>
    <row r="6355" ht="44" customHeight="true" s="1" customFormat="true" hidden="true" outlineLevel="3">
      <c r="A6355" s="6" t="s">
        <v>6759</v>
      </c>
      <c r="B6355" s="6" t="e"/>
      <c r="C6355" s="6" t="s">
        <v>219</v>
      </c>
      <c r="D6355" s="6" t="s">
        <v>11</v>
      </c>
      <c r="E6355" s="6" t="e"/>
    </row>
    <row r="6356" ht="33" customHeight="true" s="1" customFormat="true" hidden="true" outlineLevel="3">
      <c r="A6356" s="6" t="s">
        <v>6760</v>
      </c>
      <c r="B6356" s="6" t="e"/>
      <c r="C6356" s="6" t="s">
        <v>55</v>
      </c>
      <c r="D6356" s="6" t="s">
        <v>11</v>
      </c>
      <c r="E6356" s="6" t="e"/>
    </row>
    <row r="6357" ht="33" customHeight="true" s="1" customFormat="true" hidden="true" outlineLevel="3">
      <c r="A6357" s="6" t="s">
        <v>6761</v>
      </c>
      <c r="B6357" s="6" t="e"/>
      <c r="C6357" s="6" t="s">
        <v>155</v>
      </c>
      <c r="D6357" s="6" t="s">
        <v>11</v>
      </c>
      <c r="E6357" s="6" t="e"/>
    </row>
    <row r="6358" ht="33" customHeight="true" s="1" customFormat="true" hidden="true" outlineLevel="3">
      <c r="A6358" s="6" t="s">
        <v>6762</v>
      </c>
      <c r="B6358" s="6" t="e"/>
      <c r="C6358" s="6" t="s">
        <v>155</v>
      </c>
      <c r="D6358" s="6" t="s">
        <v>26</v>
      </c>
      <c r="E6358" s="6" t="e"/>
    </row>
    <row r="6359" ht="33" customHeight="true" s="1" customFormat="true" hidden="true" outlineLevel="3">
      <c r="A6359" s="6" t="s">
        <v>6763</v>
      </c>
      <c r="B6359" s="6" t="e"/>
      <c r="C6359" s="6" t="s">
        <v>155</v>
      </c>
      <c r="D6359" s="6" t="s">
        <v>11</v>
      </c>
      <c r="E6359" s="6" t="e"/>
    </row>
    <row r="6360" ht="56" customHeight="true" s="1" customFormat="true" hidden="true" outlineLevel="3">
      <c r="A6360" s="6" t="s">
        <v>6764</v>
      </c>
      <c r="B6360" s="6" t="e"/>
      <c r="C6360" s="6" t="s">
        <v>55</v>
      </c>
      <c r="D6360" s="6" t="s">
        <v>11</v>
      </c>
      <c r="E6360" s="6" t="e"/>
    </row>
    <row r="6361" ht="33" customHeight="true" s="1" customFormat="true" hidden="true" outlineLevel="3">
      <c r="A6361" s="6" t="s">
        <v>6765</v>
      </c>
      <c r="B6361" s="6" t="e"/>
      <c r="C6361" s="6" t="s">
        <v>72</v>
      </c>
      <c r="D6361" s="6" t="s">
        <v>11</v>
      </c>
      <c r="E6361" s="6" t="e"/>
    </row>
    <row r="6362" ht="11" customHeight="true" s="1" customFormat="true" hidden="true" outlineLevel="3">
      <c r="A6362" s="6" t="s">
        <v>6766</v>
      </c>
      <c r="B6362" s="6" t="e"/>
      <c r="C6362" s="6" t="s">
        <v>149</v>
      </c>
      <c r="D6362" s="6" t="s">
        <v>26</v>
      </c>
      <c r="E6362" s="6" t="e"/>
    </row>
    <row r="6363" ht="11" customHeight="true" s="1" customFormat="true" hidden="true" outlineLevel="3">
      <c r="A6363" s="6" t="s">
        <v>6767</v>
      </c>
      <c r="B6363" s="6" t="e"/>
      <c r="C6363" s="6" t="s">
        <v>225</v>
      </c>
      <c r="D6363" s="6" t="s">
        <v>11</v>
      </c>
      <c r="E6363" s="6" t="e"/>
    </row>
    <row r="6364" ht="11" customHeight="true" s="1" customFormat="true" hidden="true" outlineLevel="3">
      <c r="A6364" s="6" t="s">
        <v>6768</v>
      </c>
      <c r="B6364" s="6" t="e"/>
      <c r="C6364" s="6" t="s">
        <v>103</v>
      </c>
      <c r="D6364" s="6" t="s">
        <v>11</v>
      </c>
      <c r="E6364" s="6" t="e"/>
    </row>
    <row r="6365" ht="11" customHeight="true" s="1" customFormat="true" hidden="true" outlineLevel="3">
      <c r="A6365" s="6" t="s">
        <v>6769</v>
      </c>
      <c r="B6365" s="6" t="e"/>
      <c r="C6365" s="6" t="s">
        <v>126</v>
      </c>
      <c r="D6365" s="6" t="s">
        <v>11</v>
      </c>
      <c r="E6365" s="6" t="e"/>
    </row>
    <row r="6366" ht="22" customHeight="true" s="1" customFormat="true" hidden="true" outlineLevel="3">
      <c r="A6366" s="6" t="s">
        <v>6770</v>
      </c>
      <c r="B6366" s="6" t="e"/>
      <c r="C6366" s="6" t="s">
        <v>126</v>
      </c>
      <c r="D6366" s="6" t="s">
        <v>11</v>
      </c>
      <c r="E6366" s="6" t="e"/>
    </row>
    <row r="6367" ht="44" customHeight="true" s="1" customFormat="true" hidden="true" outlineLevel="3">
      <c r="A6367" s="6" t="s">
        <v>6771</v>
      </c>
      <c r="B6367" s="6" t="e"/>
      <c r="C6367" s="6" t="s">
        <v>142</v>
      </c>
      <c r="D6367" s="6" t="s">
        <v>26</v>
      </c>
      <c r="E6367" s="6" t="e"/>
    </row>
    <row r="6368" ht="33" customHeight="true" s="1" customFormat="true" hidden="true" outlineLevel="3">
      <c r="A6368" s="6" t="s">
        <v>6772</v>
      </c>
      <c r="B6368" s="6" t="e"/>
      <c r="C6368" s="6" t="s">
        <v>55</v>
      </c>
      <c r="D6368" s="6" t="s">
        <v>11</v>
      </c>
      <c r="E6368" s="6" t="e"/>
    </row>
    <row r="6369" ht="22" customHeight="true" s="1" customFormat="true" hidden="true" outlineLevel="3">
      <c r="A6369" s="6" t="s">
        <v>6773</v>
      </c>
      <c r="B6369" s="6" t="e"/>
      <c r="C6369" s="6" t="s">
        <v>296</v>
      </c>
      <c r="D6369" s="6" t="s">
        <v>11</v>
      </c>
      <c r="E6369" s="6" t="e"/>
    </row>
    <row r="6370" ht="33" customHeight="true" s="1" customFormat="true" hidden="true" outlineLevel="3">
      <c r="A6370" s="6" t="s">
        <v>6774</v>
      </c>
      <c r="B6370" s="6" t="e"/>
      <c r="C6370" s="6" t="s">
        <v>219</v>
      </c>
      <c r="D6370" s="6" t="s">
        <v>11</v>
      </c>
      <c r="E6370" s="6" t="e"/>
    </row>
    <row r="6371" ht="33" customHeight="true" s="1" customFormat="true" hidden="true" outlineLevel="3">
      <c r="A6371" s="6" t="s">
        <v>6775</v>
      </c>
      <c r="B6371" s="6" t="e"/>
      <c r="C6371" s="6" t="s">
        <v>155</v>
      </c>
      <c r="D6371" s="6" t="s">
        <v>11</v>
      </c>
      <c r="E6371" s="6" t="e"/>
    </row>
    <row r="6372" ht="33" customHeight="true" s="1" customFormat="true" hidden="true" outlineLevel="3">
      <c r="A6372" s="6" t="s">
        <v>6776</v>
      </c>
      <c r="B6372" s="6" t="e"/>
      <c r="C6372" s="6" t="s">
        <v>103</v>
      </c>
      <c r="D6372" s="6" t="s">
        <v>11</v>
      </c>
      <c r="E6372" s="6" t="e"/>
    </row>
    <row r="6373" ht="33" customHeight="true" s="1" customFormat="true" hidden="true" outlineLevel="3">
      <c r="A6373" s="6" t="s">
        <v>6777</v>
      </c>
      <c r="B6373" s="6" t="e"/>
      <c r="C6373" s="6" t="s">
        <v>253</v>
      </c>
      <c r="D6373" s="6" t="s">
        <v>11</v>
      </c>
      <c r="E6373" s="6" t="e"/>
    </row>
    <row r="6374" ht="22" customHeight="true" s="1" customFormat="true" hidden="true" outlineLevel="3">
      <c r="A6374" s="6" t="s">
        <v>6778</v>
      </c>
      <c r="B6374" s="6" t="e"/>
      <c r="C6374" s="6" t="s">
        <v>219</v>
      </c>
      <c r="D6374" s="6" t="s">
        <v>26</v>
      </c>
      <c r="E6374" s="6" t="e"/>
    </row>
    <row r="6375" ht="22" customHeight="true" s="1" customFormat="true" hidden="true" outlineLevel="3">
      <c r="A6375" s="6" t="s">
        <v>6779</v>
      </c>
      <c r="B6375" s="6" t="e"/>
      <c r="C6375" s="6" t="s">
        <v>253</v>
      </c>
      <c r="D6375" s="6" t="s">
        <v>11</v>
      </c>
      <c r="E6375" s="6" t="e"/>
    </row>
    <row r="6376" ht="33" customHeight="true" s="1" customFormat="true" hidden="true" outlineLevel="3">
      <c r="A6376" s="6" t="s">
        <v>6780</v>
      </c>
      <c r="B6376" s="6" t="e"/>
      <c r="C6376" s="6" t="s">
        <v>50</v>
      </c>
      <c r="D6376" s="6" t="s">
        <v>11</v>
      </c>
      <c r="E6376" s="6" t="e"/>
    </row>
    <row r="6377" ht="33" customHeight="true" s="1" customFormat="true" hidden="true" outlineLevel="3">
      <c r="A6377" s="6" t="s">
        <v>6781</v>
      </c>
      <c r="B6377" s="6" t="e"/>
      <c r="C6377" s="6" t="s">
        <v>219</v>
      </c>
      <c r="D6377" s="6" t="s">
        <v>11</v>
      </c>
      <c r="E6377" s="6" t="e"/>
    </row>
    <row r="6378" ht="22" customHeight="true" s="1" customFormat="true" hidden="true" outlineLevel="3">
      <c r="A6378" s="6" t="s">
        <v>6782</v>
      </c>
      <c r="B6378" s="6" t="e"/>
      <c r="C6378" s="6" t="s">
        <v>55</v>
      </c>
      <c r="D6378" s="6" t="s">
        <v>11</v>
      </c>
      <c r="E6378" s="6" t="e"/>
    </row>
    <row r="6379" ht="22" customHeight="true" s="1" customFormat="true" hidden="true" outlineLevel="3">
      <c r="A6379" s="6" t="s">
        <v>6783</v>
      </c>
      <c r="B6379" s="6" t="e"/>
      <c r="C6379" s="6" t="s">
        <v>225</v>
      </c>
      <c r="D6379" s="6" t="s">
        <v>11</v>
      </c>
      <c r="E6379" s="6" t="e"/>
    </row>
    <row r="6380" ht="22" customHeight="true" s="1" customFormat="true" hidden="true" outlineLevel="3">
      <c r="A6380" s="6" t="s">
        <v>6784</v>
      </c>
      <c r="B6380" s="6" t="e"/>
      <c r="C6380" s="6" t="s">
        <v>136</v>
      </c>
      <c r="D6380" s="6" t="s">
        <v>11</v>
      </c>
      <c r="E6380" s="6" t="e"/>
    </row>
    <row r="6381" ht="33" customHeight="true" s="1" customFormat="true" hidden="true" outlineLevel="3">
      <c r="A6381" s="6" t="s">
        <v>6785</v>
      </c>
      <c r="B6381" s="6" t="e"/>
      <c r="C6381" s="6" t="s">
        <v>3428</v>
      </c>
      <c r="D6381" s="6" t="s">
        <v>26</v>
      </c>
      <c r="E6381" s="6" t="e"/>
    </row>
    <row r="6382" ht="11" customHeight="true" s="1" customFormat="true" hidden="true" outlineLevel="3">
      <c r="A6382" s="6" t="s">
        <v>6786</v>
      </c>
      <c r="B6382" s="6" t="e"/>
      <c r="C6382" s="6" t="s">
        <v>296</v>
      </c>
      <c r="D6382" s="6" t="s">
        <v>11</v>
      </c>
      <c r="E6382" s="6" t="e"/>
    </row>
    <row r="6383" ht="22" customHeight="true" s="1" customFormat="true" hidden="true" outlineLevel="3">
      <c r="A6383" s="6" t="s">
        <v>6787</v>
      </c>
      <c r="B6383" s="6" t="e"/>
      <c r="C6383" s="6" t="s">
        <v>155</v>
      </c>
      <c r="D6383" s="6" t="s">
        <v>11</v>
      </c>
      <c r="E6383" s="6" t="e"/>
    </row>
    <row r="6384" ht="22" customHeight="true" s="1" customFormat="true" hidden="true" outlineLevel="3">
      <c r="A6384" s="6" t="s">
        <v>6788</v>
      </c>
      <c r="B6384" s="6" t="e"/>
      <c r="C6384" s="6" t="s">
        <v>188</v>
      </c>
      <c r="D6384" s="6" t="s">
        <v>11</v>
      </c>
      <c r="E6384" s="6" t="e"/>
    </row>
    <row r="6385" ht="11" customHeight="true" s="1" customFormat="true" hidden="true" outlineLevel="3">
      <c r="A6385" s="6" t="s">
        <v>6789</v>
      </c>
      <c r="B6385" s="6" t="e"/>
      <c r="C6385" s="6" t="s">
        <v>126</v>
      </c>
      <c r="D6385" s="6" t="s">
        <v>11</v>
      </c>
      <c r="E6385" s="6" t="e"/>
    </row>
    <row r="6386" ht="22" customHeight="true" s="1" customFormat="true" hidden="true" outlineLevel="3">
      <c r="A6386" s="6" t="s">
        <v>6790</v>
      </c>
      <c r="B6386" s="6" t="e"/>
      <c r="C6386" s="6" t="s">
        <v>55</v>
      </c>
      <c r="D6386" s="6" t="s">
        <v>11</v>
      </c>
      <c r="E6386" s="6" t="e"/>
    </row>
    <row r="6387" ht="44" customHeight="true" s="1" customFormat="true" hidden="true" outlineLevel="3">
      <c r="A6387" s="6" t="s">
        <v>6791</v>
      </c>
      <c r="B6387" s="6" t="e"/>
      <c r="C6387" s="6" t="s">
        <v>219</v>
      </c>
      <c r="D6387" s="6" t="s">
        <v>15</v>
      </c>
      <c r="E6387" s="6" t="e"/>
    </row>
    <row r="6388" ht="22" customHeight="true" s="1" customFormat="true" hidden="true" outlineLevel="3">
      <c r="A6388" s="6" t="s">
        <v>6792</v>
      </c>
      <c r="B6388" s="6" t="e"/>
      <c r="C6388" s="6" t="s">
        <v>155</v>
      </c>
      <c r="D6388" s="6" t="s">
        <v>11</v>
      </c>
      <c r="E6388" s="6" t="e"/>
    </row>
    <row r="6389" ht="33" customHeight="true" s="1" customFormat="true" hidden="true" outlineLevel="3">
      <c r="A6389" s="6" t="s">
        <v>6793</v>
      </c>
      <c r="B6389" s="6" t="e"/>
      <c r="C6389" s="6" t="s">
        <v>55</v>
      </c>
      <c r="D6389" s="6" t="s">
        <v>11</v>
      </c>
      <c r="E6389" s="6" t="e"/>
    </row>
    <row r="6390" ht="33" customHeight="true" s="1" customFormat="true" hidden="true" outlineLevel="3">
      <c r="A6390" s="6" t="s">
        <v>6794</v>
      </c>
      <c r="B6390" s="6" t="e"/>
      <c r="C6390" s="6" t="s">
        <v>155</v>
      </c>
      <c r="D6390" s="6" t="s">
        <v>26</v>
      </c>
      <c r="E6390" s="6" t="e"/>
    </row>
    <row r="6391" ht="33" customHeight="true" s="1" customFormat="true" hidden="true" outlineLevel="3">
      <c r="A6391" s="6" t="s">
        <v>6795</v>
      </c>
      <c r="B6391" s="6" t="e"/>
      <c r="C6391" s="6" t="s">
        <v>142</v>
      </c>
      <c r="D6391" s="6" t="s">
        <v>40</v>
      </c>
      <c r="E6391" s="6" t="e"/>
    </row>
    <row r="6392" ht="44" customHeight="true" s="1" customFormat="true" hidden="true" outlineLevel="3">
      <c r="A6392" s="6" t="s">
        <v>6796</v>
      </c>
      <c r="B6392" s="6" t="e"/>
      <c r="C6392" s="6" t="s">
        <v>219</v>
      </c>
      <c r="D6392" s="6" t="s">
        <v>26</v>
      </c>
      <c r="E6392" s="6" t="e"/>
    </row>
    <row r="6393" ht="22" customHeight="true" s="1" customFormat="true" hidden="true" outlineLevel="3">
      <c r="A6393" s="6" t="s">
        <v>6797</v>
      </c>
      <c r="B6393" s="6" t="e"/>
      <c r="C6393" s="6" t="s">
        <v>219</v>
      </c>
      <c r="D6393" s="6" t="s">
        <v>11</v>
      </c>
      <c r="E6393" s="6" t="e"/>
    </row>
    <row r="6394" ht="22" customHeight="true" s="1" customFormat="true" hidden="true" outlineLevel="3">
      <c r="A6394" s="6" t="s">
        <v>6798</v>
      </c>
      <c r="B6394" s="6" t="e"/>
      <c r="C6394" s="6" t="s">
        <v>155</v>
      </c>
      <c r="D6394" s="6" t="s">
        <v>11</v>
      </c>
      <c r="E6394" s="6" t="e"/>
    </row>
    <row r="6395" ht="22" customHeight="true" s="1" customFormat="true" hidden="true" outlineLevel="3">
      <c r="A6395" s="6" t="s">
        <v>6799</v>
      </c>
      <c r="B6395" s="6" t="e"/>
      <c r="C6395" s="6" t="s">
        <v>225</v>
      </c>
      <c r="D6395" s="6" t="s">
        <v>11</v>
      </c>
      <c r="E6395" s="6" t="e"/>
    </row>
    <row r="6396" ht="22" customHeight="true" s="1" customFormat="true" hidden="true" outlineLevel="3">
      <c r="A6396" s="6" t="s">
        <v>6800</v>
      </c>
      <c r="B6396" s="6" t="e"/>
      <c r="C6396" s="6" t="s">
        <v>369</v>
      </c>
      <c r="D6396" s="6" t="s">
        <v>26</v>
      </c>
      <c r="E6396" s="6" t="e"/>
    </row>
    <row r="6397" ht="56" customHeight="true" s="1" customFormat="true" hidden="true" outlineLevel="3">
      <c r="A6397" s="6" t="s">
        <v>6801</v>
      </c>
      <c r="B6397" s="6" t="e"/>
      <c r="C6397" s="6" t="s">
        <v>126</v>
      </c>
      <c r="D6397" s="6" t="s">
        <v>11</v>
      </c>
      <c r="E6397" s="6" t="e"/>
    </row>
    <row r="6398" ht="67" customHeight="true" s="1" customFormat="true" hidden="true" outlineLevel="3">
      <c r="A6398" s="6" t="s">
        <v>6802</v>
      </c>
      <c r="B6398" s="6" t="e"/>
      <c r="C6398" s="6" t="s">
        <v>21</v>
      </c>
      <c r="D6398" s="6" t="s">
        <v>11</v>
      </c>
      <c r="E6398" s="6" t="e"/>
    </row>
    <row r="6399" ht="22" customHeight="true" s="1" customFormat="true" hidden="true" outlineLevel="3">
      <c r="A6399" s="6" t="s">
        <v>6803</v>
      </c>
      <c r="B6399" s="6" t="e"/>
      <c r="C6399" s="6" t="s">
        <v>371</v>
      </c>
      <c r="D6399" s="6" t="s">
        <v>11</v>
      </c>
      <c r="E6399" s="6" t="e"/>
    </row>
    <row r="6400" ht="22" customHeight="true" s="1" customFormat="true" hidden="true" outlineLevel="3">
      <c r="A6400" s="6" t="s">
        <v>6804</v>
      </c>
      <c r="B6400" s="6" t="e"/>
      <c r="C6400" s="6" t="s">
        <v>302</v>
      </c>
      <c r="D6400" s="6" t="s">
        <v>11</v>
      </c>
      <c r="E6400" s="6" t="e"/>
    </row>
    <row r="6401" ht="56" customHeight="true" s="1" customFormat="true" hidden="true" outlineLevel="3">
      <c r="A6401" s="6" t="s">
        <v>6805</v>
      </c>
      <c r="B6401" s="6" t="e"/>
      <c r="C6401" s="6" t="s">
        <v>219</v>
      </c>
      <c r="D6401" s="6" t="s">
        <v>11</v>
      </c>
      <c r="E6401" s="6" t="e"/>
    </row>
    <row r="6402" ht="78" customHeight="true" s="1" customFormat="true" hidden="true" outlineLevel="3">
      <c r="A6402" s="6" t="s">
        <v>6806</v>
      </c>
      <c r="B6402" s="6" t="e"/>
      <c r="C6402" s="6" t="s">
        <v>1214</v>
      </c>
      <c r="D6402" s="6" t="s">
        <v>26</v>
      </c>
      <c r="E6402" s="6" t="e"/>
    </row>
    <row r="6403" ht="78" customHeight="true" s="1" customFormat="true" hidden="true" outlineLevel="3">
      <c r="A6403" s="6" t="s">
        <v>6807</v>
      </c>
      <c r="B6403" s="6" t="e"/>
      <c r="C6403" s="6" t="s">
        <v>1186</v>
      </c>
      <c r="D6403" s="6" t="s">
        <v>11</v>
      </c>
      <c r="E6403" s="6" t="e"/>
    </row>
    <row r="6404" ht="22" customHeight="true" s="1" customFormat="true" hidden="true" outlineLevel="3">
      <c r="A6404" s="6" t="s">
        <v>6808</v>
      </c>
      <c r="B6404" s="6" t="e"/>
      <c r="C6404" s="6" t="s">
        <v>369</v>
      </c>
      <c r="D6404" s="6" t="s">
        <v>11</v>
      </c>
      <c r="E6404" s="6" t="e"/>
    </row>
    <row r="6405" ht="33" customHeight="true" s="1" customFormat="true" hidden="true" outlineLevel="3">
      <c r="A6405" s="6" t="s">
        <v>6809</v>
      </c>
      <c r="B6405" s="6" t="e"/>
      <c r="C6405" s="6" t="s">
        <v>219</v>
      </c>
      <c r="D6405" s="6" t="s">
        <v>11</v>
      </c>
      <c r="E6405" s="6" t="e"/>
    </row>
    <row r="6406" ht="22" customHeight="true" s="1" customFormat="true" hidden="true" outlineLevel="3">
      <c r="A6406" s="6" t="s">
        <v>6810</v>
      </c>
      <c r="B6406" s="6" t="e"/>
      <c r="C6406" s="6" t="s">
        <v>155</v>
      </c>
      <c r="D6406" s="6" t="s">
        <v>11</v>
      </c>
      <c r="E6406" s="6" t="e"/>
    </row>
    <row r="6407" ht="22" customHeight="true" s="1" customFormat="true" hidden="true" outlineLevel="3">
      <c r="A6407" s="6" t="s">
        <v>6811</v>
      </c>
      <c r="B6407" s="6" t="e"/>
      <c r="C6407" s="6" t="s">
        <v>103</v>
      </c>
      <c r="D6407" s="6" t="s">
        <v>11</v>
      </c>
      <c r="E6407" s="6" t="e"/>
    </row>
    <row r="6408" ht="22" customHeight="true" s="1" customFormat="true" hidden="true" outlineLevel="3">
      <c r="A6408" s="6" t="s">
        <v>6812</v>
      </c>
      <c r="B6408" s="6" t="e"/>
      <c r="C6408" s="6" t="s">
        <v>21</v>
      </c>
      <c r="D6408" s="6" t="s">
        <v>11</v>
      </c>
      <c r="E6408" s="6" t="e"/>
    </row>
    <row r="6409" ht="22" customHeight="true" s="1" customFormat="true" hidden="true" collapsed="true" outlineLevel="3">
      <c r="A6409" s="6" t="s">
        <v>6813</v>
      </c>
      <c r="B6409" s="6" t="e"/>
      <c r="C6409" s="6" t="s">
        <v>149</v>
      </c>
      <c r="D6409" s="6" t="s">
        <v>11</v>
      </c>
      <c r="E6409" s="6" t="e"/>
    </row>
    <row r="6410" ht="11" customHeight="true" s="1" customFormat="true" hidden="true" collapsed="true" outlineLevel="2">
      <c r="A6410" s="5" t="s">
        <v>6814</v>
      </c>
      <c r="B6410" s="5" t="e"/>
      <c r="C6410" s="5" t="e"/>
      <c r="D6410" s="5" t="e"/>
      <c r="E6410" s="5" t="e"/>
    </row>
    <row r="6411" ht="33" customHeight="true" s="1" customFormat="true" hidden="true" outlineLevel="3">
      <c r="A6411" s="6" t="s">
        <v>6815</v>
      </c>
      <c r="B6411" s="6" t="e"/>
      <c r="C6411" s="6" t="s">
        <v>127</v>
      </c>
      <c r="D6411" s="6" t="s">
        <v>26</v>
      </c>
      <c r="E6411" s="6" t="e"/>
    </row>
    <row r="6412" ht="44" customHeight="true" s="1" customFormat="true" hidden="true" outlineLevel="3">
      <c r="A6412" s="6" t="s">
        <v>6816</v>
      </c>
      <c r="B6412" s="6" t="e"/>
      <c r="C6412" s="6" t="s">
        <v>72</v>
      </c>
      <c r="D6412" s="6" t="s">
        <v>11</v>
      </c>
      <c r="E6412" s="6" t="e"/>
    </row>
    <row r="6413" ht="67" customHeight="true" s="1" customFormat="true" hidden="true" outlineLevel="3">
      <c r="A6413" s="6" t="s">
        <v>6817</v>
      </c>
      <c r="B6413" s="6" t="e"/>
      <c r="C6413" s="6" t="s">
        <v>51</v>
      </c>
      <c r="D6413" s="6" t="s">
        <v>11</v>
      </c>
      <c r="E6413" s="6" t="e"/>
    </row>
    <row r="6414" ht="44" customHeight="true" s="1" customFormat="true" hidden="true" outlineLevel="3">
      <c r="A6414" s="6" t="s">
        <v>6818</v>
      </c>
      <c r="B6414" s="6" t="e"/>
      <c r="C6414" s="6" t="s">
        <v>142</v>
      </c>
      <c r="D6414" s="6" t="s">
        <v>11</v>
      </c>
      <c r="E6414" s="6" t="e"/>
    </row>
    <row r="6415" ht="56" customHeight="true" s="1" customFormat="true" hidden="true" outlineLevel="3">
      <c r="A6415" s="6" t="s">
        <v>6819</v>
      </c>
      <c r="B6415" s="6" t="e"/>
      <c r="C6415" s="6" t="s">
        <v>127</v>
      </c>
      <c r="D6415" s="6" t="s">
        <v>11</v>
      </c>
      <c r="E6415" s="6" t="e"/>
    </row>
    <row r="6416" ht="56" customHeight="true" s="1" customFormat="true" hidden="true" outlineLevel="3">
      <c r="A6416" s="6" t="s">
        <v>6820</v>
      </c>
      <c r="B6416" s="6" t="e"/>
      <c r="C6416" s="6" t="s">
        <v>72</v>
      </c>
      <c r="D6416" s="6" t="s">
        <v>11</v>
      </c>
      <c r="E6416" s="6" t="e"/>
    </row>
    <row r="6417" ht="67" customHeight="true" s="1" customFormat="true" hidden="true" outlineLevel="3">
      <c r="A6417" s="6" t="s">
        <v>6821</v>
      </c>
      <c r="B6417" s="6" t="e"/>
      <c r="C6417" s="6" t="s">
        <v>290</v>
      </c>
      <c r="D6417" s="6" t="s">
        <v>11</v>
      </c>
      <c r="E6417" s="6" t="e"/>
    </row>
    <row r="6418" ht="67" customHeight="true" s="1" customFormat="true" hidden="true" outlineLevel="3">
      <c r="A6418" s="6" t="s">
        <v>6822</v>
      </c>
      <c r="B6418" s="6" t="e"/>
      <c r="C6418" s="6" t="s">
        <v>149</v>
      </c>
      <c r="D6418" s="6" t="s">
        <v>11</v>
      </c>
      <c r="E6418" s="6" t="e"/>
    </row>
    <row r="6419" ht="33" customHeight="true" s="1" customFormat="true" hidden="true" outlineLevel="3">
      <c r="A6419" s="6" t="s">
        <v>6823</v>
      </c>
      <c r="B6419" s="6" t="e"/>
      <c r="C6419" s="6" t="s">
        <v>112</v>
      </c>
      <c r="D6419" s="6" t="s">
        <v>11</v>
      </c>
      <c r="E6419" s="6" t="e"/>
    </row>
    <row r="6420" ht="56" customHeight="true" s="1" customFormat="true" hidden="true" outlineLevel="3">
      <c r="A6420" s="6" t="s">
        <v>6824</v>
      </c>
      <c r="B6420" s="6" t="e"/>
      <c r="C6420" s="6" t="s">
        <v>155</v>
      </c>
      <c r="D6420" s="6" t="s">
        <v>11</v>
      </c>
      <c r="E6420" s="6" t="e"/>
    </row>
    <row r="6421" ht="56" customHeight="true" s="1" customFormat="true" hidden="true" outlineLevel="3">
      <c r="A6421" s="6" t="s">
        <v>6825</v>
      </c>
      <c r="B6421" s="6" t="e"/>
      <c r="C6421" s="6" t="s">
        <v>51</v>
      </c>
      <c r="D6421" s="6" t="s">
        <v>11</v>
      </c>
      <c r="E6421" s="6" t="e"/>
    </row>
    <row r="6422" ht="22" customHeight="true" s="1" customFormat="true" hidden="true" outlineLevel="3">
      <c r="A6422" s="6" t="s">
        <v>6826</v>
      </c>
      <c r="B6422" s="6" t="e"/>
      <c r="C6422" s="6" t="s">
        <v>126</v>
      </c>
      <c r="D6422" s="6" t="s">
        <v>11</v>
      </c>
      <c r="E6422" s="6" t="e"/>
    </row>
    <row r="6423" ht="33" customHeight="true" s="1" customFormat="true" hidden="true" outlineLevel="3">
      <c r="A6423" s="6" t="s">
        <v>6827</v>
      </c>
      <c r="B6423" s="6" t="e"/>
      <c r="C6423" s="6" t="s">
        <v>127</v>
      </c>
      <c r="D6423" s="6" t="s">
        <v>11</v>
      </c>
      <c r="E6423" s="6" t="e"/>
    </row>
    <row r="6424" ht="56" customHeight="true" s="1" customFormat="true" hidden="true" outlineLevel="3">
      <c r="A6424" s="6" t="s">
        <v>6828</v>
      </c>
      <c r="B6424" s="6" t="e"/>
      <c r="C6424" s="6" t="s">
        <v>72</v>
      </c>
      <c r="D6424" s="6" t="s">
        <v>11</v>
      </c>
      <c r="E6424" s="6" t="e"/>
    </row>
    <row r="6425" ht="44" customHeight="true" s="1" customFormat="true" hidden="true" outlineLevel="3">
      <c r="A6425" s="6" t="s">
        <v>6829</v>
      </c>
      <c r="B6425" s="6" t="e"/>
      <c r="C6425" s="6" t="s">
        <v>369</v>
      </c>
      <c r="D6425" s="6" t="s">
        <v>11</v>
      </c>
      <c r="E6425" s="6" t="e"/>
    </row>
    <row r="6426" ht="22" customHeight="true" s="1" customFormat="true" hidden="true" outlineLevel="3">
      <c r="A6426" s="6" t="s">
        <v>6830</v>
      </c>
      <c r="B6426" s="6" t="e"/>
      <c r="C6426" s="6" t="s">
        <v>99</v>
      </c>
      <c r="D6426" s="6" t="s">
        <v>26</v>
      </c>
      <c r="E6426" s="6" t="e"/>
    </row>
    <row r="6427" ht="44" customHeight="true" s="1" customFormat="true" hidden="true" outlineLevel="3">
      <c r="A6427" s="6" t="s">
        <v>6831</v>
      </c>
      <c r="B6427" s="6" t="e"/>
      <c r="C6427" s="6" t="s">
        <v>51</v>
      </c>
      <c r="D6427" s="6" t="s">
        <v>11</v>
      </c>
      <c r="E6427" s="6" t="e"/>
    </row>
    <row r="6428" ht="44" customHeight="true" s="1" customFormat="true" hidden="true" outlineLevel="3">
      <c r="A6428" s="6" t="s">
        <v>6832</v>
      </c>
      <c r="B6428" s="6" t="e"/>
      <c r="C6428" s="6" t="s">
        <v>219</v>
      </c>
      <c r="D6428" s="6" t="s">
        <v>11</v>
      </c>
      <c r="E6428" s="6" t="e"/>
    </row>
    <row r="6429" ht="33" customHeight="true" s="1" customFormat="true" hidden="true" outlineLevel="3">
      <c r="A6429" s="6" t="s">
        <v>6833</v>
      </c>
      <c r="B6429" s="6" t="e"/>
      <c r="C6429" s="6" t="s">
        <v>103</v>
      </c>
      <c r="D6429" s="6" t="s">
        <v>11</v>
      </c>
      <c r="E6429" s="6" t="e"/>
    </row>
    <row r="6430" ht="56" customHeight="true" s="1" customFormat="true" hidden="true" outlineLevel="3">
      <c r="A6430" s="6" t="s">
        <v>6834</v>
      </c>
      <c r="B6430" s="6" t="e"/>
      <c r="C6430" s="6" t="s">
        <v>51</v>
      </c>
      <c r="D6430" s="6" t="s">
        <v>11</v>
      </c>
      <c r="E6430" s="6" t="e"/>
    </row>
    <row r="6431" ht="33" customHeight="true" s="1" customFormat="true" hidden="true" outlineLevel="3">
      <c r="A6431" s="6" t="s">
        <v>6835</v>
      </c>
      <c r="B6431" s="6" t="e"/>
      <c r="C6431" s="6" t="s">
        <v>50</v>
      </c>
      <c r="D6431" s="6" t="s">
        <v>11</v>
      </c>
      <c r="E6431" s="6" t="e"/>
    </row>
    <row r="6432" ht="22" customHeight="true" s="1" customFormat="true" hidden="true" outlineLevel="3">
      <c r="A6432" s="6" t="s">
        <v>6836</v>
      </c>
      <c r="B6432" s="6" t="e"/>
      <c r="C6432" s="6" t="s">
        <v>126</v>
      </c>
      <c r="D6432" s="6" t="s">
        <v>11</v>
      </c>
      <c r="E6432" s="6" t="e"/>
    </row>
    <row r="6433" ht="33" customHeight="true" s="1" customFormat="true" hidden="true" outlineLevel="3">
      <c r="A6433" s="6" t="s">
        <v>6837</v>
      </c>
      <c r="B6433" s="6" t="e"/>
      <c r="C6433" s="6" t="s">
        <v>72</v>
      </c>
      <c r="D6433" s="6" t="s">
        <v>11</v>
      </c>
      <c r="E6433" s="6" t="e"/>
    </row>
    <row r="6434" ht="56" customHeight="true" s="1" customFormat="true" hidden="true" outlineLevel="3">
      <c r="A6434" s="6" t="s">
        <v>6838</v>
      </c>
      <c r="B6434" s="6" t="e"/>
      <c r="C6434" s="6" t="s">
        <v>289</v>
      </c>
      <c r="D6434" s="6" t="s">
        <v>11</v>
      </c>
      <c r="E6434" s="6" t="e"/>
    </row>
    <row r="6435" ht="22" customHeight="true" s="1" customFormat="true" hidden="true" outlineLevel="3">
      <c r="A6435" s="6" t="s">
        <v>6839</v>
      </c>
      <c r="B6435" s="6" t="e"/>
      <c r="C6435" s="6" t="s">
        <v>219</v>
      </c>
      <c r="D6435" s="6" t="s">
        <v>11</v>
      </c>
      <c r="E6435" s="6" t="e"/>
    </row>
    <row r="6436" ht="22" customHeight="true" s="1" customFormat="true" hidden="true" outlineLevel="3">
      <c r="A6436" s="6" t="s">
        <v>6840</v>
      </c>
      <c r="B6436" s="6" t="e"/>
      <c r="C6436" s="6" t="s">
        <v>219</v>
      </c>
      <c r="D6436" s="6" t="s">
        <v>11</v>
      </c>
      <c r="E6436" s="6" t="e"/>
    </row>
    <row r="6437" ht="44" customHeight="true" s="1" customFormat="true" hidden="true" outlineLevel="3">
      <c r="A6437" s="6" t="s">
        <v>6841</v>
      </c>
      <c r="B6437" s="6" t="e"/>
      <c r="C6437" s="6" t="s">
        <v>219</v>
      </c>
      <c r="D6437" s="6" t="s">
        <v>11</v>
      </c>
      <c r="E6437" s="6" t="e"/>
    </row>
    <row r="6438" ht="44" customHeight="true" s="1" customFormat="true" hidden="true" outlineLevel="3">
      <c r="A6438" s="6" t="s">
        <v>6842</v>
      </c>
      <c r="B6438" s="6" t="e"/>
      <c r="C6438" s="6" t="s">
        <v>110</v>
      </c>
      <c r="D6438" s="6" t="s">
        <v>11</v>
      </c>
      <c r="E6438" s="6" t="e"/>
    </row>
    <row r="6439" ht="44" customHeight="true" s="1" customFormat="true" hidden="true" outlineLevel="3">
      <c r="A6439" s="6" t="s">
        <v>6843</v>
      </c>
      <c r="B6439" s="6" t="e"/>
      <c r="C6439" s="6" t="s">
        <v>127</v>
      </c>
      <c r="D6439" s="6" t="s">
        <v>11</v>
      </c>
      <c r="E6439" s="6" t="e"/>
    </row>
    <row r="6440" ht="22" customHeight="true" s="1" customFormat="true" hidden="true" outlineLevel="3">
      <c r="A6440" s="6" t="s">
        <v>6844</v>
      </c>
      <c r="B6440" s="6" t="e"/>
      <c r="C6440" s="6" t="s">
        <v>155</v>
      </c>
      <c r="D6440" s="6" t="s">
        <v>11</v>
      </c>
      <c r="E6440" s="6" t="e"/>
    </row>
    <row r="6441" ht="56" customHeight="true" s="1" customFormat="true" hidden="true" outlineLevel="3">
      <c r="A6441" s="6" t="s">
        <v>6845</v>
      </c>
      <c r="B6441" s="6" t="e"/>
      <c r="C6441" s="6" t="s">
        <v>3428</v>
      </c>
      <c r="D6441" s="6" t="s">
        <v>11</v>
      </c>
      <c r="E6441" s="6" t="e"/>
    </row>
    <row r="6442" ht="33" customHeight="true" s="1" customFormat="true" hidden="true" outlineLevel="3">
      <c r="A6442" s="6" t="s">
        <v>6846</v>
      </c>
      <c r="B6442" s="6" t="e"/>
      <c r="C6442" s="6" t="s">
        <v>155</v>
      </c>
      <c r="D6442" s="6" t="s">
        <v>11</v>
      </c>
      <c r="E6442" s="6" t="e"/>
    </row>
    <row r="6443" ht="56" customHeight="true" s="1" customFormat="true" hidden="true" outlineLevel="3">
      <c r="A6443" s="6" t="s">
        <v>6847</v>
      </c>
      <c r="B6443" s="6" t="e"/>
      <c r="C6443" s="6" t="s">
        <v>1214</v>
      </c>
      <c r="D6443" s="6" t="s">
        <v>11</v>
      </c>
      <c r="E6443" s="6" t="e"/>
    </row>
    <row r="6444" ht="67" customHeight="true" s="1" customFormat="true" hidden="true" outlineLevel="3">
      <c r="A6444" s="6" t="s">
        <v>6848</v>
      </c>
      <c r="B6444" s="6" t="e"/>
      <c r="C6444" s="6" t="s">
        <v>2608</v>
      </c>
      <c r="D6444" s="6" t="s">
        <v>40</v>
      </c>
      <c r="E6444" s="6" t="e"/>
    </row>
    <row r="6445" ht="22" customHeight="true" s="1" customFormat="true" hidden="true" outlineLevel="3">
      <c r="A6445" s="6" t="s">
        <v>6849</v>
      </c>
      <c r="B6445" s="6" t="e"/>
      <c r="C6445" s="6" t="s">
        <v>219</v>
      </c>
      <c r="D6445" s="6" t="s">
        <v>11</v>
      </c>
      <c r="E6445" s="6" t="e"/>
    </row>
    <row r="6446" ht="11" customHeight="true" s="1" customFormat="true" hidden="true" outlineLevel="3">
      <c r="A6446" s="6" t="s">
        <v>6850</v>
      </c>
      <c r="B6446" s="6" t="e"/>
      <c r="C6446" s="6" t="s">
        <v>142</v>
      </c>
      <c r="D6446" s="6" t="s">
        <v>11</v>
      </c>
      <c r="E6446" s="6" t="e"/>
    </row>
    <row r="6447" ht="22" customHeight="true" s="1" customFormat="true" hidden="true" outlineLevel="3">
      <c r="A6447" s="6" t="s">
        <v>6851</v>
      </c>
      <c r="B6447" s="6" t="e"/>
      <c r="C6447" s="6" t="s">
        <v>103</v>
      </c>
      <c r="D6447" s="6" t="s">
        <v>11</v>
      </c>
      <c r="E6447" s="6" t="e"/>
    </row>
    <row r="6448" ht="22" customHeight="true" s="1" customFormat="true" hidden="true" outlineLevel="3">
      <c r="A6448" s="6" t="s">
        <v>6852</v>
      </c>
      <c r="B6448" s="6" t="e"/>
      <c r="C6448" s="6" t="s">
        <v>371</v>
      </c>
      <c r="D6448" s="6" t="s">
        <v>11</v>
      </c>
      <c r="E6448" s="6" t="e"/>
    </row>
    <row r="6449" ht="22" customHeight="true" s="1" customFormat="true" hidden="true" outlineLevel="3">
      <c r="A6449" s="6" t="s">
        <v>6853</v>
      </c>
      <c r="B6449" s="6" t="e"/>
      <c r="C6449" s="6" t="s">
        <v>225</v>
      </c>
      <c r="D6449" s="6" t="s">
        <v>11</v>
      </c>
      <c r="E6449" s="6" t="e"/>
    </row>
    <row r="6450" ht="22" customHeight="true" s="1" customFormat="true" hidden="true" outlineLevel="3">
      <c r="A6450" s="6" t="s">
        <v>6854</v>
      </c>
      <c r="B6450" s="6" t="e"/>
      <c r="C6450" s="6" t="s">
        <v>219</v>
      </c>
      <c r="D6450" s="6" t="s">
        <v>26</v>
      </c>
      <c r="E6450" s="6" t="e"/>
    </row>
    <row r="6451" ht="33" customHeight="true" s="1" customFormat="true" hidden="true" outlineLevel="3">
      <c r="A6451" s="6" t="s">
        <v>6855</v>
      </c>
      <c r="B6451" s="6" t="e"/>
      <c r="C6451" s="6" t="s">
        <v>126</v>
      </c>
      <c r="D6451" s="6" t="s">
        <v>11</v>
      </c>
      <c r="E6451" s="6" t="e"/>
    </row>
    <row r="6452" ht="11" customHeight="true" s="1" customFormat="true" hidden="true" outlineLevel="3">
      <c r="A6452" s="6" t="s">
        <v>6856</v>
      </c>
      <c r="B6452" s="6" t="e"/>
      <c r="C6452" s="6" t="s">
        <v>296</v>
      </c>
      <c r="D6452" s="6" t="s">
        <v>26</v>
      </c>
      <c r="E6452" s="6" t="e"/>
    </row>
    <row r="6453" ht="11" customHeight="true" s="1" customFormat="true" hidden="true" outlineLevel="3">
      <c r="A6453" s="6" t="s">
        <v>6857</v>
      </c>
      <c r="B6453" s="6" t="e"/>
      <c r="C6453" s="6" t="s">
        <v>242</v>
      </c>
      <c r="D6453" s="6" t="s">
        <v>26</v>
      </c>
      <c r="E6453" s="6" t="e"/>
    </row>
    <row r="6454" ht="22" customHeight="true" s="1" customFormat="true" hidden="true" outlineLevel="3">
      <c r="A6454" s="6" t="s">
        <v>6858</v>
      </c>
      <c r="B6454" s="6" t="e"/>
      <c r="C6454" s="6" t="s">
        <v>219</v>
      </c>
      <c r="D6454" s="6" t="s">
        <v>11</v>
      </c>
      <c r="E6454" s="6" t="e"/>
    </row>
    <row r="6455" ht="11" customHeight="true" s="1" customFormat="true" hidden="true" outlineLevel="3">
      <c r="A6455" s="6" t="s">
        <v>6859</v>
      </c>
      <c r="B6455" s="6" t="e"/>
      <c r="C6455" s="6" t="s">
        <v>167</v>
      </c>
      <c r="D6455" s="6" t="s">
        <v>26</v>
      </c>
      <c r="E6455" s="6" t="e"/>
    </row>
    <row r="6456" ht="22" customHeight="true" s="1" customFormat="true" hidden="true" outlineLevel="3">
      <c r="A6456" s="6" t="s">
        <v>6860</v>
      </c>
      <c r="B6456" s="6" t="e"/>
      <c r="C6456" s="6" t="s">
        <v>371</v>
      </c>
      <c r="D6456" s="6" t="s">
        <v>26</v>
      </c>
      <c r="E6456" s="6" t="e"/>
    </row>
    <row r="6457" ht="22" customHeight="true" s="1" customFormat="true" hidden="true" outlineLevel="3">
      <c r="A6457" s="6" t="s">
        <v>6861</v>
      </c>
      <c r="B6457" s="6" t="e"/>
      <c r="C6457" s="6" t="s">
        <v>296</v>
      </c>
      <c r="D6457" s="6" t="s">
        <v>40</v>
      </c>
      <c r="E6457" s="6" t="e"/>
    </row>
    <row r="6458" ht="33" customHeight="true" s="1" customFormat="true" hidden="true" outlineLevel="3">
      <c r="A6458" s="6" t="s">
        <v>6862</v>
      </c>
      <c r="B6458" s="6" t="e"/>
      <c r="C6458" s="6" t="s">
        <v>141</v>
      </c>
      <c r="D6458" s="6" t="s">
        <v>26</v>
      </c>
      <c r="E6458" s="6" t="e"/>
    </row>
    <row r="6459" ht="33" customHeight="true" s="1" customFormat="true" hidden="true" outlineLevel="3">
      <c r="A6459" s="6" t="s">
        <v>6863</v>
      </c>
      <c r="B6459" s="6" t="e"/>
      <c r="C6459" s="6" t="s">
        <v>219</v>
      </c>
      <c r="D6459" s="6" t="s">
        <v>40</v>
      </c>
      <c r="E6459" s="6" t="e"/>
    </row>
    <row r="6460" ht="22" customHeight="true" s="1" customFormat="true" hidden="true" outlineLevel="3">
      <c r="A6460" s="6" t="s">
        <v>6864</v>
      </c>
      <c r="B6460" s="6" t="e"/>
      <c r="C6460" s="6" t="s">
        <v>136</v>
      </c>
      <c r="D6460" s="6" t="s">
        <v>11</v>
      </c>
      <c r="E6460" s="6" t="e"/>
    </row>
    <row r="6461" ht="11" customHeight="true" s="1" customFormat="true" hidden="true" outlineLevel="3">
      <c r="A6461" s="6" t="s">
        <v>6865</v>
      </c>
      <c r="B6461" s="6" t="e"/>
      <c r="C6461" s="6" t="s">
        <v>242</v>
      </c>
      <c r="D6461" s="6" t="s">
        <v>26</v>
      </c>
      <c r="E6461" s="6" t="e"/>
    </row>
    <row r="6462" ht="22" customHeight="true" s="1" customFormat="true" hidden="true" outlineLevel="3">
      <c r="A6462" s="6" t="s">
        <v>6866</v>
      </c>
      <c r="B6462" s="6" t="e"/>
      <c r="C6462" s="6" t="s">
        <v>155</v>
      </c>
      <c r="D6462" s="6" t="s">
        <v>40</v>
      </c>
      <c r="E6462" s="6" t="e"/>
    </row>
    <row r="6463" ht="22" customHeight="true" s="1" customFormat="true" hidden="true" outlineLevel="3">
      <c r="A6463" s="6" t="s">
        <v>6867</v>
      </c>
      <c r="B6463" s="6" t="e"/>
      <c r="C6463" s="6" t="s">
        <v>103</v>
      </c>
      <c r="D6463" s="6" t="s">
        <v>11</v>
      </c>
      <c r="E6463" s="6" t="e"/>
    </row>
    <row r="6464" ht="22" customHeight="true" s="1" customFormat="true" hidden="true" outlineLevel="3">
      <c r="A6464" s="6" t="s">
        <v>6868</v>
      </c>
      <c r="B6464" s="6" t="e"/>
      <c r="C6464" s="6" t="s">
        <v>225</v>
      </c>
      <c r="D6464" s="6" t="s">
        <v>26</v>
      </c>
      <c r="E6464" s="6" t="e"/>
    </row>
    <row r="6465" ht="22" customHeight="true" s="1" customFormat="true" hidden="true" outlineLevel="3">
      <c r="A6465" s="6" t="s">
        <v>6869</v>
      </c>
      <c r="B6465" s="6" t="e"/>
      <c r="C6465" s="6" t="s">
        <v>141</v>
      </c>
      <c r="D6465" s="6" t="s">
        <v>11</v>
      </c>
      <c r="E6465" s="6" t="e"/>
    </row>
    <row r="6466" ht="11" customHeight="true" s="1" customFormat="true" hidden="true" outlineLevel="3">
      <c r="A6466" s="6" t="s">
        <v>6870</v>
      </c>
      <c r="B6466" s="6" t="e"/>
      <c r="C6466" s="6" t="s">
        <v>155</v>
      </c>
      <c r="D6466" s="6" t="s">
        <v>26</v>
      </c>
      <c r="E6466" s="6" t="e"/>
    </row>
    <row r="6467" ht="11" customHeight="true" s="1" customFormat="true" hidden="true" outlineLevel="3">
      <c r="A6467" s="6" t="s">
        <v>6871</v>
      </c>
      <c r="B6467" s="6" t="e"/>
      <c r="C6467" s="6" t="s">
        <v>296</v>
      </c>
      <c r="D6467" s="6" t="s">
        <v>11</v>
      </c>
      <c r="E6467" s="6" t="e"/>
    </row>
    <row r="6468" ht="22" customHeight="true" s="1" customFormat="true" hidden="true" outlineLevel="3">
      <c r="A6468" s="6" t="s">
        <v>6872</v>
      </c>
      <c r="B6468" s="6" t="e"/>
      <c r="C6468" s="6" t="s">
        <v>141</v>
      </c>
      <c r="D6468" s="6" t="s">
        <v>11</v>
      </c>
      <c r="E6468" s="6" t="e"/>
    </row>
    <row r="6469" ht="22" customHeight="true" s="1" customFormat="true" hidden="true" outlineLevel="3">
      <c r="A6469" s="6" t="s">
        <v>6873</v>
      </c>
      <c r="B6469" s="6" t="e"/>
      <c r="C6469" s="6" t="s">
        <v>302</v>
      </c>
      <c r="D6469" s="6" t="s">
        <v>11</v>
      </c>
      <c r="E6469" s="6" t="e"/>
    </row>
    <row r="6470" ht="22" customHeight="true" s="1" customFormat="true" hidden="true" outlineLevel="3">
      <c r="A6470" s="6" t="s">
        <v>6874</v>
      </c>
      <c r="B6470" s="6" t="e"/>
      <c r="C6470" s="6" t="s">
        <v>302</v>
      </c>
      <c r="D6470" s="6" t="s">
        <v>26</v>
      </c>
      <c r="E6470" s="6" t="e"/>
    </row>
    <row r="6471" ht="22" customHeight="true" s="1" customFormat="true" hidden="true" outlineLevel="3">
      <c r="A6471" s="6" t="s">
        <v>6875</v>
      </c>
      <c r="B6471" s="6" t="e"/>
      <c r="C6471" s="6" t="s">
        <v>225</v>
      </c>
      <c r="D6471" s="6" t="s">
        <v>11</v>
      </c>
      <c r="E6471" s="6" t="e"/>
    </row>
    <row r="6472" ht="11" customHeight="true" s="1" customFormat="true" hidden="true" outlineLevel="3">
      <c r="A6472" s="6" t="s">
        <v>6876</v>
      </c>
      <c r="B6472" s="6" t="e"/>
      <c r="C6472" s="6" t="s">
        <v>242</v>
      </c>
      <c r="D6472" s="6" t="s">
        <v>11</v>
      </c>
      <c r="E6472" s="6" t="e"/>
    </row>
    <row r="6473" ht="22" customHeight="true" s="1" customFormat="true" hidden="true" outlineLevel="3">
      <c r="A6473" s="6" t="s">
        <v>6877</v>
      </c>
      <c r="B6473" s="6" t="e"/>
      <c r="C6473" s="6" t="s">
        <v>371</v>
      </c>
      <c r="D6473" s="6" t="s">
        <v>11</v>
      </c>
      <c r="E6473" s="6" t="e"/>
    </row>
    <row r="6474" ht="22" customHeight="true" s="1" customFormat="true" hidden="true" outlineLevel="3">
      <c r="A6474" s="6" t="s">
        <v>6878</v>
      </c>
      <c r="B6474" s="6" t="e"/>
      <c r="C6474" s="6" t="s">
        <v>242</v>
      </c>
      <c r="D6474" s="6" t="s">
        <v>26</v>
      </c>
      <c r="E6474" s="6" t="e"/>
    </row>
    <row r="6475" ht="11" customHeight="true" s="1" customFormat="true" hidden="true" outlineLevel="3">
      <c r="A6475" s="6" t="s">
        <v>6879</v>
      </c>
      <c r="B6475" s="6" t="e"/>
      <c r="C6475" s="6" t="s">
        <v>225</v>
      </c>
      <c r="D6475" s="6" t="s">
        <v>11</v>
      </c>
      <c r="E6475" s="6" t="e"/>
    </row>
    <row r="6476" ht="22" customHeight="true" s="1" customFormat="true" hidden="true" outlineLevel="3">
      <c r="A6476" s="6" t="s">
        <v>6880</v>
      </c>
      <c r="B6476" s="6" t="e"/>
      <c r="C6476" s="6" t="s">
        <v>296</v>
      </c>
      <c r="D6476" s="6" t="s">
        <v>26</v>
      </c>
      <c r="E6476" s="6" t="e"/>
    </row>
    <row r="6477" ht="22" customHeight="true" s="1" customFormat="true" hidden="true" outlineLevel="3">
      <c r="A6477" s="6" t="s">
        <v>6881</v>
      </c>
      <c r="B6477" s="6" t="e"/>
      <c r="C6477" s="6" t="s">
        <v>126</v>
      </c>
      <c r="D6477" s="6" t="s">
        <v>11</v>
      </c>
      <c r="E6477" s="6" t="e"/>
    </row>
    <row r="6478" ht="22" customHeight="true" s="1" customFormat="true" hidden="true" outlineLevel="3">
      <c r="A6478" s="6" t="s">
        <v>6882</v>
      </c>
      <c r="B6478" s="6" t="e"/>
      <c r="C6478" s="6" t="s">
        <v>149</v>
      </c>
      <c r="D6478" s="6" t="s">
        <v>11</v>
      </c>
      <c r="E6478" s="6" t="e"/>
    </row>
    <row r="6479" ht="33" customHeight="true" s="1" customFormat="true" hidden="true" outlineLevel="3">
      <c r="A6479" s="6" t="s">
        <v>6883</v>
      </c>
      <c r="B6479" s="6" t="e"/>
      <c r="C6479" s="6" t="s">
        <v>136</v>
      </c>
      <c r="D6479" s="6" t="s">
        <v>26</v>
      </c>
      <c r="E6479" s="6" t="e"/>
    </row>
    <row r="6480" ht="22" customHeight="true" s="1" customFormat="true" hidden="true" outlineLevel="3">
      <c r="A6480" s="6" t="s">
        <v>6884</v>
      </c>
      <c r="B6480" s="6" t="e"/>
      <c r="C6480" s="6" t="s">
        <v>142</v>
      </c>
      <c r="D6480" s="6" t="s">
        <v>26</v>
      </c>
      <c r="E6480" s="6" t="e"/>
    </row>
    <row r="6481" ht="22" customHeight="true" s="1" customFormat="true" hidden="true" outlineLevel="3">
      <c r="A6481" s="6" t="s">
        <v>6885</v>
      </c>
      <c r="B6481" s="6" t="e"/>
      <c r="C6481" s="6" t="s">
        <v>225</v>
      </c>
      <c r="D6481" s="6" t="s">
        <v>40</v>
      </c>
      <c r="E6481" s="6" t="e"/>
    </row>
    <row r="6482" ht="33" customHeight="true" s="1" customFormat="true" hidden="true" outlineLevel="3">
      <c r="A6482" s="6" t="s">
        <v>6886</v>
      </c>
      <c r="B6482" s="6" t="e"/>
      <c r="C6482" s="6" t="s">
        <v>155</v>
      </c>
      <c r="D6482" s="6" t="s">
        <v>11</v>
      </c>
      <c r="E6482" s="6" t="e"/>
    </row>
    <row r="6483" ht="22" customHeight="true" s="1" customFormat="true" hidden="true" outlineLevel="3">
      <c r="A6483" s="6" t="s">
        <v>6887</v>
      </c>
      <c r="B6483" s="6" t="e"/>
      <c r="C6483" s="6" t="s">
        <v>136</v>
      </c>
      <c r="D6483" s="6" t="s">
        <v>11</v>
      </c>
      <c r="E6483" s="6" t="e"/>
    </row>
    <row r="6484" ht="22" customHeight="true" s="1" customFormat="true" hidden="true" outlineLevel="3">
      <c r="A6484" s="6" t="s">
        <v>6888</v>
      </c>
      <c r="B6484" s="6" t="e"/>
      <c r="C6484" s="6" t="s">
        <v>55</v>
      </c>
      <c r="D6484" s="6" t="s">
        <v>11</v>
      </c>
      <c r="E6484" s="6" t="e"/>
    </row>
    <row r="6485" ht="44" customHeight="true" s="1" customFormat="true" hidden="true" outlineLevel="3">
      <c r="A6485" s="6" t="s">
        <v>6889</v>
      </c>
      <c r="B6485" s="6" t="e"/>
      <c r="C6485" s="6" t="s">
        <v>2768</v>
      </c>
      <c r="D6485" s="6" t="s">
        <v>11</v>
      </c>
      <c r="E6485" s="6" t="e"/>
    </row>
    <row r="6486" ht="44" customHeight="true" s="1" customFormat="true" hidden="true" outlineLevel="3">
      <c r="A6486" s="6" t="s">
        <v>6890</v>
      </c>
      <c r="B6486" s="6" t="e"/>
      <c r="C6486" s="6" t="s">
        <v>3428</v>
      </c>
      <c r="D6486" s="6" t="s">
        <v>11</v>
      </c>
      <c r="E6486" s="6" t="e"/>
    </row>
    <row r="6487" ht="44" customHeight="true" s="1" customFormat="true" hidden="true" outlineLevel="3">
      <c r="A6487" s="6" t="s">
        <v>6891</v>
      </c>
      <c r="B6487" s="6" t="e"/>
      <c r="C6487" s="6" t="s">
        <v>155</v>
      </c>
      <c r="D6487" s="6" t="s">
        <v>26</v>
      </c>
      <c r="E6487" s="6" t="e"/>
    </row>
    <row r="6488" ht="22" customHeight="true" s="1" customFormat="true" hidden="true" outlineLevel="3">
      <c r="A6488" s="6" t="s">
        <v>6892</v>
      </c>
      <c r="B6488" s="6" t="e"/>
      <c r="C6488" s="6" t="s">
        <v>136</v>
      </c>
      <c r="D6488" s="6" t="s">
        <v>26</v>
      </c>
      <c r="E6488" s="6" t="e"/>
    </row>
    <row r="6489" ht="33" customHeight="true" s="1" customFormat="true" hidden="true" outlineLevel="3">
      <c r="A6489" s="6" t="s">
        <v>6893</v>
      </c>
      <c r="B6489" s="6" t="e"/>
      <c r="C6489" s="6" t="s">
        <v>371</v>
      </c>
      <c r="D6489" s="6" t="s">
        <v>11</v>
      </c>
      <c r="E6489" s="6" t="e"/>
    </row>
    <row r="6490" ht="22" customHeight="true" s="1" customFormat="true" hidden="true" outlineLevel="3">
      <c r="A6490" s="6" t="s">
        <v>6894</v>
      </c>
      <c r="B6490" s="6" t="e"/>
      <c r="C6490" s="6" t="s">
        <v>149</v>
      </c>
      <c r="D6490" s="6" t="s">
        <v>26</v>
      </c>
      <c r="E6490" s="6" t="e"/>
    </row>
    <row r="6491" ht="56" customHeight="true" s="1" customFormat="true" hidden="true" outlineLevel="3">
      <c r="A6491" s="6" t="s">
        <v>6895</v>
      </c>
      <c r="B6491" s="6" t="e"/>
      <c r="C6491" s="6" t="s">
        <v>219</v>
      </c>
      <c r="D6491" s="6" t="s">
        <v>11</v>
      </c>
      <c r="E6491" s="6" t="e"/>
    </row>
    <row r="6492" ht="44" customHeight="true" s="1" customFormat="true" hidden="true" outlineLevel="3">
      <c r="A6492" s="6" t="s">
        <v>6896</v>
      </c>
      <c r="B6492" s="6" t="e"/>
      <c r="C6492" s="6" t="s">
        <v>371</v>
      </c>
      <c r="D6492" s="6" t="s">
        <v>11</v>
      </c>
      <c r="E6492" s="6" t="e"/>
    </row>
    <row r="6493" ht="67" customHeight="true" s="1" customFormat="true" hidden="true" outlineLevel="3">
      <c r="A6493" s="6" t="s">
        <v>6897</v>
      </c>
      <c r="B6493" s="6" t="e"/>
      <c r="C6493" s="6" t="s">
        <v>83</v>
      </c>
      <c r="D6493" s="6" t="s">
        <v>11</v>
      </c>
      <c r="E6493" s="6" t="e"/>
    </row>
    <row r="6494" ht="56" customHeight="true" s="1" customFormat="true" hidden="true" outlineLevel="3">
      <c r="A6494" s="6" t="s">
        <v>6898</v>
      </c>
      <c r="B6494" s="6" t="e"/>
      <c r="C6494" s="6" t="s">
        <v>371</v>
      </c>
      <c r="D6494" s="6" t="s">
        <v>11</v>
      </c>
      <c r="E6494" s="6" t="e"/>
    </row>
    <row r="6495" ht="56" customHeight="true" s="1" customFormat="true" hidden="true" outlineLevel="3">
      <c r="A6495" s="6" t="s">
        <v>6899</v>
      </c>
      <c r="B6495" s="6" t="e"/>
      <c r="C6495" s="6" t="s">
        <v>5583</v>
      </c>
      <c r="D6495" s="6" t="s">
        <v>11</v>
      </c>
      <c r="E6495" s="6" t="e"/>
    </row>
    <row r="6496" ht="56" customHeight="true" s="1" customFormat="true" hidden="true" outlineLevel="3">
      <c r="A6496" s="6" t="s">
        <v>6900</v>
      </c>
      <c r="B6496" s="6" t="e"/>
      <c r="C6496" s="6" t="s">
        <v>325</v>
      </c>
      <c r="D6496" s="6" t="s">
        <v>11</v>
      </c>
      <c r="E6496" s="6" t="e"/>
    </row>
    <row r="6497" ht="56" customHeight="true" s="1" customFormat="true" hidden="true" outlineLevel="3">
      <c r="A6497" s="6" t="s">
        <v>6901</v>
      </c>
      <c r="B6497" s="6" t="e"/>
      <c r="C6497" s="6" t="s">
        <v>369</v>
      </c>
      <c r="D6497" s="6" t="s">
        <v>11</v>
      </c>
      <c r="E6497" s="6" t="e"/>
    </row>
    <row r="6498" ht="56" customHeight="true" s="1" customFormat="true" hidden="true" outlineLevel="3">
      <c r="A6498" s="6" t="s">
        <v>6902</v>
      </c>
      <c r="B6498" s="6" t="e"/>
      <c r="C6498" s="6" t="s">
        <v>5583</v>
      </c>
      <c r="D6498" s="6" t="s">
        <v>11</v>
      </c>
      <c r="E6498" s="6" t="e"/>
    </row>
    <row r="6499" ht="56" customHeight="true" s="1" customFormat="true" hidden="true" outlineLevel="3">
      <c r="A6499" s="6" t="s">
        <v>6903</v>
      </c>
      <c r="B6499" s="6" t="e"/>
      <c r="C6499" s="6" t="s">
        <v>325</v>
      </c>
      <c r="D6499" s="6" t="s">
        <v>11</v>
      </c>
      <c r="E6499" s="6" t="e"/>
    </row>
    <row r="6500" ht="22" customHeight="true" s="1" customFormat="true" hidden="true" outlineLevel="3">
      <c r="A6500" s="6" t="s">
        <v>6904</v>
      </c>
      <c r="B6500" s="6" t="e"/>
      <c r="C6500" s="6" t="s">
        <v>155</v>
      </c>
      <c r="D6500" s="6" t="s">
        <v>11</v>
      </c>
      <c r="E6500" s="6" t="e"/>
    </row>
    <row r="6501" ht="22" customHeight="true" s="1" customFormat="true" hidden="true" outlineLevel="3">
      <c r="A6501" s="6" t="s">
        <v>6905</v>
      </c>
      <c r="B6501" s="6" t="e"/>
      <c r="C6501" s="6" t="s">
        <v>155</v>
      </c>
      <c r="D6501" s="6" t="s">
        <v>11</v>
      </c>
      <c r="E6501" s="6" t="e"/>
    </row>
    <row r="6502" ht="33" customHeight="true" s="1" customFormat="true" hidden="true" outlineLevel="3">
      <c r="A6502" s="6" t="s">
        <v>6906</v>
      </c>
      <c r="B6502" s="6" t="e"/>
      <c r="C6502" s="6" t="s">
        <v>155</v>
      </c>
      <c r="D6502" s="6" t="s">
        <v>11</v>
      </c>
      <c r="E6502" s="6" t="e"/>
    </row>
    <row r="6503" ht="22" customHeight="true" s="1" customFormat="true" hidden="true" outlineLevel="3">
      <c r="A6503" s="6" t="s">
        <v>6907</v>
      </c>
      <c r="B6503" s="6" t="e"/>
      <c r="C6503" s="6" t="s">
        <v>155</v>
      </c>
      <c r="D6503" s="6" t="s">
        <v>11</v>
      </c>
      <c r="E6503" s="6" t="e"/>
    </row>
    <row r="6504" ht="22" customHeight="true" s="1" customFormat="true" hidden="true" outlineLevel="3">
      <c r="A6504" s="6" t="s">
        <v>6908</v>
      </c>
      <c r="B6504" s="6" t="e"/>
      <c r="C6504" s="6" t="s">
        <v>103</v>
      </c>
      <c r="D6504" s="6" t="s">
        <v>26</v>
      </c>
      <c r="E6504" s="6" t="e"/>
    </row>
    <row r="6505" ht="22" customHeight="true" s="1" customFormat="true" hidden="true" outlineLevel="3">
      <c r="A6505" s="6" t="s">
        <v>6909</v>
      </c>
      <c r="B6505" s="6" t="e"/>
      <c r="C6505" s="6" t="s">
        <v>302</v>
      </c>
      <c r="D6505" s="6" t="s">
        <v>40</v>
      </c>
      <c r="E6505" s="6" t="e"/>
    </row>
    <row r="6506" ht="33" customHeight="true" s="1" customFormat="true" hidden="true" outlineLevel="3">
      <c r="A6506" s="6" t="s">
        <v>6910</v>
      </c>
      <c r="B6506" s="6" t="e"/>
      <c r="C6506" s="6" t="s">
        <v>253</v>
      </c>
      <c r="D6506" s="6" t="s">
        <v>11</v>
      </c>
      <c r="E6506" s="6" t="e"/>
    </row>
    <row r="6507" ht="33" customHeight="true" s="1" customFormat="true" hidden="true" outlineLevel="3">
      <c r="A6507" s="6" t="s">
        <v>6911</v>
      </c>
      <c r="B6507" s="6" t="e"/>
      <c r="C6507" s="6" t="s">
        <v>225</v>
      </c>
      <c r="D6507" s="6" t="s">
        <v>11</v>
      </c>
      <c r="E6507" s="6" t="e"/>
    </row>
    <row r="6508" ht="33" customHeight="true" s="1" customFormat="true" hidden="true" outlineLevel="3">
      <c r="A6508" s="6" t="s">
        <v>6912</v>
      </c>
      <c r="B6508" s="6" t="e"/>
      <c r="C6508" s="6" t="s">
        <v>155</v>
      </c>
      <c r="D6508" s="6" t="s">
        <v>26</v>
      </c>
      <c r="E6508" s="6" t="e"/>
    </row>
    <row r="6509" ht="22" customHeight="true" s="1" customFormat="true" hidden="true" outlineLevel="3">
      <c r="A6509" s="6" t="s">
        <v>6913</v>
      </c>
      <c r="B6509" s="6" t="e"/>
      <c r="C6509" s="6" t="s">
        <v>126</v>
      </c>
      <c r="D6509" s="6" t="s">
        <v>26</v>
      </c>
      <c r="E6509" s="6" t="e"/>
    </row>
    <row r="6510" ht="22" customHeight="true" s="1" customFormat="true" hidden="true" outlineLevel="3">
      <c r="A6510" s="6" t="s">
        <v>6914</v>
      </c>
      <c r="B6510" s="6" t="e"/>
      <c r="C6510" s="6" t="s">
        <v>155</v>
      </c>
      <c r="D6510" s="6" t="s">
        <v>11</v>
      </c>
      <c r="E6510" s="6" t="e"/>
    </row>
    <row r="6511" ht="22" customHeight="true" s="1" customFormat="true" hidden="true" outlineLevel="3">
      <c r="A6511" s="6" t="s">
        <v>6915</v>
      </c>
      <c r="B6511" s="6" t="e"/>
      <c r="C6511" s="6" t="s">
        <v>296</v>
      </c>
      <c r="D6511" s="6" t="s">
        <v>11</v>
      </c>
      <c r="E6511" s="6" t="e"/>
    </row>
    <row r="6512" ht="22" customHeight="true" s="1" customFormat="true" hidden="true" outlineLevel="3">
      <c r="A6512" s="6" t="s">
        <v>6916</v>
      </c>
      <c r="B6512" s="6" t="e"/>
      <c r="C6512" s="6" t="s">
        <v>149</v>
      </c>
      <c r="D6512" s="6" t="s">
        <v>11</v>
      </c>
      <c r="E6512" s="6" t="e"/>
    </row>
    <row r="6513" ht="33" customHeight="true" s="1" customFormat="true" hidden="true" outlineLevel="3">
      <c r="A6513" s="6" t="s">
        <v>6917</v>
      </c>
      <c r="B6513" s="6" t="e"/>
      <c r="C6513" s="6" t="s">
        <v>188</v>
      </c>
      <c r="D6513" s="6" t="s">
        <v>26</v>
      </c>
      <c r="E6513" s="6" t="e"/>
    </row>
    <row r="6514" ht="44" customHeight="true" s="1" customFormat="true" hidden="true" outlineLevel="3">
      <c r="A6514" s="6" t="s">
        <v>6918</v>
      </c>
      <c r="B6514" s="6" t="e"/>
      <c r="C6514" s="6" t="s">
        <v>82</v>
      </c>
      <c r="D6514" s="6" t="s">
        <v>11</v>
      </c>
      <c r="E6514" s="6" t="e"/>
    </row>
    <row r="6515" ht="22" customHeight="true" s="1" customFormat="true" hidden="true" outlineLevel="3">
      <c r="A6515" s="6" t="s">
        <v>6919</v>
      </c>
      <c r="B6515" s="6" t="e"/>
      <c r="C6515" s="6" t="s">
        <v>155</v>
      </c>
      <c r="D6515" s="6" t="s">
        <v>11</v>
      </c>
      <c r="E6515" s="6" t="e"/>
    </row>
    <row r="6516" ht="33" customHeight="true" s="1" customFormat="true" hidden="true" outlineLevel="3">
      <c r="A6516" s="6" t="s">
        <v>6920</v>
      </c>
      <c r="B6516" s="6" t="e"/>
      <c r="C6516" s="6" t="s">
        <v>225</v>
      </c>
      <c r="D6516" s="6" t="s">
        <v>26</v>
      </c>
      <c r="E6516" s="6" t="e"/>
    </row>
    <row r="6517" ht="22" customHeight="true" s="1" customFormat="true" hidden="true" outlineLevel="3">
      <c r="A6517" s="6" t="s">
        <v>6921</v>
      </c>
      <c r="B6517" s="6" t="e"/>
      <c r="C6517" s="6" t="s">
        <v>225</v>
      </c>
      <c r="D6517" s="6" t="s">
        <v>11</v>
      </c>
      <c r="E6517" s="6" t="e"/>
    </row>
    <row r="6518" ht="33" customHeight="true" s="1" customFormat="true" hidden="true" outlineLevel="3">
      <c r="A6518" s="6" t="s">
        <v>6922</v>
      </c>
      <c r="B6518" s="6" t="e"/>
      <c r="C6518" s="6" t="s">
        <v>225</v>
      </c>
      <c r="D6518" s="6" t="s">
        <v>11</v>
      </c>
      <c r="E6518" s="6" t="e"/>
    </row>
    <row r="6519" ht="44" customHeight="true" s="1" customFormat="true" hidden="true" outlineLevel="3">
      <c r="A6519" s="6" t="s">
        <v>6923</v>
      </c>
      <c r="B6519" s="6" t="e"/>
      <c r="C6519" s="6" t="s">
        <v>219</v>
      </c>
      <c r="D6519" s="6" t="s">
        <v>11</v>
      </c>
      <c r="E6519" s="6" t="e"/>
    </row>
    <row r="6520" ht="33" customHeight="true" s="1" customFormat="true" hidden="true" outlineLevel="3">
      <c r="A6520" s="6" t="s">
        <v>6924</v>
      </c>
      <c r="B6520" s="6" t="e"/>
      <c r="C6520" s="6" t="s">
        <v>55</v>
      </c>
      <c r="D6520" s="6" t="s">
        <v>11</v>
      </c>
      <c r="E6520" s="6" t="e"/>
    </row>
    <row r="6521" ht="44" customHeight="true" s="1" customFormat="true" hidden="true" outlineLevel="3">
      <c r="A6521" s="6" t="s">
        <v>6925</v>
      </c>
      <c r="B6521" s="6" t="e"/>
      <c r="C6521" s="6" t="s">
        <v>1214</v>
      </c>
      <c r="D6521" s="6" t="s">
        <v>11</v>
      </c>
      <c r="E6521" s="6" t="e"/>
    </row>
    <row r="6522" ht="44" customHeight="true" s="1" customFormat="true" hidden="true" outlineLevel="3">
      <c r="A6522" s="6" t="s">
        <v>6926</v>
      </c>
      <c r="B6522" s="6" t="e"/>
      <c r="C6522" s="6" t="s">
        <v>2768</v>
      </c>
      <c r="D6522" s="6" t="s">
        <v>11</v>
      </c>
      <c r="E6522" s="6" t="e"/>
    </row>
    <row r="6523" ht="44" customHeight="true" s="1" customFormat="true" hidden="true" outlineLevel="3">
      <c r="A6523" s="6" t="s">
        <v>6927</v>
      </c>
      <c r="B6523" s="6" t="e"/>
      <c r="C6523" s="6" t="s">
        <v>82</v>
      </c>
      <c r="D6523" s="6" t="s">
        <v>11</v>
      </c>
      <c r="E6523" s="6" t="e"/>
    </row>
    <row r="6524" ht="33" customHeight="true" s="1" customFormat="true" hidden="true" outlineLevel="3">
      <c r="A6524" s="6" t="s">
        <v>6928</v>
      </c>
      <c r="B6524" s="6" t="e"/>
      <c r="C6524" s="6" t="s">
        <v>225</v>
      </c>
      <c r="D6524" s="6" t="s">
        <v>11</v>
      </c>
      <c r="E6524" s="6" t="e"/>
    </row>
    <row r="6525" ht="33" customHeight="true" s="1" customFormat="true" hidden="true" outlineLevel="3">
      <c r="A6525" s="6" t="s">
        <v>6929</v>
      </c>
      <c r="B6525" s="6" t="e"/>
      <c r="C6525" s="6" t="s">
        <v>126</v>
      </c>
      <c r="D6525" s="6" t="s">
        <v>11</v>
      </c>
      <c r="E6525" s="6" t="e"/>
    </row>
    <row r="6526" ht="33" customHeight="true" s="1" customFormat="true" hidden="true" outlineLevel="3">
      <c r="A6526" s="6" t="s">
        <v>6930</v>
      </c>
      <c r="B6526" s="6" t="e"/>
      <c r="C6526" s="6" t="s">
        <v>126</v>
      </c>
      <c r="D6526" s="6" t="s">
        <v>11</v>
      </c>
      <c r="E6526" s="6" t="e"/>
    </row>
    <row r="6527" ht="56" customHeight="true" s="1" customFormat="true" hidden="true" outlineLevel="3">
      <c r="A6527" s="6" t="s">
        <v>6931</v>
      </c>
      <c r="B6527" s="6" t="e"/>
      <c r="C6527" s="6" t="s">
        <v>55</v>
      </c>
      <c r="D6527" s="6" t="s">
        <v>11</v>
      </c>
      <c r="E6527" s="6" t="e"/>
    </row>
    <row r="6528" ht="22" customHeight="true" s="1" customFormat="true" hidden="true" outlineLevel="3">
      <c r="A6528" s="6" t="s">
        <v>6932</v>
      </c>
      <c r="B6528" s="6" t="e"/>
      <c r="C6528" s="6" t="s">
        <v>155</v>
      </c>
      <c r="D6528" s="6" t="s">
        <v>11</v>
      </c>
      <c r="E6528" s="6" t="e"/>
    </row>
    <row r="6529" ht="22" customHeight="true" s="1" customFormat="true" hidden="true" outlineLevel="3">
      <c r="A6529" s="6" t="s">
        <v>6933</v>
      </c>
      <c r="B6529" s="6" t="e"/>
      <c r="C6529" s="6" t="s">
        <v>225</v>
      </c>
      <c r="D6529" s="6" t="s">
        <v>11</v>
      </c>
      <c r="E6529" s="6" t="e"/>
    </row>
    <row r="6530" ht="44" customHeight="true" s="1" customFormat="true" hidden="true" outlineLevel="3">
      <c r="A6530" s="6" t="s">
        <v>6934</v>
      </c>
      <c r="B6530" s="6" t="e"/>
      <c r="C6530" s="6" t="s">
        <v>2768</v>
      </c>
      <c r="D6530" s="6" t="s">
        <v>11</v>
      </c>
      <c r="E6530" s="6" t="e"/>
    </row>
    <row r="6531" ht="22" customHeight="true" s="1" customFormat="true" hidden="true" outlineLevel="3">
      <c r="A6531" s="6" t="s">
        <v>6935</v>
      </c>
      <c r="B6531" s="6" t="e"/>
      <c r="C6531" s="6" t="s">
        <v>225</v>
      </c>
      <c r="D6531" s="6" t="s">
        <v>26</v>
      </c>
      <c r="E6531" s="6" t="e"/>
    </row>
    <row r="6532" ht="44" customHeight="true" s="1" customFormat="true" hidden="true" outlineLevel="3">
      <c r="A6532" s="6" t="s">
        <v>6936</v>
      </c>
      <c r="B6532" s="6" t="e"/>
      <c r="C6532" s="6" t="s">
        <v>253</v>
      </c>
      <c r="D6532" s="6" t="s">
        <v>11</v>
      </c>
      <c r="E6532" s="6" t="e"/>
    </row>
    <row r="6533" ht="33" customHeight="true" s="1" customFormat="true" hidden="true" outlineLevel="3">
      <c r="A6533" s="6" t="s">
        <v>6937</v>
      </c>
      <c r="B6533" s="6" t="e"/>
      <c r="C6533" s="6" t="s">
        <v>21</v>
      </c>
      <c r="D6533" s="6" t="s">
        <v>11</v>
      </c>
      <c r="E6533" s="6" t="e"/>
    </row>
    <row r="6534" ht="22" customHeight="true" s="1" customFormat="true" hidden="true" outlineLevel="3">
      <c r="A6534" s="6" t="s">
        <v>6938</v>
      </c>
      <c r="B6534" s="6" t="e"/>
      <c r="C6534" s="6" t="s">
        <v>225</v>
      </c>
      <c r="D6534" s="6" t="s">
        <v>11</v>
      </c>
      <c r="E6534" s="6" t="e"/>
    </row>
    <row r="6535" ht="33" customHeight="true" s="1" customFormat="true" hidden="true" outlineLevel="3">
      <c r="A6535" s="6" t="s">
        <v>6939</v>
      </c>
      <c r="B6535" s="6" t="e"/>
      <c r="C6535" s="6" t="s">
        <v>126</v>
      </c>
      <c r="D6535" s="6" t="s">
        <v>26</v>
      </c>
      <c r="E6535" s="6" t="e"/>
    </row>
    <row r="6536" ht="33" customHeight="true" s="1" customFormat="true" hidden="true" outlineLevel="3">
      <c r="A6536" s="6" t="s">
        <v>6940</v>
      </c>
      <c r="B6536" s="6" t="e"/>
      <c r="C6536" s="6" t="s">
        <v>21</v>
      </c>
      <c r="D6536" s="6" t="s">
        <v>11</v>
      </c>
      <c r="E6536" s="6" t="e"/>
    </row>
    <row r="6537" ht="44" customHeight="true" s="1" customFormat="true" hidden="true" outlineLevel="3">
      <c r="A6537" s="6" t="s">
        <v>6941</v>
      </c>
      <c r="B6537" s="6" t="e"/>
      <c r="C6537" s="6" t="s">
        <v>21</v>
      </c>
      <c r="D6537" s="6" t="s">
        <v>11</v>
      </c>
      <c r="E6537" s="6" t="e"/>
    </row>
    <row r="6538" ht="22" customHeight="true" s="1" customFormat="true" hidden="true" outlineLevel="3">
      <c r="A6538" s="6" t="s">
        <v>6942</v>
      </c>
      <c r="B6538" s="6" t="e"/>
      <c r="C6538" s="6" t="s">
        <v>219</v>
      </c>
      <c r="D6538" s="6" t="s">
        <v>11</v>
      </c>
      <c r="E6538" s="6" t="e"/>
    </row>
    <row r="6539" ht="22" customHeight="true" s="1" customFormat="true" hidden="true" outlineLevel="3">
      <c r="A6539" s="6" t="s">
        <v>6943</v>
      </c>
      <c r="B6539" s="6" t="e"/>
      <c r="C6539" s="6" t="s">
        <v>155</v>
      </c>
      <c r="D6539" s="6" t="s">
        <v>11</v>
      </c>
      <c r="E6539" s="6" t="e"/>
    </row>
    <row r="6540" ht="22" customHeight="true" s="1" customFormat="true" hidden="true" outlineLevel="3">
      <c r="A6540" s="6" t="s">
        <v>6944</v>
      </c>
      <c r="B6540" s="6" t="e"/>
      <c r="C6540" s="6" t="s">
        <v>219</v>
      </c>
      <c r="D6540" s="6" t="s">
        <v>11</v>
      </c>
      <c r="E6540" s="6" t="e"/>
    </row>
    <row r="6541" ht="22" customHeight="true" s="1" customFormat="true" hidden="true" outlineLevel="3">
      <c r="A6541" s="6" t="s">
        <v>6945</v>
      </c>
      <c r="B6541" s="6" t="e"/>
      <c r="C6541" s="6" t="s">
        <v>242</v>
      </c>
      <c r="D6541" s="6" t="s">
        <v>11</v>
      </c>
      <c r="E6541" s="6" t="e"/>
    </row>
    <row r="6542" ht="11" customHeight="true" s="1" customFormat="true" hidden="true" outlineLevel="3">
      <c r="A6542" s="6" t="s">
        <v>6946</v>
      </c>
      <c r="B6542" s="6" t="e"/>
      <c r="C6542" s="6" t="s">
        <v>296</v>
      </c>
      <c r="D6542" s="6" t="s">
        <v>26</v>
      </c>
      <c r="E6542" s="6" t="e"/>
    </row>
    <row r="6543" ht="22" customHeight="true" s="1" customFormat="true" hidden="true" outlineLevel="3">
      <c r="A6543" s="6" t="s">
        <v>6947</v>
      </c>
      <c r="B6543" s="6" t="e"/>
      <c r="C6543" s="6" t="s">
        <v>188</v>
      </c>
      <c r="D6543" s="6" t="s">
        <v>40</v>
      </c>
      <c r="E6543" s="6" t="e"/>
    </row>
    <row r="6544" ht="33" customHeight="true" s="1" customFormat="true" hidden="true" outlineLevel="3">
      <c r="A6544" s="6" t="s">
        <v>6948</v>
      </c>
      <c r="B6544" s="6" t="e"/>
      <c r="C6544" s="6" t="s">
        <v>155</v>
      </c>
      <c r="D6544" s="6" t="s">
        <v>11</v>
      </c>
      <c r="E6544" s="6" t="e"/>
    </row>
    <row r="6545" ht="33" customHeight="true" s="1" customFormat="true" hidden="true" outlineLevel="3">
      <c r="A6545" s="6" t="s">
        <v>6949</v>
      </c>
      <c r="B6545" s="6" t="e"/>
      <c r="C6545" s="6" t="s">
        <v>225</v>
      </c>
      <c r="D6545" s="6" t="s">
        <v>40</v>
      </c>
      <c r="E6545" s="6" t="e"/>
    </row>
    <row r="6546" ht="67" customHeight="true" s="1" customFormat="true" hidden="true" outlineLevel="3">
      <c r="A6546" s="6" t="s">
        <v>6950</v>
      </c>
      <c r="B6546" s="6" t="e"/>
      <c r="C6546" s="6" t="s">
        <v>127</v>
      </c>
      <c r="D6546" s="6" t="s">
        <v>11</v>
      </c>
      <c r="E6546" s="6" t="e"/>
    </row>
    <row r="6547" ht="22" customHeight="true" s="1" customFormat="true" hidden="true" outlineLevel="3">
      <c r="A6547" s="6" t="s">
        <v>6951</v>
      </c>
      <c r="B6547" s="6" t="e"/>
      <c r="C6547" s="6" t="s">
        <v>167</v>
      </c>
      <c r="D6547" s="6" t="s">
        <v>26</v>
      </c>
      <c r="E6547" s="6" t="e"/>
    </row>
    <row r="6548" ht="44" customHeight="true" s="1" customFormat="true" hidden="true" outlineLevel="3">
      <c r="A6548" s="6" t="s">
        <v>6952</v>
      </c>
      <c r="B6548" s="6" t="e"/>
      <c r="C6548" s="6" t="s">
        <v>18</v>
      </c>
      <c r="D6548" s="6" t="s">
        <v>11</v>
      </c>
      <c r="E6548" s="6" t="e"/>
    </row>
    <row r="6549" ht="22" customHeight="true" s="1" customFormat="true" hidden="true" outlineLevel="3">
      <c r="A6549" s="6" t="s">
        <v>6953</v>
      </c>
      <c r="B6549" s="6" t="e"/>
      <c r="C6549" s="6" t="s">
        <v>371</v>
      </c>
      <c r="D6549" s="6" t="s">
        <v>26</v>
      </c>
      <c r="E6549" s="6" t="e"/>
    </row>
    <row r="6550" ht="22" customHeight="true" s="1" customFormat="true" hidden="true" outlineLevel="3">
      <c r="A6550" s="6" t="s">
        <v>6954</v>
      </c>
      <c r="B6550" s="6" t="e"/>
      <c r="C6550" s="6" t="s">
        <v>126</v>
      </c>
      <c r="D6550" s="6" t="s">
        <v>26</v>
      </c>
      <c r="E6550" s="6" t="e"/>
    </row>
    <row r="6551" ht="22" customHeight="true" s="1" customFormat="true" hidden="true" outlineLevel="3">
      <c r="A6551" s="6" t="s">
        <v>6955</v>
      </c>
      <c r="B6551" s="6" t="e"/>
      <c r="C6551" s="6" t="s">
        <v>82</v>
      </c>
      <c r="D6551" s="6" t="s">
        <v>26</v>
      </c>
      <c r="E6551" s="6" t="e"/>
    </row>
    <row r="6552" ht="33" customHeight="true" s="1" customFormat="true" hidden="true" outlineLevel="3">
      <c r="A6552" s="6" t="s">
        <v>6956</v>
      </c>
      <c r="B6552" s="6" t="e"/>
      <c r="C6552" s="6" t="s">
        <v>155</v>
      </c>
      <c r="D6552" s="6" t="s">
        <v>11</v>
      </c>
      <c r="E6552" s="6" t="e"/>
    </row>
    <row r="6553" ht="22" customHeight="true" s="1" customFormat="true" hidden="true" outlineLevel="3">
      <c r="A6553" s="6" t="s">
        <v>6957</v>
      </c>
      <c r="B6553" s="6" t="e"/>
      <c r="C6553" s="6" t="s">
        <v>219</v>
      </c>
      <c r="D6553" s="6" t="s">
        <v>11</v>
      </c>
      <c r="E6553" s="6" t="e"/>
    </row>
    <row r="6554" ht="33" customHeight="true" s="1" customFormat="true" hidden="true" outlineLevel="3">
      <c r="A6554" s="6" t="s">
        <v>6958</v>
      </c>
      <c r="B6554" s="6" t="e"/>
      <c r="C6554" s="6" t="s">
        <v>55</v>
      </c>
      <c r="D6554" s="6" t="s">
        <v>11</v>
      </c>
      <c r="E6554" s="6" t="e"/>
    </row>
    <row r="6555" ht="22" customHeight="true" s="1" customFormat="true" hidden="true" outlineLevel="3">
      <c r="A6555" s="6" t="s">
        <v>6959</v>
      </c>
      <c r="B6555" s="6" t="e"/>
      <c r="C6555" s="6" t="s">
        <v>253</v>
      </c>
      <c r="D6555" s="6" t="s">
        <v>11</v>
      </c>
      <c r="E6555" s="6" t="e"/>
    </row>
    <row r="6556" ht="33" customHeight="true" s="1" customFormat="true" hidden="true" outlineLevel="3">
      <c r="A6556" s="6" t="s">
        <v>6960</v>
      </c>
      <c r="B6556" s="6" t="e"/>
      <c r="C6556" s="6" t="s">
        <v>155</v>
      </c>
      <c r="D6556" s="6" t="s">
        <v>11</v>
      </c>
      <c r="E6556" s="6" t="e"/>
    </row>
    <row r="6557" ht="44" customHeight="true" s="1" customFormat="true" hidden="true" outlineLevel="3">
      <c r="A6557" s="6" t="s">
        <v>6961</v>
      </c>
      <c r="B6557" s="6" t="e"/>
      <c r="C6557" s="6" t="s">
        <v>371</v>
      </c>
      <c r="D6557" s="6" t="s">
        <v>11</v>
      </c>
      <c r="E6557" s="6" t="e"/>
    </row>
    <row r="6558" ht="33" customHeight="true" s="1" customFormat="true" hidden="true" outlineLevel="3">
      <c r="A6558" s="6" t="s">
        <v>6962</v>
      </c>
      <c r="B6558" s="6" t="e"/>
      <c r="C6558" s="6" t="s">
        <v>2768</v>
      </c>
      <c r="D6558" s="6" t="s">
        <v>11</v>
      </c>
      <c r="E6558" s="6" t="e"/>
    </row>
    <row r="6559" ht="33" customHeight="true" s="1" customFormat="true" hidden="true" outlineLevel="3">
      <c r="A6559" s="6" t="s">
        <v>6963</v>
      </c>
      <c r="B6559" s="6" t="e"/>
      <c r="C6559" s="6" t="s">
        <v>1212</v>
      </c>
      <c r="D6559" s="6" t="s">
        <v>11</v>
      </c>
      <c r="E6559" s="6" t="e"/>
    </row>
    <row r="6560" ht="56" customHeight="true" s="1" customFormat="true" hidden="true" outlineLevel="3">
      <c r="A6560" s="6" t="s">
        <v>6964</v>
      </c>
      <c r="B6560" s="6" t="e"/>
      <c r="C6560" s="6" t="s">
        <v>2678</v>
      </c>
      <c r="D6560" s="6" t="s">
        <v>11</v>
      </c>
      <c r="E6560" s="6" t="e"/>
    </row>
    <row r="6561" ht="44" customHeight="true" s="1" customFormat="true" hidden="true" outlineLevel="3">
      <c r="A6561" s="6" t="s">
        <v>6965</v>
      </c>
      <c r="B6561" s="6" t="e"/>
      <c r="C6561" s="6" t="s">
        <v>5583</v>
      </c>
      <c r="D6561" s="6" t="s">
        <v>11</v>
      </c>
      <c r="E6561" s="6" t="e"/>
    </row>
    <row r="6562" ht="56" customHeight="true" s="1" customFormat="true" hidden="true" outlineLevel="3">
      <c r="A6562" s="6" t="s">
        <v>6966</v>
      </c>
      <c r="B6562" s="6" t="e"/>
      <c r="C6562" s="6" t="s">
        <v>18</v>
      </c>
      <c r="D6562" s="6" t="s">
        <v>11</v>
      </c>
      <c r="E6562" s="6" t="e"/>
    </row>
    <row r="6563" ht="22" customHeight="true" s="1" customFormat="true" hidden="true" outlineLevel="3">
      <c r="A6563" s="6" t="s">
        <v>6967</v>
      </c>
      <c r="B6563" s="6" t="e"/>
      <c r="C6563" s="6" t="s">
        <v>126</v>
      </c>
      <c r="D6563" s="6" t="s">
        <v>11</v>
      </c>
      <c r="E6563" s="6" t="e"/>
    </row>
    <row r="6564" ht="33" customHeight="true" s="1" customFormat="true" hidden="true" outlineLevel="3">
      <c r="A6564" s="6" t="s">
        <v>6968</v>
      </c>
      <c r="B6564" s="6" t="e"/>
      <c r="C6564" s="6" t="s">
        <v>219</v>
      </c>
      <c r="D6564" s="6" t="s">
        <v>26</v>
      </c>
      <c r="E6564" s="6" t="e"/>
    </row>
    <row r="6565" ht="33" customHeight="true" s="1" customFormat="true" hidden="true" outlineLevel="3">
      <c r="A6565" s="6" t="s">
        <v>6969</v>
      </c>
      <c r="B6565" s="6" t="e"/>
      <c r="C6565" s="6" t="s">
        <v>219</v>
      </c>
      <c r="D6565" s="6" t="s">
        <v>26</v>
      </c>
      <c r="E6565" s="6" t="e"/>
    </row>
    <row r="6566" ht="33" customHeight="true" s="1" customFormat="true" hidden="true" outlineLevel="3">
      <c r="A6566" s="6" t="s">
        <v>6970</v>
      </c>
      <c r="B6566" s="6" t="e"/>
      <c r="C6566" s="6" t="s">
        <v>155</v>
      </c>
      <c r="D6566" s="6" t="s">
        <v>26</v>
      </c>
      <c r="E6566" s="6" t="e"/>
    </row>
    <row r="6567" ht="22" customHeight="true" s="1" customFormat="true" hidden="true" outlineLevel="3">
      <c r="A6567" s="6" t="s">
        <v>6971</v>
      </c>
      <c r="B6567" s="6" t="e"/>
      <c r="C6567" s="6" t="s">
        <v>155</v>
      </c>
      <c r="D6567" s="6" t="s">
        <v>11</v>
      </c>
      <c r="E6567" s="6" t="e"/>
    </row>
    <row r="6568" ht="33" customHeight="true" s="1" customFormat="true" hidden="true" outlineLevel="3">
      <c r="A6568" s="6" t="s">
        <v>6972</v>
      </c>
      <c r="B6568" s="6" t="e"/>
      <c r="C6568" s="6" t="s">
        <v>126</v>
      </c>
      <c r="D6568" s="6" t="s">
        <v>11</v>
      </c>
      <c r="E6568" s="6" t="e"/>
    </row>
    <row r="6569" ht="33" customHeight="true" s="1" customFormat="true" hidden="true" outlineLevel="3">
      <c r="A6569" s="6" t="s">
        <v>6973</v>
      </c>
      <c r="B6569" s="6" t="e"/>
      <c r="C6569" s="6" t="s">
        <v>142</v>
      </c>
      <c r="D6569" s="6" t="s">
        <v>11</v>
      </c>
      <c r="E6569" s="6" t="e"/>
    </row>
    <row r="6570" ht="33" customHeight="true" s="1" customFormat="true" hidden="true" outlineLevel="3">
      <c r="A6570" s="6" t="s">
        <v>6974</v>
      </c>
      <c r="B6570" s="6" t="e"/>
      <c r="C6570" s="6" t="s">
        <v>18</v>
      </c>
      <c r="D6570" s="6" t="s">
        <v>26</v>
      </c>
      <c r="E6570" s="6" t="e"/>
    </row>
    <row r="6571" ht="22" customHeight="true" s="1" customFormat="true" hidden="true" outlineLevel="3">
      <c r="A6571" s="6" t="s">
        <v>6975</v>
      </c>
      <c r="B6571" s="6" t="e"/>
      <c r="C6571" s="6" t="s">
        <v>1214</v>
      </c>
      <c r="D6571" s="6" t="s">
        <v>11</v>
      </c>
      <c r="E6571" s="6" t="e"/>
    </row>
    <row r="6572" ht="33" customHeight="true" s="1" customFormat="true" hidden="true" outlineLevel="3">
      <c r="A6572" s="6" t="s">
        <v>6976</v>
      </c>
      <c r="B6572" s="6" t="e"/>
      <c r="C6572" s="6" t="s">
        <v>55</v>
      </c>
      <c r="D6572" s="6" t="s">
        <v>11</v>
      </c>
      <c r="E6572" s="6" t="e"/>
    </row>
    <row r="6573" ht="22" customHeight="true" s="1" customFormat="true" hidden="true" outlineLevel="3">
      <c r="A6573" s="6" t="s">
        <v>6977</v>
      </c>
      <c r="B6573" s="6" t="e"/>
      <c r="C6573" s="6" t="s">
        <v>225</v>
      </c>
      <c r="D6573" s="6" t="s">
        <v>11</v>
      </c>
      <c r="E6573" s="6" t="e"/>
    </row>
    <row r="6574" ht="22" customHeight="true" s="1" customFormat="true" hidden="true" outlineLevel="3">
      <c r="A6574" s="6" t="s">
        <v>6978</v>
      </c>
      <c r="B6574" s="6" t="e"/>
      <c r="C6574" s="6" t="s">
        <v>155</v>
      </c>
      <c r="D6574" s="6" t="s">
        <v>11</v>
      </c>
      <c r="E6574" s="6" t="e"/>
    </row>
    <row r="6575" ht="33" customHeight="true" s="1" customFormat="true" hidden="true" outlineLevel="3">
      <c r="A6575" s="6" t="s">
        <v>6979</v>
      </c>
      <c r="B6575" s="6" t="e"/>
      <c r="C6575" s="6" t="s">
        <v>126</v>
      </c>
      <c r="D6575" s="6" t="s">
        <v>11</v>
      </c>
      <c r="E6575" s="6" t="e"/>
    </row>
    <row r="6576" ht="22" customHeight="true" s="1" customFormat="true" hidden="true" outlineLevel="3">
      <c r="A6576" s="6" t="s">
        <v>6980</v>
      </c>
      <c r="B6576" s="6" t="e"/>
      <c r="C6576" s="6" t="s">
        <v>82</v>
      </c>
      <c r="D6576" s="6" t="s">
        <v>11</v>
      </c>
      <c r="E6576" s="6" t="e"/>
    </row>
    <row r="6577" ht="33" customHeight="true" s="1" customFormat="true" hidden="true" outlineLevel="3">
      <c r="A6577" s="6" t="s">
        <v>6981</v>
      </c>
      <c r="B6577" s="6" t="e"/>
      <c r="C6577" s="6" t="s">
        <v>18</v>
      </c>
      <c r="D6577" s="6" t="s">
        <v>11</v>
      </c>
      <c r="E6577" s="6" t="e"/>
    </row>
    <row r="6578" ht="33" customHeight="true" s="1" customFormat="true" hidden="true" outlineLevel="3">
      <c r="A6578" s="6" t="s">
        <v>6982</v>
      </c>
      <c r="B6578" s="6" t="e"/>
      <c r="C6578" s="6" t="s">
        <v>371</v>
      </c>
      <c r="D6578" s="6" t="s">
        <v>11</v>
      </c>
      <c r="E6578" s="6" t="e"/>
    </row>
    <row r="6579" ht="33" customHeight="true" s="1" customFormat="true" hidden="true" outlineLevel="3">
      <c r="A6579" s="6" t="s">
        <v>6983</v>
      </c>
      <c r="B6579" s="6" t="e"/>
      <c r="C6579" s="6" t="s">
        <v>371</v>
      </c>
      <c r="D6579" s="6" t="s">
        <v>11</v>
      </c>
      <c r="E6579" s="6" t="e"/>
    </row>
    <row r="6580" ht="33" customHeight="true" s="1" customFormat="true" hidden="true" outlineLevel="3">
      <c r="A6580" s="6" t="s">
        <v>6984</v>
      </c>
      <c r="B6580" s="6" t="e"/>
      <c r="C6580" s="6" t="s">
        <v>155</v>
      </c>
      <c r="D6580" s="6" t="s">
        <v>11</v>
      </c>
      <c r="E6580" s="6" t="e"/>
    </row>
    <row r="6581" ht="33" customHeight="true" s="1" customFormat="true" hidden="true" outlineLevel="3">
      <c r="A6581" s="6" t="s">
        <v>6985</v>
      </c>
      <c r="B6581" s="6" t="e"/>
      <c r="C6581" s="6" t="s">
        <v>371</v>
      </c>
      <c r="D6581" s="6" t="s">
        <v>11</v>
      </c>
      <c r="E6581" s="6" t="e"/>
    </row>
    <row r="6582" ht="33" customHeight="true" s="1" customFormat="true" hidden="true" outlineLevel="3">
      <c r="A6582" s="6" t="s">
        <v>6986</v>
      </c>
      <c r="B6582" s="6" t="e"/>
      <c r="C6582" s="6" t="s">
        <v>55</v>
      </c>
      <c r="D6582" s="6" t="s">
        <v>11</v>
      </c>
      <c r="E6582" s="6" t="e"/>
    </row>
    <row r="6583" ht="33" customHeight="true" s="1" customFormat="true" hidden="true" outlineLevel="3">
      <c r="A6583" s="6" t="s">
        <v>6987</v>
      </c>
      <c r="B6583" s="6" t="e"/>
      <c r="C6583" s="6" t="s">
        <v>371</v>
      </c>
      <c r="D6583" s="6" t="s">
        <v>11</v>
      </c>
      <c r="E6583" s="6" t="e"/>
    </row>
    <row r="6584" ht="11" customHeight="true" s="1" customFormat="true" hidden="true" outlineLevel="3">
      <c r="A6584" s="6" t="s">
        <v>6988</v>
      </c>
      <c r="B6584" s="6" t="e"/>
      <c r="C6584" s="6" t="s">
        <v>242</v>
      </c>
      <c r="D6584" s="6" t="s">
        <v>11</v>
      </c>
      <c r="E6584" s="6" t="e"/>
    </row>
    <row r="6585" ht="11" customHeight="true" s="1" customFormat="true" hidden="true" outlineLevel="3">
      <c r="A6585" s="6" t="s">
        <v>6989</v>
      </c>
      <c r="B6585" s="6" t="e"/>
      <c r="C6585" s="6" t="s">
        <v>296</v>
      </c>
      <c r="D6585" s="6" t="s">
        <v>11</v>
      </c>
      <c r="E6585" s="6" t="e"/>
    </row>
    <row r="6586" ht="11" customHeight="true" s="1" customFormat="true" hidden="true" outlineLevel="3">
      <c r="A6586" s="6" t="s">
        <v>6990</v>
      </c>
      <c r="B6586" s="6" t="e"/>
      <c r="C6586" s="6" t="s">
        <v>242</v>
      </c>
      <c r="D6586" s="6" t="s">
        <v>26</v>
      </c>
      <c r="E6586" s="6" t="e"/>
    </row>
    <row r="6587" ht="11" customHeight="true" s="1" customFormat="true" hidden="true" outlineLevel="3">
      <c r="A6587" s="6" t="s">
        <v>6991</v>
      </c>
      <c r="B6587" s="6" t="e"/>
      <c r="C6587" s="6" t="s">
        <v>225</v>
      </c>
      <c r="D6587" s="6" t="s">
        <v>11</v>
      </c>
      <c r="E6587" s="6" t="e"/>
    </row>
    <row r="6588" ht="22" customHeight="true" s="1" customFormat="true" hidden="true" outlineLevel="3">
      <c r="A6588" s="6" t="s">
        <v>6992</v>
      </c>
      <c r="B6588" s="6" t="e"/>
      <c r="C6588" s="6" t="s">
        <v>155</v>
      </c>
      <c r="D6588" s="6" t="s">
        <v>11</v>
      </c>
      <c r="E6588" s="6" t="e"/>
    </row>
    <row r="6589" ht="22" customHeight="true" s="1" customFormat="true" hidden="true" outlineLevel="3">
      <c r="A6589" s="6" t="s">
        <v>6993</v>
      </c>
      <c r="B6589" s="6" t="e"/>
      <c r="C6589" s="6" t="s">
        <v>126</v>
      </c>
      <c r="D6589" s="6" t="s">
        <v>11</v>
      </c>
      <c r="E6589" s="6" t="e"/>
    </row>
    <row r="6590" ht="11" customHeight="true" s="1" customFormat="true" hidden="true" outlineLevel="3">
      <c r="A6590" s="6" t="s">
        <v>6994</v>
      </c>
      <c r="B6590" s="6" t="e"/>
      <c r="C6590" s="6" t="s">
        <v>302</v>
      </c>
      <c r="D6590" s="6" t="s">
        <v>11</v>
      </c>
      <c r="E6590" s="6" t="e"/>
    </row>
    <row r="6591" ht="22" customHeight="true" s="1" customFormat="true" hidden="true" outlineLevel="3">
      <c r="A6591" s="6" t="s">
        <v>6995</v>
      </c>
      <c r="B6591" s="6" t="e"/>
      <c r="C6591" s="6" t="s">
        <v>188</v>
      </c>
      <c r="D6591" s="6" t="s">
        <v>26</v>
      </c>
      <c r="E6591" s="6" t="e"/>
    </row>
    <row r="6592" ht="11" customHeight="true" s="1" customFormat="true" hidden="true" outlineLevel="3">
      <c r="A6592" s="6" t="s">
        <v>6996</v>
      </c>
      <c r="B6592" s="6" t="e"/>
      <c r="C6592" s="6" t="s">
        <v>225</v>
      </c>
      <c r="D6592" s="6" t="s">
        <v>11</v>
      </c>
      <c r="E6592" s="6" t="e"/>
    </row>
    <row r="6593" ht="22" customHeight="true" s="1" customFormat="true" hidden="true" outlineLevel="3">
      <c r="A6593" s="6" t="s">
        <v>6997</v>
      </c>
      <c r="B6593" s="6" t="e"/>
      <c r="C6593" s="6" t="s">
        <v>219</v>
      </c>
      <c r="D6593" s="6" t="s">
        <v>11</v>
      </c>
      <c r="E6593" s="6" t="e"/>
    </row>
    <row r="6594" ht="22" customHeight="true" s="1" customFormat="true" hidden="true" outlineLevel="3">
      <c r="A6594" s="6" t="s">
        <v>6998</v>
      </c>
      <c r="B6594" s="6" t="e"/>
      <c r="C6594" s="6" t="s">
        <v>188</v>
      </c>
      <c r="D6594" s="6" t="s">
        <v>11</v>
      </c>
      <c r="E6594" s="6" t="e"/>
    </row>
    <row r="6595" ht="11" customHeight="true" s="1" customFormat="true" hidden="true" outlineLevel="3">
      <c r="A6595" s="6" t="s">
        <v>6999</v>
      </c>
      <c r="B6595" s="6" t="e"/>
      <c r="C6595" s="6" t="s">
        <v>296</v>
      </c>
      <c r="D6595" s="6" t="s">
        <v>11</v>
      </c>
      <c r="E6595" s="6" t="e"/>
    </row>
    <row r="6596" ht="33" customHeight="true" s="1" customFormat="true" hidden="true" outlineLevel="3">
      <c r="A6596" s="6" t="s">
        <v>7000</v>
      </c>
      <c r="B6596" s="6" t="e"/>
      <c r="C6596" s="6" t="s">
        <v>219</v>
      </c>
      <c r="D6596" s="6" t="s">
        <v>11</v>
      </c>
      <c r="E6596" s="6" t="e"/>
    </row>
    <row r="6597" ht="33" customHeight="true" s="1" customFormat="true" hidden="true" outlineLevel="3">
      <c r="A6597" s="6" t="s">
        <v>7001</v>
      </c>
      <c r="B6597" s="6" t="e"/>
      <c r="C6597" s="6" t="s">
        <v>126</v>
      </c>
      <c r="D6597" s="6" t="s">
        <v>11</v>
      </c>
      <c r="E6597" s="6" t="e"/>
    </row>
    <row r="6598" ht="22" customHeight="true" s="1" customFormat="true" hidden="true" outlineLevel="3">
      <c r="A6598" s="6" t="s">
        <v>7002</v>
      </c>
      <c r="B6598" s="6" t="e"/>
      <c r="C6598" s="6" t="s">
        <v>126</v>
      </c>
      <c r="D6598" s="6" t="s">
        <v>11</v>
      </c>
      <c r="E6598" s="6" t="e"/>
    </row>
    <row r="6599" ht="33" customHeight="true" s="1" customFormat="true" hidden="true" outlineLevel="3">
      <c r="A6599" s="6" t="s">
        <v>7003</v>
      </c>
      <c r="B6599" s="6" t="e"/>
      <c r="C6599" s="6" t="s">
        <v>364</v>
      </c>
      <c r="D6599" s="6" t="s">
        <v>11</v>
      </c>
      <c r="E6599" s="6" t="e"/>
    </row>
    <row r="6600" ht="33" customHeight="true" s="1" customFormat="true" hidden="true" outlineLevel="3">
      <c r="A6600" s="6" t="s">
        <v>7004</v>
      </c>
      <c r="B6600" s="6" t="e"/>
      <c r="C6600" s="6" t="s">
        <v>126</v>
      </c>
      <c r="D6600" s="6" t="s">
        <v>11</v>
      </c>
      <c r="E6600" s="6" t="e"/>
    </row>
    <row r="6601" ht="22" customHeight="true" s="1" customFormat="true" hidden="true" outlineLevel="3">
      <c r="A6601" s="6" t="s">
        <v>7005</v>
      </c>
      <c r="B6601" s="6" t="e"/>
      <c r="C6601" s="6" t="s">
        <v>126</v>
      </c>
      <c r="D6601" s="6" t="s">
        <v>11</v>
      </c>
      <c r="E6601" s="6" t="e"/>
    </row>
    <row r="6602" ht="33" customHeight="true" s="1" customFormat="true" hidden="true" outlineLevel="3">
      <c r="A6602" s="6" t="s">
        <v>7006</v>
      </c>
      <c r="B6602" s="6" t="e"/>
      <c r="C6602" s="6" t="s">
        <v>225</v>
      </c>
      <c r="D6602" s="6" t="s">
        <v>11</v>
      </c>
      <c r="E6602" s="6" t="e"/>
    </row>
    <row r="6603" ht="44" customHeight="true" s="1" customFormat="true" hidden="true" outlineLevel="3">
      <c r="A6603" s="6" t="s">
        <v>7007</v>
      </c>
      <c r="B6603" s="6" t="e"/>
      <c r="C6603" s="6" t="s">
        <v>126</v>
      </c>
      <c r="D6603" s="6" t="s">
        <v>184</v>
      </c>
      <c r="E6603" s="6" t="e"/>
    </row>
    <row r="6604" ht="44" customHeight="true" s="1" customFormat="true" hidden="true" outlineLevel="3">
      <c r="A6604" s="6" t="s">
        <v>7008</v>
      </c>
      <c r="B6604" s="6" t="e"/>
      <c r="C6604" s="6" t="s">
        <v>371</v>
      </c>
      <c r="D6604" s="6" t="s">
        <v>40</v>
      </c>
      <c r="E6604" s="6" t="e"/>
    </row>
    <row r="6605" ht="44" customHeight="true" s="1" customFormat="true" hidden="true" outlineLevel="3">
      <c r="A6605" s="6" t="s">
        <v>7009</v>
      </c>
      <c r="B6605" s="6" t="e"/>
      <c r="C6605" s="6" t="s">
        <v>371</v>
      </c>
      <c r="D6605" s="6" t="s">
        <v>11</v>
      </c>
      <c r="E6605" s="6" t="e"/>
    </row>
    <row r="6606" ht="33" customHeight="true" s="1" customFormat="true" hidden="true" outlineLevel="3">
      <c r="A6606" s="6" t="s">
        <v>7010</v>
      </c>
      <c r="B6606" s="6" t="e"/>
      <c r="C6606" s="6" t="s">
        <v>296</v>
      </c>
      <c r="D6606" s="6" t="s">
        <v>11</v>
      </c>
      <c r="E6606" s="6" t="e"/>
    </row>
    <row r="6607" ht="11" customHeight="true" s="1" customFormat="true" hidden="true" outlineLevel="3">
      <c r="A6607" s="6" t="s">
        <v>7011</v>
      </c>
      <c r="B6607" s="6" t="e"/>
      <c r="C6607" s="6" t="s">
        <v>242</v>
      </c>
      <c r="D6607" s="6" t="s">
        <v>26</v>
      </c>
      <c r="E6607" s="6" t="e"/>
    </row>
    <row r="6608" ht="22" customHeight="true" s="1" customFormat="true" hidden="true" outlineLevel="3">
      <c r="A6608" s="6" t="s">
        <v>7012</v>
      </c>
      <c r="B6608" s="6" t="e"/>
      <c r="C6608" s="6" t="s">
        <v>136</v>
      </c>
      <c r="D6608" s="6" t="s">
        <v>11</v>
      </c>
      <c r="E6608" s="6" t="e"/>
    </row>
    <row r="6609" ht="22" customHeight="true" s="1" customFormat="true" hidden="true" outlineLevel="3">
      <c r="A6609" s="6" t="s">
        <v>7013</v>
      </c>
      <c r="B6609" s="6" t="e"/>
      <c r="C6609" s="6" t="s">
        <v>253</v>
      </c>
      <c r="D6609" s="6" t="s">
        <v>11</v>
      </c>
      <c r="E6609" s="6" t="e"/>
    </row>
    <row r="6610" ht="33" customHeight="true" s="1" customFormat="true" hidden="true" outlineLevel="3">
      <c r="A6610" s="6" t="s">
        <v>7014</v>
      </c>
      <c r="B6610" s="6" t="e"/>
      <c r="C6610" s="6" t="s">
        <v>55</v>
      </c>
      <c r="D6610" s="6" t="s">
        <v>11</v>
      </c>
      <c r="E6610" s="6" t="e"/>
    </row>
    <row r="6611" ht="44" customHeight="true" s="1" customFormat="true" hidden="true" outlineLevel="3">
      <c r="A6611" s="6" t="s">
        <v>7015</v>
      </c>
      <c r="B6611" s="6" t="e"/>
      <c r="C6611" s="6" t="s">
        <v>55</v>
      </c>
      <c r="D6611" s="6" t="s">
        <v>11</v>
      </c>
      <c r="E6611" s="6" t="e"/>
    </row>
    <row r="6612" ht="44" customHeight="true" s="1" customFormat="true" hidden="true" outlineLevel="3">
      <c r="A6612" s="6" t="s">
        <v>7016</v>
      </c>
      <c r="B6612" s="6" t="e"/>
      <c r="C6612" s="6" t="s">
        <v>371</v>
      </c>
      <c r="D6612" s="6" t="s">
        <v>11</v>
      </c>
      <c r="E6612" s="6" t="e"/>
    </row>
    <row r="6613" ht="33" customHeight="true" s="1" customFormat="true" hidden="true" outlineLevel="3">
      <c r="A6613" s="6" t="s">
        <v>7017</v>
      </c>
      <c r="B6613" s="6" t="e"/>
      <c r="C6613" s="6" t="s">
        <v>371</v>
      </c>
      <c r="D6613" s="6" t="s">
        <v>11</v>
      </c>
      <c r="E6613" s="6" t="e"/>
    </row>
    <row r="6614" ht="44" customHeight="true" s="1" customFormat="true" hidden="true" outlineLevel="3">
      <c r="A6614" s="6" t="s">
        <v>7018</v>
      </c>
      <c r="B6614" s="6" t="e"/>
      <c r="C6614" s="6" t="s">
        <v>155</v>
      </c>
      <c r="D6614" s="6" t="s">
        <v>11</v>
      </c>
      <c r="E6614" s="6" t="e"/>
    </row>
    <row r="6615" ht="33" customHeight="true" s="1" customFormat="true" hidden="true" outlineLevel="3">
      <c r="A6615" s="6" t="s">
        <v>7019</v>
      </c>
      <c r="B6615" s="6" t="e"/>
      <c r="C6615" s="6" t="s">
        <v>2768</v>
      </c>
      <c r="D6615" s="6" t="s">
        <v>11</v>
      </c>
      <c r="E6615" s="6" t="e"/>
    </row>
    <row r="6616" ht="56" customHeight="true" s="1" customFormat="true" hidden="true" outlineLevel="3">
      <c r="A6616" s="6" t="s">
        <v>7020</v>
      </c>
      <c r="B6616" s="6" t="e"/>
      <c r="C6616" s="6" t="s">
        <v>55</v>
      </c>
      <c r="D6616" s="6" t="s">
        <v>11</v>
      </c>
      <c r="E6616" s="6" t="e"/>
    </row>
    <row r="6617" ht="67" customHeight="true" s="1" customFormat="true" hidden="true" outlineLevel="3">
      <c r="A6617" s="6" t="s">
        <v>7021</v>
      </c>
      <c r="B6617" s="6" t="e"/>
      <c r="C6617" s="6" t="s">
        <v>371</v>
      </c>
      <c r="D6617" s="6" t="s">
        <v>11</v>
      </c>
      <c r="E6617" s="6" t="e"/>
    </row>
    <row r="6618" ht="22" customHeight="true" s="1" customFormat="true" hidden="true" outlineLevel="3">
      <c r="A6618" s="6" t="s">
        <v>7022</v>
      </c>
      <c r="B6618" s="6" t="e"/>
      <c r="C6618" s="6" t="s">
        <v>225</v>
      </c>
      <c r="D6618" s="6" t="s">
        <v>11</v>
      </c>
      <c r="E6618" s="6" t="e"/>
    </row>
    <row r="6619" ht="11" customHeight="true" s="1" customFormat="true" hidden="true" outlineLevel="3">
      <c r="A6619" s="6" t="s">
        <v>7023</v>
      </c>
      <c r="B6619" s="6" t="e"/>
      <c r="C6619" s="6" t="s">
        <v>242</v>
      </c>
      <c r="D6619" s="6" t="s">
        <v>11</v>
      </c>
      <c r="E6619" s="6" t="e"/>
    </row>
    <row r="6620" ht="11" customHeight="true" s="1" customFormat="true" hidden="true" outlineLevel="3">
      <c r="A6620" s="6" t="s">
        <v>7024</v>
      </c>
      <c r="B6620" s="6" t="e"/>
      <c r="C6620" s="6" t="s">
        <v>225</v>
      </c>
      <c r="D6620" s="6" t="s">
        <v>11</v>
      </c>
      <c r="E6620" s="6" t="e"/>
    </row>
    <row r="6621" ht="11" customHeight="true" s="1" customFormat="true" hidden="true" outlineLevel="3">
      <c r="A6621" s="6" t="s">
        <v>7025</v>
      </c>
      <c r="B6621" s="6" t="e"/>
      <c r="C6621" s="6" t="s">
        <v>126</v>
      </c>
      <c r="D6621" s="6" t="s">
        <v>11</v>
      </c>
      <c r="E6621" s="6" t="e"/>
    </row>
    <row r="6622" ht="11" customHeight="true" s="1" customFormat="true" hidden="true" collapsed="true" outlineLevel="3">
      <c r="A6622" s="6" t="s">
        <v>7026</v>
      </c>
      <c r="B6622" s="6" t="e"/>
      <c r="C6622" s="6" t="s">
        <v>225</v>
      </c>
      <c r="D6622" s="6" t="s">
        <v>11</v>
      </c>
      <c r="E6622" s="6" t="e"/>
    </row>
    <row r="6623" ht="11" customHeight="true" s="1" customFormat="true" hidden="true" collapsed="true" outlineLevel="2">
      <c r="A6623" s="5" t="s">
        <v>7027</v>
      </c>
      <c r="B6623" s="5" t="e"/>
      <c r="C6623" s="5" t="e"/>
      <c r="D6623" s="5" t="e"/>
      <c r="E6623" s="5" t="e"/>
    </row>
    <row r="6624" ht="33" customHeight="true" s="1" customFormat="true" hidden="true" collapsed="true" outlineLevel="3">
      <c r="A6624" s="6" t="s">
        <v>7028</v>
      </c>
      <c r="B6624" s="6" t="e"/>
      <c r="C6624" s="6" t="s">
        <v>167</v>
      </c>
      <c r="D6624" s="6" t="s">
        <v>26</v>
      </c>
      <c r="E6624" s="6" t="e"/>
    </row>
    <row r="6625" ht="11" customHeight="true" s="1" customFormat="true" hidden="true" collapsed="true" outlineLevel="2">
      <c r="A6625" s="5" t="s">
        <v>7029</v>
      </c>
      <c r="B6625" s="5" t="e"/>
      <c r="C6625" s="5" t="e"/>
      <c r="D6625" s="5" t="e"/>
      <c r="E6625" s="5" t="e"/>
    </row>
    <row r="6626" ht="56" customHeight="true" s="1" customFormat="true" hidden="true" outlineLevel="3">
      <c r="A6626" s="6" t="s">
        <v>7030</v>
      </c>
      <c r="B6626" s="6" t="e"/>
      <c r="C6626" s="6" t="s">
        <v>219</v>
      </c>
      <c r="D6626" s="6" t="s">
        <v>11</v>
      </c>
      <c r="E6626" s="6" t="e"/>
    </row>
    <row r="6627" ht="44" customHeight="true" s="1" customFormat="true" hidden="true" outlineLevel="3">
      <c r="A6627" s="6" t="s">
        <v>7031</v>
      </c>
      <c r="B6627" s="6" t="e"/>
      <c r="C6627" s="6" t="s">
        <v>219</v>
      </c>
      <c r="D6627" s="6" t="s">
        <v>11</v>
      </c>
      <c r="E6627" s="6" t="e"/>
    </row>
    <row r="6628" ht="33" customHeight="true" s="1" customFormat="true" hidden="true" outlineLevel="3">
      <c r="A6628" s="6" t="s">
        <v>7032</v>
      </c>
      <c r="B6628" s="6" t="e"/>
      <c r="C6628" s="6" t="s">
        <v>142</v>
      </c>
      <c r="D6628" s="6" t="s">
        <v>11</v>
      </c>
      <c r="E6628" s="6" t="e"/>
    </row>
    <row r="6629" ht="22" customHeight="true" s="1" customFormat="true" hidden="true" outlineLevel="3">
      <c r="A6629" s="6" t="s">
        <v>7033</v>
      </c>
      <c r="B6629" s="6" t="e"/>
      <c r="C6629" s="6" t="s">
        <v>142</v>
      </c>
      <c r="D6629" s="6" t="s">
        <v>26</v>
      </c>
      <c r="E6629" s="6" t="e"/>
    </row>
    <row r="6630" ht="33" customHeight="true" s="1" customFormat="true" hidden="true" outlineLevel="3">
      <c r="A6630" s="6" t="s">
        <v>7034</v>
      </c>
      <c r="B6630" s="6" t="e"/>
      <c r="C6630" s="6" t="s">
        <v>155</v>
      </c>
      <c r="D6630" s="6" t="s">
        <v>11</v>
      </c>
      <c r="E6630" s="6" t="e"/>
    </row>
    <row r="6631" ht="44" customHeight="true" s="1" customFormat="true" hidden="true" outlineLevel="3">
      <c r="A6631" s="6" t="s">
        <v>7035</v>
      </c>
      <c r="B6631" s="6" t="e"/>
      <c r="C6631" s="6" t="s">
        <v>219</v>
      </c>
      <c r="D6631" s="6" t="s">
        <v>11</v>
      </c>
      <c r="E6631" s="6" t="e"/>
    </row>
    <row r="6632" ht="33" customHeight="true" s="1" customFormat="true" hidden="true" outlineLevel="3">
      <c r="A6632" s="6" t="s">
        <v>7036</v>
      </c>
      <c r="B6632" s="6" t="e"/>
      <c r="C6632" s="6" t="s">
        <v>155</v>
      </c>
      <c r="D6632" s="6" t="s">
        <v>11</v>
      </c>
      <c r="E6632" s="6" t="e"/>
    </row>
    <row r="6633" ht="22" customHeight="true" s="1" customFormat="true" hidden="true" outlineLevel="3">
      <c r="A6633" s="6" t="s">
        <v>7037</v>
      </c>
      <c r="B6633" s="6" t="e"/>
      <c r="C6633" s="6" t="s">
        <v>155</v>
      </c>
      <c r="D6633" s="6" t="s">
        <v>11</v>
      </c>
      <c r="E6633" s="6" t="e"/>
    </row>
    <row r="6634" ht="33" customHeight="true" s="1" customFormat="true" hidden="true" outlineLevel="3">
      <c r="A6634" s="6" t="s">
        <v>7038</v>
      </c>
      <c r="B6634" s="6" t="e"/>
      <c r="C6634" s="6" t="s">
        <v>126</v>
      </c>
      <c r="D6634" s="6" t="s">
        <v>11</v>
      </c>
      <c r="E6634" s="6" t="e"/>
    </row>
    <row r="6635" ht="44" customHeight="true" s="1" customFormat="true" hidden="true" outlineLevel="3">
      <c r="A6635" s="6" t="s">
        <v>7039</v>
      </c>
      <c r="B6635" s="6" t="e"/>
      <c r="C6635" s="6" t="s">
        <v>155</v>
      </c>
      <c r="D6635" s="6" t="s">
        <v>11</v>
      </c>
      <c r="E6635" s="6" t="e"/>
    </row>
    <row r="6636" ht="67" customHeight="true" s="1" customFormat="true" hidden="true" outlineLevel="3">
      <c r="A6636" s="6" t="s">
        <v>7040</v>
      </c>
      <c r="B6636" s="6" t="e"/>
      <c r="C6636" s="6" t="s">
        <v>219</v>
      </c>
      <c r="D6636" s="6" t="s">
        <v>11</v>
      </c>
      <c r="E6636" s="6" t="e"/>
    </row>
    <row r="6637" ht="44" customHeight="true" s="1" customFormat="true" hidden="true" outlineLevel="3">
      <c r="A6637" s="6" t="s">
        <v>7041</v>
      </c>
      <c r="B6637" s="6" t="e"/>
      <c r="C6637" s="6" t="s">
        <v>66</v>
      </c>
      <c r="D6637" s="6" t="s">
        <v>11</v>
      </c>
      <c r="E6637" s="6" t="e"/>
    </row>
    <row r="6638" ht="33" customHeight="true" s="1" customFormat="true" hidden="true" outlineLevel="3">
      <c r="A6638" s="6" t="s">
        <v>7042</v>
      </c>
      <c r="B6638" s="6" t="e"/>
      <c r="C6638" s="6" t="s">
        <v>126</v>
      </c>
      <c r="D6638" s="6" t="s">
        <v>11</v>
      </c>
      <c r="E6638" s="6" t="e"/>
    </row>
    <row r="6639" ht="44" customHeight="true" s="1" customFormat="true" hidden="true" outlineLevel="3">
      <c r="A6639" s="6" t="s">
        <v>7043</v>
      </c>
      <c r="B6639" s="6" t="e"/>
      <c r="C6639" s="6" t="s">
        <v>21</v>
      </c>
      <c r="D6639" s="6" t="s">
        <v>11</v>
      </c>
      <c r="E6639" s="6" t="e"/>
    </row>
    <row r="6640" ht="44" customHeight="true" s="1" customFormat="true" hidden="true" outlineLevel="3">
      <c r="A6640" s="6" t="s">
        <v>7044</v>
      </c>
      <c r="B6640" s="6" t="e"/>
      <c r="C6640" s="6" t="s">
        <v>155</v>
      </c>
      <c r="D6640" s="6" t="s">
        <v>11</v>
      </c>
      <c r="E6640" s="6" t="e"/>
    </row>
    <row r="6641" ht="44" customHeight="true" s="1" customFormat="true" hidden="true" outlineLevel="3">
      <c r="A6641" s="6" t="s">
        <v>7045</v>
      </c>
      <c r="B6641" s="6" t="e"/>
      <c r="C6641" s="6" t="s">
        <v>149</v>
      </c>
      <c r="D6641" s="6" t="s">
        <v>11</v>
      </c>
      <c r="E6641" s="6" t="e"/>
    </row>
    <row r="6642" ht="44" customHeight="true" s="1" customFormat="true" hidden="true" outlineLevel="3">
      <c r="A6642" s="6" t="s">
        <v>7046</v>
      </c>
      <c r="B6642" s="6" t="e"/>
      <c r="C6642" s="6" t="s">
        <v>126</v>
      </c>
      <c r="D6642" s="6" t="s">
        <v>11</v>
      </c>
      <c r="E6642" s="6" t="e"/>
    </row>
    <row r="6643" ht="56" customHeight="true" s="1" customFormat="true" hidden="true" outlineLevel="3">
      <c r="A6643" s="6" t="s">
        <v>7047</v>
      </c>
      <c r="B6643" s="6" t="e"/>
      <c r="C6643" s="6" t="s">
        <v>142</v>
      </c>
      <c r="D6643" s="6" t="s">
        <v>11</v>
      </c>
      <c r="E6643" s="6" t="e"/>
    </row>
    <row r="6644" ht="44" customHeight="true" s="1" customFormat="true" hidden="true" outlineLevel="3">
      <c r="A6644" s="6" t="s">
        <v>7048</v>
      </c>
      <c r="B6644" s="6" t="e"/>
      <c r="C6644" s="6" t="s">
        <v>21</v>
      </c>
      <c r="D6644" s="6" t="s">
        <v>11</v>
      </c>
      <c r="E6644" s="6" t="e"/>
    </row>
    <row r="6645" ht="33" customHeight="true" s="1" customFormat="true" hidden="true" outlineLevel="3">
      <c r="A6645" s="6" t="s">
        <v>7049</v>
      </c>
      <c r="B6645" s="6" t="e"/>
      <c r="C6645" s="6" t="s">
        <v>55</v>
      </c>
      <c r="D6645" s="6" t="s">
        <v>11</v>
      </c>
      <c r="E6645" s="6" t="e"/>
    </row>
    <row r="6646" ht="33" customHeight="true" s="1" customFormat="true" hidden="true" outlineLevel="3">
      <c r="A6646" s="6" t="s">
        <v>7050</v>
      </c>
      <c r="B6646" s="6" t="e"/>
      <c r="C6646" s="6" t="s">
        <v>55</v>
      </c>
      <c r="D6646" s="6" t="s">
        <v>11</v>
      </c>
      <c r="E6646" s="6" t="e"/>
    </row>
    <row r="6647" ht="33" customHeight="true" s="1" customFormat="true" hidden="true" outlineLevel="3">
      <c r="A6647" s="6" t="s">
        <v>7051</v>
      </c>
      <c r="B6647" s="6" t="e"/>
      <c r="C6647" s="6" t="s">
        <v>21</v>
      </c>
      <c r="D6647" s="6" t="s">
        <v>11</v>
      </c>
      <c r="E6647" s="6" t="e"/>
    </row>
    <row r="6648" ht="44" customHeight="true" s="1" customFormat="true" hidden="true" outlineLevel="3">
      <c r="A6648" s="6" t="s">
        <v>7052</v>
      </c>
      <c r="B6648" s="6" t="e"/>
      <c r="C6648" s="6" t="s">
        <v>371</v>
      </c>
      <c r="D6648" s="6" t="s">
        <v>11</v>
      </c>
      <c r="E6648" s="6" t="e"/>
    </row>
    <row r="6649" ht="44" customHeight="true" s="1" customFormat="true" hidden="true" outlineLevel="3">
      <c r="A6649" s="6" t="s">
        <v>7053</v>
      </c>
      <c r="B6649" s="6" t="e"/>
      <c r="C6649" s="6" t="s">
        <v>253</v>
      </c>
      <c r="D6649" s="6" t="s">
        <v>11</v>
      </c>
      <c r="E6649" s="6" t="e"/>
    </row>
    <row r="6650" ht="33" customHeight="true" s="1" customFormat="true" hidden="true" outlineLevel="3">
      <c r="A6650" s="6" t="s">
        <v>7054</v>
      </c>
      <c r="B6650" s="6" t="e"/>
      <c r="C6650" s="6" t="s">
        <v>188</v>
      </c>
      <c r="D6650" s="6" t="s">
        <v>40</v>
      </c>
      <c r="E6650" s="6" t="e"/>
    </row>
    <row r="6651" ht="44" customHeight="true" s="1" customFormat="true" hidden="true" outlineLevel="3">
      <c r="A6651" s="6" t="s">
        <v>7055</v>
      </c>
      <c r="B6651" s="6" t="e"/>
      <c r="C6651" s="6" t="s">
        <v>21</v>
      </c>
      <c r="D6651" s="6" t="s">
        <v>11</v>
      </c>
      <c r="E6651" s="6" t="e"/>
    </row>
    <row r="6652" ht="44" customHeight="true" s="1" customFormat="true" hidden="true" outlineLevel="3">
      <c r="A6652" s="6" t="s">
        <v>7056</v>
      </c>
      <c r="B6652" s="6" t="e"/>
      <c r="C6652" s="6" t="s">
        <v>82</v>
      </c>
      <c r="D6652" s="6" t="s">
        <v>11</v>
      </c>
      <c r="E6652" s="6" t="e"/>
    </row>
    <row r="6653" ht="56" customHeight="true" s="1" customFormat="true" hidden="true" outlineLevel="3">
      <c r="A6653" s="6" t="s">
        <v>7057</v>
      </c>
      <c r="B6653" s="6" t="e"/>
      <c r="C6653" s="6" t="s">
        <v>219</v>
      </c>
      <c r="D6653" s="6" t="s">
        <v>11</v>
      </c>
      <c r="E6653" s="6" t="e"/>
    </row>
    <row r="6654" ht="56" customHeight="true" s="1" customFormat="true" hidden="true" outlineLevel="3">
      <c r="A6654" s="6" t="s">
        <v>7058</v>
      </c>
      <c r="B6654" s="6" t="e"/>
      <c r="C6654" s="6" t="s">
        <v>253</v>
      </c>
      <c r="D6654" s="6" t="s">
        <v>11</v>
      </c>
      <c r="E6654" s="6" t="e"/>
    </row>
    <row r="6655" ht="56" customHeight="true" s="1" customFormat="true" hidden="true" outlineLevel="3">
      <c r="A6655" s="6" t="s">
        <v>7059</v>
      </c>
      <c r="B6655" s="6" t="e"/>
      <c r="C6655" s="6" t="s">
        <v>66</v>
      </c>
      <c r="D6655" s="6" t="s">
        <v>11</v>
      </c>
      <c r="E6655" s="6" t="e"/>
    </row>
    <row r="6656" ht="56" customHeight="true" s="1" customFormat="true" hidden="true" outlineLevel="3">
      <c r="A6656" s="6" t="s">
        <v>7060</v>
      </c>
      <c r="B6656" s="6" t="e"/>
      <c r="C6656" s="6" t="s">
        <v>112</v>
      </c>
      <c r="D6656" s="6" t="s">
        <v>11</v>
      </c>
      <c r="E6656" s="6" t="e"/>
    </row>
    <row r="6657" ht="33" customHeight="true" s="1" customFormat="true" hidden="true" outlineLevel="3">
      <c r="A6657" s="6" t="s">
        <v>7061</v>
      </c>
      <c r="B6657" s="6" t="e"/>
      <c r="C6657" s="6" t="s">
        <v>103</v>
      </c>
      <c r="D6657" s="6" t="s">
        <v>11</v>
      </c>
      <c r="E6657" s="6" t="e"/>
    </row>
    <row r="6658" ht="44" customHeight="true" s="1" customFormat="true" hidden="true" outlineLevel="3">
      <c r="A6658" s="6" t="s">
        <v>7062</v>
      </c>
      <c r="B6658" s="6" t="e"/>
      <c r="C6658" s="6" t="s">
        <v>55</v>
      </c>
      <c r="D6658" s="6" t="s">
        <v>11</v>
      </c>
      <c r="E6658" s="6" t="e"/>
    </row>
    <row r="6659" ht="33" customHeight="true" s="1" customFormat="true" hidden="true" outlineLevel="3">
      <c r="A6659" s="6" t="s">
        <v>7063</v>
      </c>
      <c r="B6659" s="6" t="e"/>
      <c r="C6659" s="6" t="s">
        <v>225</v>
      </c>
      <c r="D6659" s="6" t="s">
        <v>26</v>
      </c>
      <c r="E6659" s="6" t="e"/>
    </row>
    <row r="6660" ht="33" customHeight="true" s="1" customFormat="true" hidden="true" outlineLevel="3">
      <c r="A6660" s="6" t="s">
        <v>7064</v>
      </c>
      <c r="B6660" s="6" t="e"/>
      <c r="C6660" s="6" t="s">
        <v>142</v>
      </c>
      <c r="D6660" s="6" t="s">
        <v>26</v>
      </c>
      <c r="E6660" s="6" t="e"/>
    </row>
    <row r="6661" ht="33" customHeight="true" s="1" customFormat="true" hidden="true" outlineLevel="3">
      <c r="A6661" s="6" t="s">
        <v>7065</v>
      </c>
      <c r="B6661" s="6" t="e"/>
      <c r="C6661" s="6" t="s">
        <v>55</v>
      </c>
      <c r="D6661" s="6" t="s">
        <v>11</v>
      </c>
      <c r="E6661" s="6" t="e"/>
    </row>
    <row r="6662" ht="22" customHeight="true" s="1" customFormat="true" hidden="true" outlineLevel="3">
      <c r="A6662" s="6" t="s">
        <v>7066</v>
      </c>
      <c r="B6662" s="6" t="e"/>
      <c r="C6662" s="6" t="s">
        <v>302</v>
      </c>
      <c r="D6662" s="6" t="s">
        <v>26</v>
      </c>
      <c r="E6662" s="6" t="e"/>
    </row>
    <row r="6663" ht="33" customHeight="true" s="1" customFormat="true" hidden="true" outlineLevel="3">
      <c r="A6663" s="6" t="s">
        <v>7067</v>
      </c>
      <c r="B6663" s="6" t="e"/>
      <c r="C6663" s="6" t="s">
        <v>219</v>
      </c>
      <c r="D6663" s="6" t="s">
        <v>26</v>
      </c>
      <c r="E6663" s="6" t="e"/>
    </row>
    <row r="6664" ht="44" customHeight="true" s="1" customFormat="true" hidden="true" outlineLevel="3">
      <c r="A6664" s="6" t="s">
        <v>7068</v>
      </c>
      <c r="B6664" s="6" t="e"/>
      <c r="C6664" s="6" t="s">
        <v>82</v>
      </c>
      <c r="D6664" s="6" t="s">
        <v>11</v>
      </c>
      <c r="E6664" s="6" t="e"/>
    </row>
    <row r="6665" ht="33" customHeight="true" s="1" customFormat="true" hidden="true" outlineLevel="3">
      <c r="A6665" s="6" t="s">
        <v>7069</v>
      </c>
      <c r="B6665" s="6" t="e"/>
      <c r="C6665" s="6" t="s">
        <v>371</v>
      </c>
      <c r="D6665" s="6" t="s">
        <v>11</v>
      </c>
      <c r="E6665" s="6" t="e"/>
    </row>
    <row r="6666" ht="22" customHeight="true" s="1" customFormat="true" hidden="true" outlineLevel="3">
      <c r="A6666" s="6" t="s">
        <v>7070</v>
      </c>
      <c r="B6666" s="6" t="e"/>
      <c r="C6666" s="6" t="s">
        <v>302</v>
      </c>
      <c r="D6666" s="6" t="s">
        <v>11</v>
      </c>
      <c r="E6666" s="6" t="e"/>
    </row>
    <row r="6667" ht="44" customHeight="true" s="1" customFormat="true" hidden="true" outlineLevel="3">
      <c r="A6667" s="6" t="s">
        <v>7071</v>
      </c>
      <c r="B6667" s="6" t="e"/>
      <c r="C6667" s="6" t="s">
        <v>219</v>
      </c>
      <c r="D6667" s="6" t="s">
        <v>11</v>
      </c>
      <c r="E6667" s="6" t="e"/>
    </row>
    <row r="6668" ht="33" customHeight="true" s="1" customFormat="true" hidden="true" outlineLevel="3">
      <c r="A6668" s="6" t="s">
        <v>7072</v>
      </c>
      <c r="B6668" s="6" t="e"/>
      <c r="C6668" s="6" t="s">
        <v>142</v>
      </c>
      <c r="D6668" s="6" t="s">
        <v>40</v>
      </c>
      <c r="E6668" s="6" t="e"/>
    </row>
    <row r="6669" ht="33" customHeight="true" s="1" customFormat="true" hidden="true" outlineLevel="3">
      <c r="A6669" s="6" t="s">
        <v>7073</v>
      </c>
      <c r="B6669" s="6" t="e"/>
      <c r="C6669" s="6" t="s">
        <v>225</v>
      </c>
      <c r="D6669" s="6" t="s">
        <v>11</v>
      </c>
      <c r="E6669" s="6" t="e"/>
    </row>
    <row r="6670" ht="22" customHeight="true" s="1" customFormat="true" hidden="true" outlineLevel="3">
      <c r="A6670" s="6" t="s">
        <v>7074</v>
      </c>
      <c r="B6670" s="6" t="e"/>
      <c r="C6670" s="6" t="s">
        <v>141</v>
      </c>
      <c r="D6670" s="6" t="s">
        <v>11</v>
      </c>
      <c r="E6670" s="6" t="e"/>
    </row>
    <row r="6671" ht="33" customHeight="true" s="1" customFormat="true" hidden="true" outlineLevel="3">
      <c r="A6671" s="6" t="s">
        <v>7075</v>
      </c>
      <c r="B6671" s="6" t="e"/>
      <c r="C6671" s="6" t="s">
        <v>225</v>
      </c>
      <c r="D6671" s="6" t="s">
        <v>26</v>
      </c>
      <c r="E6671" s="6" t="e"/>
    </row>
    <row r="6672" ht="33" customHeight="true" s="1" customFormat="true" hidden="true" outlineLevel="3">
      <c r="A6672" s="6" t="s">
        <v>7076</v>
      </c>
      <c r="B6672" s="6" t="e"/>
      <c r="C6672" s="6" t="s">
        <v>219</v>
      </c>
      <c r="D6672" s="6" t="s">
        <v>11</v>
      </c>
      <c r="E6672" s="6" t="e"/>
    </row>
    <row r="6673" ht="44" customHeight="true" s="1" customFormat="true" hidden="true" outlineLevel="3">
      <c r="A6673" s="6" t="s">
        <v>7077</v>
      </c>
      <c r="B6673" s="6" t="e"/>
      <c r="C6673" s="6" t="s">
        <v>219</v>
      </c>
      <c r="D6673" s="6" t="s">
        <v>11</v>
      </c>
      <c r="E6673" s="6" t="e"/>
    </row>
    <row r="6674" ht="33" customHeight="true" s="1" customFormat="true" hidden="true" outlineLevel="3">
      <c r="A6674" s="6" t="s">
        <v>7078</v>
      </c>
      <c r="B6674" s="6" t="e"/>
      <c r="C6674" s="6" t="s">
        <v>188</v>
      </c>
      <c r="D6674" s="6" t="s">
        <v>40</v>
      </c>
      <c r="E6674" s="6" t="e"/>
    </row>
    <row r="6675" ht="22" customHeight="true" s="1" customFormat="true" hidden="true" outlineLevel="3">
      <c r="A6675" s="6" t="s">
        <v>7079</v>
      </c>
      <c r="B6675" s="6" t="e"/>
      <c r="C6675" s="6" t="s">
        <v>242</v>
      </c>
      <c r="D6675" s="6" t="s">
        <v>40</v>
      </c>
      <c r="E6675" s="6" t="e"/>
    </row>
    <row r="6676" ht="33" customHeight="true" s="1" customFormat="true" hidden="true" outlineLevel="3">
      <c r="A6676" s="6" t="s">
        <v>7080</v>
      </c>
      <c r="B6676" s="6" t="e"/>
      <c r="C6676" s="6" t="s">
        <v>142</v>
      </c>
      <c r="D6676" s="6" t="s">
        <v>11</v>
      </c>
      <c r="E6676" s="6" t="e"/>
    </row>
    <row r="6677" ht="22" customHeight="true" s="1" customFormat="true" hidden="true" outlineLevel="3">
      <c r="A6677" s="6" t="s">
        <v>7081</v>
      </c>
      <c r="B6677" s="6" t="e"/>
      <c r="C6677" s="6" t="s">
        <v>296</v>
      </c>
      <c r="D6677" s="6" t="s">
        <v>11</v>
      </c>
      <c r="E6677" s="6" t="e"/>
    </row>
    <row r="6678" ht="22" customHeight="true" s="1" customFormat="true" hidden="true" outlineLevel="3">
      <c r="A6678" s="6" t="s">
        <v>7082</v>
      </c>
      <c r="B6678" s="6" t="e"/>
      <c r="C6678" s="6" t="s">
        <v>155</v>
      </c>
      <c r="D6678" s="6" t="s">
        <v>11</v>
      </c>
      <c r="E6678" s="6" t="e"/>
    </row>
    <row r="6679" ht="22" customHeight="true" s="1" customFormat="true" hidden="true" outlineLevel="3">
      <c r="A6679" s="6" t="s">
        <v>7083</v>
      </c>
      <c r="B6679" s="6" t="e"/>
      <c r="C6679" s="6" t="s">
        <v>126</v>
      </c>
      <c r="D6679" s="6" t="s">
        <v>26</v>
      </c>
      <c r="E6679" s="6" t="e"/>
    </row>
    <row r="6680" ht="22" customHeight="true" s="1" customFormat="true" hidden="true" outlineLevel="3">
      <c r="A6680" s="6" t="s">
        <v>7084</v>
      </c>
      <c r="B6680" s="6" t="e"/>
      <c r="C6680" s="6" t="s">
        <v>219</v>
      </c>
      <c r="D6680" s="6" t="s">
        <v>26</v>
      </c>
      <c r="E6680" s="6" t="e"/>
    </row>
    <row r="6681" ht="44" customHeight="true" s="1" customFormat="true" hidden="true" outlineLevel="3">
      <c r="A6681" s="6" t="s">
        <v>7085</v>
      </c>
      <c r="B6681" s="6" t="e"/>
      <c r="C6681" s="6" t="s">
        <v>126</v>
      </c>
      <c r="D6681" s="6" t="s">
        <v>11</v>
      </c>
      <c r="E6681" s="6" t="e"/>
    </row>
    <row r="6682" ht="22" customHeight="true" s="1" customFormat="true" hidden="true" collapsed="true" outlineLevel="3">
      <c r="A6682" s="6" t="s">
        <v>7086</v>
      </c>
      <c r="B6682" s="6" t="e"/>
      <c r="C6682" s="6" t="s">
        <v>141</v>
      </c>
      <c r="D6682" s="6" t="s">
        <v>11</v>
      </c>
      <c r="E6682" s="6" t="e"/>
    </row>
    <row r="6683" ht="11" customHeight="true" s="1" customFormat="true" hidden="true" collapsed="true" outlineLevel="2">
      <c r="A6683" s="5" t="s">
        <v>7087</v>
      </c>
      <c r="B6683" s="5" t="e"/>
      <c r="C6683" s="5" t="e"/>
      <c r="D6683" s="5" t="e"/>
      <c r="E6683" s="5" t="e"/>
    </row>
    <row r="6684" ht="44" customHeight="true" s="1" customFormat="true" hidden="true" outlineLevel="3">
      <c r="A6684" s="6" t="s">
        <v>7088</v>
      </c>
      <c r="B6684" s="6" t="e"/>
      <c r="C6684" s="6" t="s">
        <v>127</v>
      </c>
      <c r="D6684" s="6" t="s">
        <v>11</v>
      </c>
      <c r="E6684" s="6" t="e"/>
    </row>
    <row r="6685" ht="22" customHeight="true" s="1" customFormat="true" hidden="true" outlineLevel="3">
      <c r="A6685" s="6" t="s">
        <v>7089</v>
      </c>
      <c r="B6685" s="6" t="e"/>
      <c r="C6685" s="6" t="s">
        <v>61</v>
      </c>
      <c r="D6685" s="6" t="s">
        <v>11</v>
      </c>
      <c r="E6685" s="6" t="e"/>
    </row>
    <row r="6686" ht="33" customHeight="true" s="1" customFormat="true" hidden="true" outlineLevel="3">
      <c r="A6686" s="6" t="s">
        <v>7090</v>
      </c>
      <c r="B6686" s="6" t="e"/>
      <c r="C6686" s="6" t="s">
        <v>149</v>
      </c>
      <c r="D6686" s="6" t="s">
        <v>26</v>
      </c>
      <c r="E6686" s="6" t="e"/>
    </row>
    <row r="6687" ht="33" customHeight="true" s="1" customFormat="true" hidden="true" outlineLevel="3">
      <c r="A6687" s="6" t="s">
        <v>7091</v>
      </c>
      <c r="B6687" s="6" t="e"/>
      <c r="C6687" s="6" t="s">
        <v>55</v>
      </c>
      <c r="D6687" s="6" t="s">
        <v>11</v>
      </c>
      <c r="E6687" s="6" t="e"/>
    </row>
    <row r="6688" ht="33" customHeight="true" s="1" customFormat="true" hidden="true" outlineLevel="3">
      <c r="A6688" s="6" t="s">
        <v>7092</v>
      </c>
      <c r="B6688" s="6" t="e"/>
      <c r="C6688" s="6" t="s">
        <v>99</v>
      </c>
      <c r="D6688" s="6" t="s">
        <v>11</v>
      </c>
      <c r="E6688" s="6" t="e"/>
    </row>
    <row r="6689" ht="33" customHeight="true" s="1" customFormat="true" hidden="true" outlineLevel="3">
      <c r="A6689" s="6" t="s">
        <v>7093</v>
      </c>
      <c r="B6689" s="6" t="e"/>
      <c r="C6689" s="6" t="s">
        <v>155</v>
      </c>
      <c r="D6689" s="6" t="s">
        <v>11</v>
      </c>
      <c r="E6689" s="6" t="e"/>
    </row>
    <row r="6690" ht="33" customHeight="true" s="1" customFormat="true" hidden="true" outlineLevel="3">
      <c r="A6690" s="6" t="s">
        <v>7094</v>
      </c>
      <c r="B6690" s="6" t="e"/>
      <c r="C6690" s="6" t="s">
        <v>2768</v>
      </c>
      <c r="D6690" s="6" t="s">
        <v>11</v>
      </c>
      <c r="E6690" s="6" t="e"/>
    </row>
    <row r="6691" ht="33" customHeight="true" s="1" customFormat="true" hidden="true" outlineLevel="3">
      <c r="A6691" s="6" t="s">
        <v>7095</v>
      </c>
      <c r="B6691" s="6" t="e"/>
      <c r="C6691" s="6" t="s">
        <v>292</v>
      </c>
      <c r="D6691" s="6" t="s">
        <v>26</v>
      </c>
      <c r="E6691" s="6" t="e"/>
    </row>
    <row r="6692" ht="33" customHeight="true" s="1" customFormat="true" hidden="true" outlineLevel="3">
      <c r="A6692" s="6" t="s">
        <v>7096</v>
      </c>
      <c r="B6692" s="6" t="e"/>
      <c r="C6692" s="6" t="s">
        <v>188</v>
      </c>
      <c r="D6692" s="6" t="s">
        <v>11</v>
      </c>
      <c r="E6692" s="6" t="e"/>
    </row>
    <row r="6693" ht="33" customHeight="true" s="1" customFormat="true" hidden="true" outlineLevel="3">
      <c r="A6693" s="6" t="s">
        <v>7097</v>
      </c>
      <c r="B6693" s="6" t="e"/>
      <c r="C6693" s="6" t="s">
        <v>127</v>
      </c>
      <c r="D6693" s="6" t="s">
        <v>11</v>
      </c>
      <c r="E6693" s="6" t="e"/>
    </row>
    <row r="6694" ht="33" customHeight="true" s="1" customFormat="true" hidden="true" outlineLevel="3">
      <c r="A6694" s="6" t="s">
        <v>7098</v>
      </c>
      <c r="B6694" s="6" t="e"/>
      <c r="C6694" s="6" t="s">
        <v>155</v>
      </c>
      <c r="D6694" s="6" t="s">
        <v>11</v>
      </c>
      <c r="E6694" s="6" t="e"/>
    </row>
    <row r="6695" ht="33" customHeight="true" s="1" customFormat="true" hidden="true" outlineLevel="3">
      <c r="A6695" s="6" t="s">
        <v>7099</v>
      </c>
      <c r="B6695" s="6" t="e"/>
      <c r="C6695" s="6" t="s">
        <v>55</v>
      </c>
      <c r="D6695" s="6" t="s">
        <v>11</v>
      </c>
      <c r="E6695" s="6" t="e"/>
    </row>
    <row r="6696" ht="33" customHeight="true" s="1" customFormat="true" hidden="true" outlineLevel="3">
      <c r="A6696" s="6" t="s">
        <v>7100</v>
      </c>
      <c r="B6696" s="6" t="e"/>
      <c r="C6696" s="6" t="s">
        <v>112</v>
      </c>
      <c r="D6696" s="6" t="s">
        <v>11</v>
      </c>
      <c r="E6696" s="6" t="e"/>
    </row>
    <row r="6697" ht="44" customHeight="true" s="1" customFormat="true" hidden="true" outlineLevel="3">
      <c r="A6697" s="6" t="s">
        <v>7101</v>
      </c>
      <c r="B6697" s="6" t="e"/>
      <c r="C6697" s="6" t="s">
        <v>51</v>
      </c>
      <c r="D6697" s="6" t="s">
        <v>11</v>
      </c>
      <c r="E6697" s="6" t="e"/>
    </row>
    <row r="6698" ht="33" customHeight="true" s="1" customFormat="true" hidden="true" outlineLevel="3">
      <c r="A6698" s="6" t="s">
        <v>7102</v>
      </c>
      <c r="B6698" s="6" t="e"/>
      <c r="C6698" s="6" t="s">
        <v>55</v>
      </c>
      <c r="D6698" s="6" t="s">
        <v>11</v>
      </c>
      <c r="E6698" s="6" t="e"/>
    </row>
    <row r="6699" ht="33" customHeight="true" s="1" customFormat="true" hidden="true" outlineLevel="3">
      <c r="A6699" s="6" t="s">
        <v>7103</v>
      </c>
      <c r="B6699" s="6" t="e"/>
      <c r="C6699" s="6" t="s">
        <v>55</v>
      </c>
      <c r="D6699" s="6" t="s">
        <v>11</v>
      </c>
      <c r="E6699" s="6" t="e"/>
    </row>
    <row r="6700" ht="33" customHeight="true" s="1" customFormat="true" hidden="true" outlineLevel="3">
      <c r="A6700" s="6" t="s">
        <v>7104</v>
      </c>
      <c r="B6700" s="6" t="e"/>
      <c r="C6700" s="6" t="s">
        <v>55</v>
      </c>
      <c r="D6700" s="6" t="s">
        <v>11</v>
      </c>
      <c r="E6700" s="6" t="e"/>
    </row>
    <row r="6701" ht="33" customHeight="true" s="1" customFormat="true" hidden="true" outlineLevel="3">
      <c r="A6701" s="6" t="s">
        <v>7105</v>
      </c>
      <c r="B6701" s="6" t="e"/>
      <c r="C6701" s="6" t="s">
        <v>142</v>
      </c>
      <c r="D6701" s="6" t="s">
        <v>11</v>
      </c>
      <c r="E6701" s="6" t="e"/>
    </row>
    <row r="6702" ht="33" customHeight="true" s="1" customFormat="true" hidden="true" outlineLevel="3">
      <c r="A6702" s="6" t="s">
        <v>7106</v>
      </c>
      <c r="B6702" s="6" t="e"/>
      <c r="C6702" s="6" t="s">
        <v>155</v>
      </c>
      <c r="D6702" s="6" t="s">
        <v>11</v>
      </c>
      <c r="E6702" s="6" t="e"/>
    </row>
    <row r="6703" ht="33" customHeight="true" s="1" customFormat="true" hidden="true" outlineLevel="3">
      <c r="A6703" s="6" t="s">
        <v>7107</v>
      </c>
      <c r="B6703" s="6" t="e"/>
      <c r="C6703" s="6" t="s">
        <v>50</v>
      </c>
      <c r="D6703" s="6" t="s">
        <v>11</v>
      </c>
      <c r="E6703" s="6" t="e"/>
    </row>
    <row r="6704" ht="33" customHeight="true" s="1" customFormat="true" hidden="true" outlineLevel="3">
      <c r="A6704" s="6" t="s">
        <v>7108</v>
      </c>
      <c r="B6704" s="6" t="e"/>
      <c r="C6704" s="6" t="s">
        <v>127</v>
      </c>
      <c r="D6704" s="6" t="s">
        <v>11</v>
      </c>
      <c r="E6704" s="6" t="e"/>
    </row>
    <row r="6705" ht="56" customHeight="true" s="1" customFormat="true" hidden="true" outlineLevel="3">
      <c r="A6705" s="6" t="s">
        <v>7109</v>
      </c>
      <c r="B6705" s="6" t="e"/>
      <c r="C6705" s="6" t="s">
        <v>155</v>
      </c>
      <c r="D6705" s="6" t="s">
        <v>11</v>
      </c>
      <c r="E6705" s="6" t="e"/>
    </row>
    <row r="6706" ht="33" customHeight="true" s="1" customFormat="true" hidden="true" outlineLevel="3">
      <c r="A6706" s="6" t="s">
        <v>7110</v>
      </c>
      <c r="B6706" s="6" t="e"/>
      <c r="C6706" s="6" t="s">
        <v>103</v>
      </c>
      <c r="D6706" s="6" t="s">
        <v>11</v>
      </c>
      <c r="E6706" s="6" t="e"/>
    </row>
    <row r="6707" ht="44" customHeight="true" s="1" customFormat="true" hidden="true" outlineLevel="3">
      <c r="A6707" s="6" t="s">
        <v>7111</v>
      </c>
      <c r="B6707" s="6" t="e"/>
      <c r="C6707" s="6" t="s">
        <v>142</v>
      </c>
      <c r="D6707" s="6" t="s">
        <v>11</v>
      </c>
      <c r="E6707" s="6" t="e"/>
    </row>
    <row r="6708" ht="33" customHeight="true" s="1" customFormat="true" hidden="true" outlineLevel="3">
      <c r="A6708" s="6" t="s">
        <v>7112</v>
      </c>
      <c r="B6708" s="6" t="e"/>
      <c r="C6708" s="6" t="s">
        <v>149</v>
      </c>
      <c r="D6708" s="6" t="s">
        <v>26</v>
      </c>
      <c r="E6708" s="6" t="e"/>
    </row>
    <row r="6709" ht="33" customHeight="true" s="1" customFormat="true" hidden="true" outlineLevel="3">
      <c r="A6709" s="6" t="s">
        <v>7113</v>
      </c>
      <c r="B6709" s="6" t="e"/>
      <c r="C6709" s="6" t="s">
        <v>155</v>
      </c>
      <c r="D6709" s="6" t="s">
        <v>26</v>
      </c>
      <c r="E6709" s="6" t="e"/>
    </row>
    <row r="6710" ht="33" customHeight="true" s="1" customFormat="true" hidden="true" outlineLevel="3">
      <c r="A6710" s="6" t="s">
        <v>7114</v>
      </c>
      <c r="B6710" s="6" t="e"/>
      <c r="C6710" s="6" t="s">
        <v>136</v>
      </c>
      <c r="D6710" s="6" t="s">
        <v>11</v>
      </c>
      <c r="E6710" s="6" t="e"/>
    </row>
    <row r="6711" ht="33" customHeight="true" s="1" customFormat="true" hidden="true" outlineLevel="3">
      <c r="A6711" s="6" t="s">
        <v>7115</v>
      </c>
      <c r="B6711" s="6" t="e"/>
      <c r="C6711" s="6" t="s">
        <v>103</v>
      </c>
      <c r="D6711" s="6" t="s">
        <v>11</v>
      </c>
      <c r="E6711" s="6" t="e"/>
    </row>
    <row r="6712" ht="33" customHeight="true" s="1" customFormat="true" hidden="true" outlineLevel="3">
      <c r="A6712" s="6" t="s">
        <v>7116</v>
      </c>
      <c r="B6712" s="6" t="e"/>
      <c r="C6712" s="6" t="s">
        <v>219</v>
      </c>
      <c r="D6712" s="6" t="s">
        <v>11</v>
      </c>
      <c r="E6712" s="6" t="e"/>
    </row>
    <row r="6713" ht="33" customHeight="true" s="1" customFormat="true" hidden="true" outlineLevel="3">
      <c r="A6713" s="6" t="s">
        <v>7117</v>
      </c>
      <c r="B6713" s="6" t="e"/>
      <c r="C6713" s="6" t="s">
        <v>149</v>
      </c>
      <c r="D6713" s="6" t="s">
        <v>11</v>
      </c>
      <c r="E6713" s="6" t="e"/>
    </row>
    <row r="6714" ht="33" customHeight="true" s="1" customFormat="true" hidden="true" outlineLevel="3">
      <c r="A6714" s="6" t="s">
        <v>7118</v>
      </c>
      <c r="B6714" s="6" t="e"/>
      <c r="C6714" s="6" t="s">
        <v>219</v>
      </c>
      <c r="D6714" s="6" t="s">
        <v>11</v>
      </c>
      <c r="E6714" s="6" t="e"/>
    </row>
    <row r="6715" ht="33" customHeight="true" s="1" customFormat="true" hidden="true" outlineLevel="3">
      <c r="A6715" s="6" t="s">
        <v>7119</v>
      </c>
      <c r="B6715" s="6" t="e"/>
      <c r="C6715" s="6" t="s">
        <v>141</v>
      </c>
      <c r="D6715" s="6" t="s">
        <v>11</v>
      </c>
      <c r="E6715" s="6" t="e"/>
    </row>
    <row r="6716" ht="44" customHeight="true" s="1" customFormat="true" hidden="true" outlineLevel="3">
      <c r="A6716" s="6" t="s">
        <v>7120</v>
      </c>
      <c r="B6716" s="6" t="e"/>
      <c r="C6716" s="6" t="s">
        <v>103</v>
      </c>
      <c r="D6716" s="6" t="s">
        <v>11</v>
      </c>
      <c r="E6716" s="6" t="e"/>
    </row>
    <row r="6717" ht="33" customHeight="true" s="1" customFormat="true" hidden="true" outlineLevel="3">
      <c r="A6717" s="6" t="s">
        <v>7121</v>
      </c>
      <c r="B6717" s="6" t="e"/>
      <c r="C6717" s="6" t="s">
        <v>188</v>
      </c>
      <c r="D6717" s="6" t="s">
        <v>11</v>
      </c>
      <c r="E6717" s="6" t="e"/>
    </row>
    <row r="6718" ht="44" customHeight="true" s="1" customFormat="true" hidden="true" outlineLevel="3">
      <c r="A6718" s="6" t="s">
        <v>7122</v>
      </c>
      <c r="B6718" s="6" t="e"/>
      <c r="C6718" s="6" t="s">
        <v>103</v>
      </c>
      <c r="D6718" s="6" t="s">
        <v>11</v>
      </c>
      <c r="E6718" s="6" t="e"/>
    </row>
    <row r="6719" ht="33" customHeight="true" s="1" customFormat="true" hidden="true" outlineLevel="3">
      <c r="A6719" s="6" t="s">
        <v>7123</v>
      </c>
      <c r="B6719" s="6" t="e"/>
      <c r="C6719" s="6" t="s">
        <v>341</v>
      </c>
      <c r="D6719" s="6" t="s">
        <v>11</v>
      </c>
      <c r="E6719" s="6" t="e"/>
    </row>
    <row r="6720" ht="33" customHeight="true" s="1" customFormat="true" hidden="true" outlineLevel="3">
      <c r="A6720" s="6" t="s">
        <v>7124</v>
      </c>
      <c r="B6720" s="6" t="e"/>
      <c r="C6720" s="6" t="s">
        <v>103</v>
      </c>
      <c r="D6720" s="6" t="s">
        <v>11</v>
      </c>
      <c r="E6720" s="6" t="e"/>
    </row>
    <row r="6721" ht="44" customHeight="true" s="1" customFormat="true" hidden="true" outlineLevel="3">
      <c r="A6721" s="6" t="s">
        <v>7125</v>
      </c>
      <c r="B6721" s="6" t="e"/>
      <c r="C6721" s="6" t="s">
        <v>99</v>
      </c>
      <c r="D6721" s="6" t="s">
        <v>11</v>
      </c>
      <c r="E6721" s="6" t="e"/>
    </row>
    <row r="6722" ht="67" customHeight="true" s="1" customFormat="true" hidden="true" outlineLevel="3">
      <c r="A6722" s="6" t="s">
        <v>7126</v>
      </c>
      <c r="B6722" s="6" t="e"/>
      <c r="C6722" s="6" t="s">
        <v>219</v>
      </c>
      <c r="D6722" s="6" t="s">
        <v>11</v>
      </c>
      <c r="E6722" s="6" t="e"/>
    </row>
    <row r="6723" ht="44" customHeight="true" s="1" customFormat="true" hidden="true" outlineLevel="3">
      <c r="A6723" s="6" t="s">
        <v>7127</v>
      </c>
      <c r="B6723" s="6" t="e"/>
      <c r="C6723" s="6" t="s">
        <v>142</v>
      </c>
      <c r="D6723" s="6" t="s">
        <v>11</v>
      </c>
      <c r="E6723" s="6" t="e"/>
    </row>
    <row r="6724" ht="44" customHeight="true" s="1" customFormat="true" hidden="true" outlineLevel="3">
      <c r="A6724" s="6" t="s">
        <v>7128</v>
      </c>
      <c r="B6724" s="6" t="e"/>
      <c r="C6724" s="6" t="s">
        <v>219</v>
      </c>
      <c r="D6724" s="6" t="s">
        <v>11</v>
      </c>
      <c r="E6724" s="6" t="e"/>
    </row>
    <row r="6725" ht="56" customHeight="true" s="1" customFormat="true" hidden="true" outlineLevel="3">
      <c r="A6725" s="6" t="s">
        <v>7129</v>
      </c>
      <c r="B6725" s="6" t="e"/>
      <c r="C6725" s="6" t="s">
        <v>142</v>
      </c>
      <c r="D6725" s="6" t="s">
        <v>26</v>
      </c>
      <c r="E6725" s="6" t="e"/>
    </row>
    <row r="6726" ht="44" customHeight="true" s="1" customFormat="true" hidden="true" outlineLevel="3">
      <c r="A6726" s="6" t="s">
        <v>7130</v>
      </c>
      <c r="B6726" s="6" t="e"/>
      <c r="C6726" s="6" t="s">
        <v>149</v>
      </c>
      <c r="D6726" s="6" t="s">
        <v>26</v>
      </c>
      <c r="E6726" s="6" t="e"/>
    </row>
    <row r="6727" ht="33" customHeight="true" s="1" customFormat="true" hidden="true" outlineLevel="3">
      <c r="A6727" s="6" t="s">
        <v>7131</v>
      </c>
      <c r="B6727" s="6" t="e"/>
      <c r="C6727" s="6" t="s">
        <v>136</v>
      </c>
      <c r="D6727" s="6" t="s">
        <v>11</v>
      </c>
      <c r="E6727" s="6" t="e"/>
    </row>
    <row r="6728" ht="33" customHeight="true" s="1" customFormat="true" hidden="true" outlineLevel="3">
      <c r="A6728" s="6" t="s">
        <v>7132</v>
      </c>
      <c r="B6728" s="6" t="e"/>
      <c r="C6728" s="6" t="s">
        <v>219</v>
      </c>
      <c r="D6728" s="6" t="s">
        <v>11</v>
      </c>
      <c r="E6728" s="6" t="e"/>
    </row>
    <row r="6729" ht="44" customHeight="true" s="1" customFormat="true" hidden="true" outlineLevel="3">
      <c r="A6729" s="6" t="s">
        <v>7133</v>
      </c>
      <c r="B6729" s="6" t="e"/>
      <c r="C6729" s="6" t="s">
        <v>126</v>
      </c>
      <c r="D6729" s="6" t="s">
        <v>11</v>
      </c>
      <c r="E6729" s="6" t="e"/>
    </row>
    <row r="6730" ht="33" customHeight="true" s="1" customFormat="true" hidden="true" outlineLevel="3">
      <c r="A6730" s="6" t="s">
        <v>7134</v>
      </c>
      <c r="B6730" s="6" t="e"/>
      <c r="C6730" s="6" t="s">
        <v>149</v>
      </c>
      <c r="D6730" s="6" t="s">
        <v>11</v>
      </c>
      <c r="E6730" s="6" t="e"/>
    </row>
    <row r="6731" ht="44" customHeight="true" s="1" customFormat="true" hidden="true" outlineLevel="3">
      <c r="A6731" s="6" t="s">
        <v>7135</v>
      </c>
      <c r="B6731" s="6" t="e"/>
      <c r="C6731" s="6" t="s">
        <v>149</v>
      </c>
      <c r="D6731" s="6" t="s">
        <v>11</v>
      </c>
      <c r="E6731" s="6" t="e"/>
    </row>
    <row r="6732" ht="44" customHeight="true" s="1" customFormat="true" hidden="true" outlineLevel="3">
      <c r="A6732" s="6" t="s">
        <v>7136</v>
      </c>
      <c r="B6732" s="6" t="e"/>
      <c r="C6732" s="6" t="s">
        <v>103</v>
      </c>
      <c r="D6732" s="6" t="s">
        <v>11</v>
      </c>
      <c r="E6732" s="6" t="e"/>
    </row>
    <row r="6733" ht="44" customHeight="true" s="1" customFormat="true" hidden="true" outlineLevel="3">
      <c r="A6733" s="6" t="s">
        <v>7137</v>
      </c>
      <c r="B6733" s="6" t="e"/>
      <c r="C6733" s="6" t="s">
        <v>110</v>
      </c>
      <c r="D6733" s="6" t="s">
        <v>11</v>
      </c>
      <c r="E6733" s="6" t="e"/>
    </row>
    <row r="6734" ht="44" customHeight="true" s="1" customFormat="true" hidden="true" outlineLevel="3">
      <c r="A6734" s="6" t="s">
        <v>7138</v>
      </c>
      <c r="B6734" s="6" t="e"/>
      <c r="C6734" s="6" t="s">
        <v>149</v>
      </c>
      <c r="D6734" s="6" t="s">
        <v>11</v>
      </c>
      <c r="E6734" s="6" t="e"/>
    </row>
    <row r="6735" ht="44" customHeight="true" s="1" customFormat="true" hidden="true" outlineLevel="3">
      <c r="A6735" s="6" t="s">
        <v>7139</v>
      </c>
      <c r="B6735" s="6" t="e"/>
      <c r="C6735" s="6" t="s">
        <v>219</v>
      </c>
      <c r="D6735" s="6" t="s">
        <v>11</v>
      </c>
      <c r="E6735" s="6" t="e"/>
    </row>
    <row r="6736" ht="44" customHeight="true" s="1" customFormat="true" hidden="true" outlineLevel="3">
      <c r="A6736" s="6" t="s">
        <v>7140</v>
      </c>
      <c r="B6736" s="6" t="e"/>
      <c r="C6736" s="6" t="s">
        <v>149</v>
      </c>
      <c r="D6736" s="6" t="s">
        <v>11</v>
      </c>
      <c r="E6736" s="6" t="e"/>
    </row>
    <row r="6737" ht="22" customHeight="true" s="1" customFormat="true" hidden="true" outlineLevel="3">
      <c r="A6737" s="6" t="s">
        <v>7141</v>
      </c>
      <c r="B6737" s="6" t="e"/>
      <c r="C6737" s="6" t="s">
        <v>103</v>
      </c>
      <c r="D6737" s="6" t="s">
        <v>11</v>
      </c>
      <c r="E6737" s="6" t="e"/>
    </row>
    <row r="6738" ht="56" customHeight="true" s="1" customFormat="true" hidden="true" outlineLevel="3">
      <c r="A6738" s="6" t="s">
        <v>7142</v>
      </c>
      <c r="B6738" s="6" t="e"/>
      <c r="C6738" s="6" t="s">
        <v>103</v>
      </c>
      <c r="D6738" s="6" t="s">
        <v>11</v>
      </c>
      <c r="E6738" s="6" t="e"/>
    </row>
    <row r="6739" ht="56" customHeight="true" s="1" customFormat="true" hidden="true" outlineLevel="3">
      <c r="A6739" s="6" t="s">
        <v>7143</v>
      </c>
      <c r="B6739" s="6" t="e"/>
      <c r="C6739" s="6" t="s">
        <v>142</v>
      </c>
      <c r="D6739" s="6" t="s">
        <v>11</v>
      </c>
      <c r="E6739" s="6" t="e"/>
    </row>
    <row r="6740" ht="56" customHeight="true" s="1" customFormat="true" hidden="true" collapsed="true" outlineLevel="3">
      <c r="A6740" s="6" t="s">
        <v>7144</v>
      </c>
      <c r="B6740" s="6" t="e"/>
      <c r="C6740" s="6" t="s">
        <v>219</v>
      </c>
      <c r="D6740" s="6" t="s">
        <v>11</v>
      </c>
      <c r="E6740" s="6" t="e"/>
    </row>
    <row r="6741" ht="11" customHeight="true" s="1" customFormat="true" hidden="true" collapsed="true" outlineLevel="2">
      <c r="A6741" s="5" t="s">
        <v>7145</v>
      </c>
      <c r="B6741" s="5" t="e"/>
      <c r="C6741" s="5" t="e"/>
      <c r="D6741" s="5" t="e"/>
      <c r="E6741" s="5" t="e"/>
    </row>
    <row r="6742" ht="33" customHeight="true" s="1" customFormat="true" hidden="true" outlineLevel="3">
      <c r="A6742" s="6" t="s">
        <v>7146</v>
      </c>
      <c r="B6742" s="6" t="e"/>
      <c r="C6742" s="6" t="s">
        <v>51</v>
      </c>
      <c r="D6742" s="6" t="s">
        <v>11</v>
      </c>
      <c r="E6742" s="6" t="e"/>
    </row>
    <row r="6743" ht="56" customHeight="true" s="1" customFormat="true" hidden="true" outlineLevel="3">
      <c r="A6743" s="6" t="s">
        <v>7147</v>
      </c>
      <c r="B6743" s="6" t="e"/>
      <c r="C6743" s="6" t="s">
        <v>149</v>
      </c>
      <c r="D6743" s="6" t="s">
        <v>11</v>
      </c>
      <c r="E6743" s="6" t="e"/>
    </row>
    <row r="6744" ht="67" customHeight="true" s="1" customFormat="true" hidden="true" outlineLevel="3">
      <c r="A6744" s="6" t="s">
        <v>7148</v>
      </c>
      <c r="B6744" s="6" t="e"/>
      <c r="C6744" s="6" t="s">
        <v>219</v>
      </c>
      <c r="D6744" s="6" t="s">
        <v>11</v>
      </c>
      <c r="E6744" s="6" t="e"/>
    </row>
    <row r="6745" ht="56" customHeight="true" s="1" customFormat="true" hidden="true" outlineLevel="3">
      <c r="A6745" s="6" t="s">
        <v>7149</v>
      </c>
      <c r="B6745" s="6" t="e"/>
      <c r="C6745" s="6" t="s">
        <v>50</v>
      </c>
      <c r="D6745" s="6" t="s">
        <v>11</v>
      </c>
      <c r="E6745" s="6" t="e"/>
    </row>
    <row r="6746" ht="44" customHeight="true" s="1" customFormat="true" hidden="true" outlineLevel="3">
      <c r="A6746" s="6" t="s">
        <v>7150</v>
      </c>
      <c r="B6746" s="6" t="e"/>
      <c r="C6746" s="6" t="s">
        <v>219</v>
      </c>
      <c r="D6746" s="6" t="s">
        <v>11</v>
      </c>
      <c r="E6746" s="6" t="e"/>
    </row>
    <row r="6747" ht="44" customHeight="true" s="1" customFormat="true" hidden="true" outlineLevel="3">
      <c r="A6747" s="6" t="s">
        <v>7151</v>
      </c>
      <c r="B6747" s="6" t="e"/>
      <c r="C6747" s="6" t="s">
        <v>55</v>
      </c>
      <c r="D6747" s="6" t="s">
        <v>11</v>
      </c>
      <c r="E6747" s="6" t="e"/>
    </row>
    <row r="6748" ht="33" customHeight="true" s="1" customFormat="true" hidden="true" outlineLevel="3">
      <c r="A6748" s="6" t="s">
        <v>7152</v>
      </c>
      <c r="B6748" s="6" t="e"/>
      <c r="C6748" s="6" t="s">
        <v>155</v>
      </c>
      <c r="D6748" s="6" t="s">
        <v>11</v>
      </c>
      <c r="E6748" s="6" t="e"/>
    </row>
    <row r="6749" ht="11" customHeight="true" collapsed="true" outlineLevel="1">
      <c r="A6749" s="5" t="s">
        <v>7153</v>
      </c>
      <c r="B6749" s="5" t="e"/>
      <c r="C6749" s="5" t="e"/>
      <c r="D6749" s="5" t="e"/>
      <c r="E6749" s="5" t="e"/>
    </row>
    <row r="6750" ht="44" customHeight="true" s="1" customFormat="true" hidden="true" outlineLevel="2">
      <c r="A6750" s="6" t="s">
        <v>7154</v>
      </c>
      <c r="B6750" s="6" t="e"/>
      <c r="C6750" s="6" t="s">
        <v>167</v>
      </c>
      <c r="D6750" s="6" t="s">
        <v>176</v>
      </c>
      <c r="E6750" s="6" t="e"/>
    </row>
    <row r="6751" ht="44" customHeight="true" s="1" customFormat="true" hidden="true" outlineLevel="2">
      <c r="A6751" s="6" t="s">
        <v>7155</v>
      </c>
      <c r="B6751" s="6" t="e"/>
      <c r="C6751" s="6" t="s">
        <v>149</v>
      </c>
      <c r="D6751" s="6" t="s">
        <v>11</v>
      </c>
      <c r="E6751" s="6" t="e"/>
    </row>
  </sheetData>
  <mergeCells count="500">
    <mergeCell ref="A3:F3"/>
    <mergeCell ref="A6:E6"/>
    <mergeCell ref="A7:E7"/>
    <mergeCell ref="A20:E20"/>
    <mergeCell ref="A21:E21"/>
    <mergeCell ref="A23:E23"/>
    <mergeCell ref="A29:E29"/>
    <mergeCell ref="A35:E35"/>
    <mergeCell ref="A38:E38"/>
    <mergeCell ref="A44:E44"/>
    <mergeCell ref="A49:E49"/>
    <mergeCell ref="A50:E50"/>
    <mergeCell ref="A72:E72"/>
    <mergeCell ref="A77:E77"/>
    <mergeCell ref="A82:E82"/>
    <mergeCell ref="A92:E92"/>
    <mergeCell ref="A96:E96"/>
    <mergeCell ref="A100:E100"/>
    <mergeCell ref="A103:E103"/>
    <mergeCell ref="A116:E116"/>
    <mergeCell ref="A121:E121"/>
    <mergeCell ref="A127:E127"/>
    <mergeCell ref="A132:E132"/>
    <mergeCell ref="A136:E136"/>
    <mergeCell ref="A137:E137"/>
    <mergeCell ref="A144:E144"/>
    <mergeCell ref="A148:E148"/>
    <mergeCell ref="A157:E157"/>
    <mergeCell ref="A159:E159"/>
    <mergeCell ref="A161:E161"/>
    <mergeCell ref="A163:E163"/>
    <mergeCell ref="A165:E165"/>
    <mergeCell ref="A170:E170"/>
    <mergeCell ref="A173:E173"/>
    <mergeCell ref="A175:E175"/>
    <mergeCell ref="A240:E240"/>
    <mergeCell ref="A247:E247"/>
    <mergeCell ref="A250:E250"/>
    <mergeCell ref="A263:E263"/>
    <mergeCell ref="A264:E264"/>
    <mergeCell ref="A278:E278"/>
    <mergeCell ref="A281:E281"/>
    <mergeCell ref="A284:E284"/>
    <mergeCell ref="A291:E291"/>
    <mergeCell ref="A292:E292"/>
    <mergeCell ref="A306:E306"/>
    <mergeCell ref="A314:E314"/>
    <mergeCell ref="A333:E333"/>
    <mergeCell ref="A340:E340"/>
    <mergeCell ref="A345:E345"/>
    <mergeCell ref="A352:E352"/>
    <mergeCell ref="A358:E358"/>
    <mergeCell ref="A359:E359"/>
    <mergeCell ref="A361:E361"/>
    <mergeCell ref="A369:E369"/>
    <mergeCell ref="A371:E371"/>
    <mergeCell ref="A375:E375"/>
    <mergeCell ref="A377:E377"/>
    <mergeCell ref="A384:E384"/>
    <mergeCell ref="A387:E387"/>
    <mergeCell ref="A390:E390"/>
    <mergeCell ref="A391:E391"/>
    <mergeCell ref="A394:E394"/>
    <mergeCell ref="A398:E398"/>
    <mergeCell ref="A402:E402"/>
    <mergeCell ref="A440:E440"/>
    <mergeCell ref="A443:E443"/>
    <mergeCell ref="A526:E526"/>
    <mergeCell ref="A534:E534"/>
    <mergeCell ref="A538:E538"/>
    <mergeCell ref="A551:E551"/>
    <mergeCell ref="A628:E628"/>
    <mergeCell ref="A667:E667"/>
    <mergeCell ref="A691:E691"/>
    <mergeCell ref="A709:E709"/>
    <mergeCell ref="A712:E712"/>
    <mergeCell ref="A722:E722"/>
    <mergeCell ref="A727:E727"/>
    <mergeCell ref="A730:E730"/>
    <mergeCell ref="A737:E737"/>
    <mergeCell ref="A740:E740"/>
    <mergeCell ref="A742:E742"/>
    <mergeCell ref="A770:E770"/>
    <mergeCell ref="A771:E771"/>
    <mergeCell ref="A772:E772"/>
    <mergeCell ref="A774:E774"/>
    <mergeCell ref="A785:E785"/>
    <mergeCell ref="A803:E803"/>
    <mergeCell ref="A829:E829"/>
    <mergeCell ref="A844:E844"/>
    <mergeCell ref="A846:E846"/>
    <mergeCell ref="A859:E859"/>
    <mergeCell ref="A870:E870"/>
    <mergeCell ref="A874:E874"/>
    <mergeCell ref="A876:E876"/>
    <mergeCell ref="A899:E899"/>
    <mergeCell ref="A901:E901"/>
    <mergeCell ref="A905:E905"/>
    <mergeCell ref="A906:E906"/>
    <mergeCell ref="A908:E908"/>
    <mergeCell ref="A922:E922"/>
    <mergeCell ref="A927:E927"/>
    <mergeCell ref="A931:E931"/>
    <mergeCell ref="A940:E940"/>
    <mergeCell ref="A950:E950"/>
    <mergeCell ref="A961:E961"/>
    <mergeCell ref="A972:E972"/>
    <mergeCell ref="A973:E973"/>
    <mergeCell ref="A988:E988"/>
    <mergeCell ref="A1008:E1008"/>
    <mergeCell ref="A1011:E1011"/>
    <mergeCell ref="A1012:E1012"/>
    <mergeCell ref="A1027:E1027"/>
    <mergeCell ref="A1032:E1032"/>
    <mergeCell ref="A1036:E1036"/>
    <mergeCell ref="A1037:E1037"/>
    <mergeCell ref="A1040:E1040"/>
    <mergeCell ref="A1043:E1043"/>
    <mergeCell ref="A1046:E1046"/>
    <mergeCell ref="A1049:E1049"/>
    <mergeCell ref="A1052:E1052"/>
    <mergeCell ref="A1053:E1053"/>
    <mergeCell ref="A1057:E1057"/>
    <mergeCell ref="A1067:E1067"/>
    <mergeCell ref="A1070:E1070"/>
    <mergeCell ref="A1071:E1071"/>
    <mergeCell ref="A1090:E1090"/>
    <mergeCell ref="A1094:E1094"/>
    <mergeCell ref="A1109:E1109"/>
    <mergeCell ref="A1120:E1120"/>
    <mergeCell ref="A1131:E1131"/>
    <mergeCell ref="A1140:E1140"/>
    <mergeCell ref="A1142:E1142"/>
    <mergeCell ref="A1150:E1150"/>
    <mergeCell ref="A1204:E1204"/>
    <mergeCell ref="A1245:E1245"/>
    <mergeCell ref="A1249:E1249"/>
    <mergeCell ref="A1257:E1257"/>
    <mergeCell ref="A1259:E1259"/>
    <mergeCell ref="A1306:E1306"/>
    <mergeCell ref="A1311:E1311"/>
    <mergeCell ref="A1314:E1314"/>
    <mergeCell ref="A1318:E1318"/>
    <mergeCell ref="A1320:E1320"/>
    <mergeCell ref="A1328:E1328"/>
    <mergeCell ref="A1331:E1331"/>
    <mergeCell ref="A1333:E1333"/>
    <mergeCell ref="A1341:E1341"/>
    <mergeCell ref="A1345:E1345"/>
    <mergeCell ref="A1356:E1356"/>
    <mergeCell ref="A1361:E1361"/>
    <mergeCell ref="A1362:E1362"/>
    <mergeCell ref="A1364:E1364"/>
    <mergeCell ref="A1366:E1366"/>
    <mergeCell ref="A1367:E1367"/>
    <mergeCell ref="A1370:E1370"/>
    <mergeCell ref="A1373:E1373"/>
    <mergeCell ref="A1375:E1375"/>
    <mergeCell ref="A1380:E1380"/>
    <mergeCell ref="A1384:E1384"/>
    <mergeCell ref="A1389:E1389"/>
    <mergeCell ref="A1393:E1393"/>
    <mergeCell ref="A1396:E1396"/>
    <mergeCell ref="A1400:E1400"/>
    <mergeCell ref="A1403:E1403"/>
    <mergeCell ref="A1407:E1407"/>
    <mergeCell ref="A1431:E1431"/>
    <mergeCell ref="A1432:E1432"/>
    <mergeCell ref="A1434:E1434"/>
    <mergeCell ref="A1436:E1436"/>
    <mergeCell ref="A1438:E1438"/>
    <mergeCell ref="A1469:E1469"/>
    <mergeCell ref="A1478:E1478"/>
    <mergeCell ref="A1481:E1481"/>
    <mergeCell ref="A1483:E1483"/>
    <mergeCell ref="A1487:E1487"/>
    <mergeCell ref="A1488:E1488"/>
    <mergeCell ref="A1498:E1498"/>
    <mergeCell ref="A1501:E1501"/>
    <mergeCell ref="A1510:E1510"/>
    <mergeCell ref="A1512:E1512"/>
    <mergeCell ref="A1516:E1516"/>
    <mergeCell ref="A1526:E1526"/>
    <mergeCell ref="A1529:E1529"/>
    <mergeCell ref="A1532:E1532"/>
    <mergeCell ref="A1561:E1561"/>
    <mergeCell ref="A1621:E1621"/>
    <mergeCell ref="A1622:E1622"/>
    <mergeCell ref="A1624:E1624"/>
    <mergeCell ref="A1629:E1629"/>
    <mergeCell ref="A1640:E1640"/>
    <mergeCell ref="A1649:E1649"/>
    <mergeCell ref="A1651:E1651"/>
    <mergeCell ref="A1652:E1652"/>
    <mergeCell ref="A1669:E1669"/>
    <mergeCell ref="A1676:E1676"/>
    <mergeCell ref="A1679:E1679"/>
    <mergeCell ref="A1684:E1684"/>
    <mergeCell ref="A1700:E1700"/>
    <mergeCell ref="A1705:E1705"/>
    <mergeCell ref="A1708:E1708"/>
    <mergeCell ref="A1714:E1714"/>
    <mergeCell ref="A1720:E1720"/>
    <mergeCell ref="A1722:E1722"/>
    <mergeCell ref="A1724:E1724"/>
    <mergeCell ref="A1726:E1726"/>
    <mergeCell ref="A1736:E1736"/>
    <mergeCell ref="A1737:E1737"/>
    <mergeCell ref="A1767:E1767"/>
    <mergeCell ref="A1775:E1775"/>
    <mergeCell ref="A1785:E1785"/>
    <mergeCell ref="A1787:E1787"/>
    <mergeCell ref="A1792:E1792"/>
    <mergeCell ref="A1807:E1807"/>
    <mergeCell ref="A1811:E1811"/>
    <mergeCell ref="A1815:E1815"/>
    <mergeCell ref="A1822:E1822"/>
    <mergeCell ref="A1824:E1824"/>
    <mergeCell ref="A1836:E1836"/>
    <mergeCell ref="A1840:E1840"/>
    <mergeCell ref="A1845:E1845"/>
    <mergeCell ref="A1853:E1853"/>
    <mergeCell ref="A1855:E1855"/>
    <mergeCell ref="A1858:E1858"/>
    <mergeCell ref="A1863:E1863"/>
    <mergeCell ref="A1882:E1882"/>
    <mergeCell ref="A1883:E1883"/>
    <mergeCell ref="A1893:E1893"/>
    <mergeCell ref="A1943:E1943"/>
    <mergeCell ref="A1951:E1951"/>
    <mergeCell ref="A1952:E1952"/>
    <mergeCell ref="A1954:E1954"/>
    <mergeCell ref="A1958:E1958"/>
    <mergeCell ref="A1960:E1960"/>
    <mergeCell ref="A1964:E1964"/>
    <mergeCell ref="A1967:E1967"/>
    <mergeCell ref="A1979:E1979"/>
    <mergeCell ref="A2000:E2000"/>
    <mergeCell ref="A2002:E2002"/>
    <mergeCell ref="A2010:E2010"/>
    <mergeCell ref="A2017:E2017"/>
    <mergeCell ref="A2023:E2023"/>
    <mergeCell ref="A2032:E2032"/>
    <mergeCell ref="A2054:E2054"/>
    <mergeCell ref="A2062:E2062"/>
    <mergeCell ref="A2076:E2076"/>
    <mergeCell ref="A2081:E2081"/>
    <mergeCell ref="A2082:E2082"/>
    <mergeCell ref="A2085:E2085"/>
    <mergeCell ref="A2105:E2105"/>
    <mergeCell ref="A2118:E2118"/>
    <mergeCell ref="A2119:E2119"/>
    <mergeCell ref="A2135:E2135"/>
    <mergeCell ref="A2143:E2143"/>
    <mergeCell ref="A2150:E2150"/>
    <mergeCell ref="A2182:E2182"/>
    <mergeCell ref="A2208:E2208"/>
    <mergeCell ref="A2216:E2216"/>
    <mergeCell ref="A2223:E2223"/>
    <mergeCell ref="A2228:E2228"/>
    <mergeCell ref="A2234:E2234"/>
    <mergeCell ref="A2237:E2237"/>
    <mergeCell ref="A2247:E2247"/>
    <mergeCell ref="A2248:E2248"/>
    <mergeCell ref="A2249:E2249"/>
    <mergeCell ref="A2251:E2251"/>
    <mergeCell ref="A2254:E2254"/>
    <mergeCell ref="A2268:E2268"/>
    <mergeCell ref="A2270:E2270"/>
    <mergeCell ref="A2274:E2274"/>
    <mergeCell ref="A2277:E2277"/>
    <mergeCell ref="A2302:E2302"/>
    <mergeCell ref="A2304:E2304"/>
    <mergeCell ref="A2316:E2316"/>
    <mergeCell ref="A2331:E2331"/>
    <mergeCell ref="A2346:E2346"/>
    <mergeCell ref="A2364:E2364"/>
    <mergeCell ref="A2366:E2366"/>
    <mergeCell ref="A2371:E2371"/>
    <mergeCell ref="A2417:E2417"/>
    <mergeCell ref="A2421:E2421"/>
    <mergeCell ref="A2427:E2427"/>
    <mergeCell ref="A2489:E2489"/>
    <mergeCell ref="A2491:E2491"/>
    <mergeCell ref="A2517:E2517"/>
    <mergeCell ref="A2520:E2520"/>
    <mergeCell ref="A2523:E2523"/>
    <mergeCell ref="A2538:E2538"/>
    <mergeCell ref="A2545:E2545"/>
    <mergeCell ref="A2570:E2570"/>
    <mergeCell ref="A2572:E2572"/>
    <mergeCell ref="A2573:E2573"/>
    <mergeCell ref="A2616:E2616"/>
    <mergeCell ref="A2617:E2617"/>
    <mergeCell ref="A2627:E2627"/>
    <mergeCell ref="A2628:E2628"/>
    <mergeCell ref="A2650:E2650"/>
    <mergeCell ref="A2651:E2651"/>
    <mergeCell ref="A2660:E2660"/>
    <mergeCell ref="A2661:E2661"/>
    <mergeCell ref="A2663:E2663"/>
    <mergeCell ref="A2681:E2681"/>
    <mergeCell ref="A2683:E2683"/>
    <mergeCell ref="A2686:E2686"/>
    <mergeCell ref="A2691:E2691"/>
    <mergeCell ref="A2695:E2695"/>
    <mergeCell ref="A2697:E2697"/>
    <mergeCell ref="A2700:E2700"/>
    <mergeCell ref="A2710:E2710"/>
    <mergeCell ref="A2733:E2733"/>
    <mergeCell ref="A2751:E2751"/>
    <mergeCell ref="A2754:E2754"/>
    <mergeCell ref="A2759:E2759"/>
    <mergeCell ref="A2760:E2760"/>
    <mergeCell ref="A2782:E2782"/>
    <mergeCell ref="A2801:E2801"/>
    <mergeCell ref="A2818:E2818"/>
    <mergeCell ref="A2828:E2828"/>
    <mergeCell ref="A2867:E2867"/>
    <mergeCell ref="A2869:E2869"/>
    <mergeCell ref="A2906:E2906"/>
    <mergeCell ref="A2929:E2929"/>
    <mergeCell ref="A2955:E2955"/>
    <mergeCell ref="A3001:E3001"/>
    <mergeCell ref="A3009:E3009"/>
    <mergeCell ref="A3012:E3012"/>
    <mergeCell ref="A3078:E3078"/>
    <mergeCell ref="A3083:E3083"/>
    <mergeCell ref="A3086:E3086"/>
    <mergeCell ref="A3164:E3164"/>
    <mergeCell ref="A3224:E3224"/>
    <mergeCell ref="A3234:E3234"/>
    <mergeCell ref="A3252:E3252"/>
    <mergeCell ref="A3260:E3260"/>
    <mergeCell ref="A3262:E3262"/>
    <mergeCell ref="A3263:E3263"/>
    <mergeCell ref="A3265:E3265"/>
    <mergeCell ref="A3284:E3284"/>
    <mergeCell ref="A3286:E3286"/>
    <mergeCell ref="A3294:E3294"/>
    <mergeCell ref="A3296:E3296"/>
    <mergeCell ref="A3301:E3301"/>
    <mergeCell ref="A3304:E3304"/>
    <mergeCell ref="A3320:E3320"/>
    <mergeCell ref="A3365:E3365"/>
    <mergeCell ref="A3379:E3379"/>
    <mergeCell ref="A3383:E3383"/>
    <mergeCell ref="A3388:E3388"/>
    <mergeCell ref="A3389:E3389"/>
    <mergeCell ref="A3404:E3404"/>
    <mergeCell ref="A3407:E3407"/>
    <mergeCell ref="A3411:E3411"/>
    <mergeCell ref="A3444:E3444"/>
    <mergeCell ref="A3448:E3448"/>
    <mergeCell ref="A3452:E3452"/>
    <mergeCell ref="A3457:E3457"/>
    <mergeCell ref="A3470:E3470"/>
    <mergeCell ref="A3471:E3471"/>
    <mergeCell ref="A3518:E3518"/>
    <mergeCell ref="A3541:E3541"/>
    <mergeCell ref="A3542:E3542"/>
    <mergeCell ref="A3545:E3545"/>
    <mergeCell ref="A3640:E3640"/>
    <mergeCell ref="A3669:E3669"/>
    <mergeCell ref="A3689:E3689"/>
    <mergeCell ref="A3690:E3690"/>
    <mergeCell ref="A3707:E3707"/>
    <mergeCell ref="A3708:E3708"/>
    <mergeCell ref="A3713:E3713"/>
    <mergeCell ref="A3743:E3743"/>
    <mergeCell ref="A3749:E3749"/>
    <mergeCell ref="A3765:E3765"/>
    <mergeCell ref="A3773:E3773"/>
    <mergeCell ref="A3776:E3776"/>
    <mergeCell ref="A3789:E3789"/>
    <mergeCell ref="A3834:E3834"/>
    <mergeCell ref="A3899:E3899"/>
    <mergeCell ref="A3948:E3948"/>
    <mergeCell ref="A3954:E3954"/>
    <mergeCell ref="A3958:E3958"/>
    <mergeCell ref="A3959:E3959"/>
    <mergeCell ref="A3982:E3982"/>
    <mergeCell ref="A3983:E3983"/>
    <mergeCell ref="A4009:E4009"/>
    <mergeCell ref="A4012:E4012"/>
    <mergeCell ref="A4017:E4017"/>
    <mergeCell ref="A4037:E4037"/>
    <mergeCell ref="A4039:E4039"/>
    <mergeCell ref="A4044:E4044"/>
    <mergeCell ref="A4047:E4047"/>
    <mergeCell ref="A4175:E4175"/>
    <mergeCell ref="A4303:E4303"/>
    <mergeCell ref="A4366:E4366"/>
    <mergeCell ref="A4370:E4370"/>
    <mergeCell ref="A4371:E4371"/>
    <mergeCell ref="A4425:E4425"/>
    <mergeCell ref="A4426:E4426"/>
    <mergeCell ref="A4429:E4429"/>
    <mergeCell ref="A4432:E4432"/>
    <mergeCell ref="A4435:E4435"/>
    <mergeCell ref="A4438:E4438"/>
    <mergeCell ref="A4448:E4448"/>
    <mergeCell ref="A4460:E4460"/>
    <mergeCell ref="A4467:E4467"/>
    <mergeCell ref="A4474:E4474"/>
    <mergeCell ref="A4475:E4475"/>
    <mergeCell ref="A4479:E4479"/>
    <mergeCell ref="A4484:E4484"/>
    <mergeCell ref="A4501:E4501"/>
    <mergeCell ref="A4530:E4530"/>
    <mergeCell ref="A4538:E4538"/>
    <mergeCell ref="A4541:E4541"/>
    <mergeCell ref="A4549:E4549"/>
    <mergeCell ref="A4558:E4558"/>
    <mergeCell ref="A4563:E4563"/>
    <mergeCell ref="A4565:E4565"/>
    <mergeCell ref="A4574:E4574"/>
    <mergeCell ref="A4650:E4650"/>
    <mergeCell ref="A4673:E4673"/>
    <mergeCell ref="A4681:E4681"/>
    <mergeCell ref="A4684:E4684"/>
    <mergeCell ref="A4686:E4686"/>
    <mergeCell ref="A4687:E4687"/>
    <mergeCell ref="A4689:E4689"/>
    <mergeCell ref="A4693:E4693"/>
    <mergeCell ref="A4710:E4710"/>
    <mergeCell ref="A4729:E4729"/>
    <mergeCell ref="A4730:E4730"/>
    <mergeCell ref="A4736:E4736"/>
    <mergeCell ref="A4737:E4737"/>
    <mergeCell ref="A4749:E4749"/>
    <mergeCell ref="A4753:E4753"/>
    <mergeCell ref="A4802:E4802"/>
    <mergeCell ref="A4899:E4899"/>
    <mergeCell ref="A4900:E4900"/>
    <mergeCell ref="A4910:E4910"/>
    <mergeCell ref="A4961:E4961"/>
    <mergeCell ref="A4979:E4979"/>
    <mergeCell ref="A4989:E4989"/>
    <mergeCell ref="A4991:E4991"/>
    <mergeCell ref="A4995:E4995"/>
    <mergeCell ref="A5017:E5017"/>
    <mergeCell ref="A5107:E5107"/>
    <mergeCell ref="A5113:E5113"/>
    <mergeCell ref="A5153:E5153"/>
    <mergeCell ref="A5180:E5180"/>
    <mergeCell ref="A5211:E5211"/>
    <mergeCell ref="A5292:E5292"/>
    <mergeCell ref="A5308:E5308"/>
    <mergeCell ref="A5349:E5349"/>
    <mergeCell ref="A5364:E5364"/>
    <mergeCell ref="A5366:E5366"/>
    <mergeCell ref="A5536:E5536"/>
    <mergeCell ref="A5575:E5575"/>
    <mergeCell ref="A5584:E5584"/>
    <mergeCell ref="A5596:E5596"/>
    <mergeCell ref="A5610:E5610"/>
    <mergeCell ref="A5653:E5653"/>
    <mergeCell ref="A5782:E5782"/>
    <mergeCell ref="A5783:E5783"/>
    <mergeCell ref="A5786:E5786"/>
    <mergeCell ref="A5789:E5789"/>
    <mergeCell ref="A5791:E5791"/>
    <mergeCell ref="A5800:E5800"/>
    <mergeCell ref="A5808:E5808"/>
    <mergeCell ref="A5814:E5814"/>
    <mergeCell ref="A5827:E5827"/>
    <mergeCell ref="A5842:E5842"/>
    <mergeCell ref="A5851:E5851"/>
    <mergeCell ref="A5865:E5865"/>
    <mergeCell ref="A5869:E5869"/>
    <mergeCell ref="A5900:E5900"/>
    <mergeCell ref="A5947:E5947"/>
    <mergeCell ref="A5986:E5986"/>
    <mergeCell ref="A5996:E5996"/>
    <mergeCell ref="A5998:E5998"/>
    <mergeCell ref="A6014:E6014"/>
    <mergeCell ref="A6015:E6015"/>
    <mergeCell ref="A6042:E6042"/>
    <mergeCell ref="A6044:E6044"/>
    <mergeCell ref="A6045:E6045"/>
    <mergeCell ref="A6069:E6069"/>
    <mergeCell ref="A6070:E6070"/>
    <mergeCell ref="A6101:E6101"/>
    <mergeCell ref="A6102:E6102"/>
    <mergeCell ref="A6218:E6218"/>
    <mergeCell ref="A6221:E6221"/>
    <mergeCell ref="A6230:E6230"/>
    <mergeCell ref="A6237:E6237"/>
    <mergeCell ref="A6278:E6278"/>
    <mergeCell ref="A6292:E6292"/>
    <mergeCell ref="A6324:E6324"/>
    <mergeCell ref="A6337:E6337"/>
    <mergeCell ref="A6341:E6341"/>
    <mergeCell ref="A6410:E6410"/>
    <mergeCell ref="A6623:E6623"/>
    <mergeCell ref="A6625:E6625"/>
    <mergeCell ref="A6683:E6683"/>
    <mergeCell ref="A6741:E6741"/>
    <mergeCell ref="A6749:E6749"/>
  </mergeCells>
  <pageMargins left="0.393700787401574803149606299" top="0.393700787401574803149606299" right="0.393700787401574803149606299" bottom="0.393700787401574803149606299" header="0" footer="0"/>
  <pageSetup blackAndWhite="false" scale="100" pageOrder="overThenDown" orientation="portrait"/>
  <headerFooter alignWithMargins="true" scaleWithDoc="true"/>
  <drawing r:id="rId1"/>
  <legacyDrawing r:id="rId2"/>
  <legacyDrawingHF r:id="rId5"/>
</worksheet>
</file>